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R1\"/>
    </mc:Choice>
  </mc:AlternateContent>
  <xr:revisionPtr revIDLastSave="0" documentId="13_ncr:1_{16FB5852-DEB3-4A71-BEC1-0A8516D22369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52511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令和元年9月末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3">
      <t>ニシデンジガタ</t>
    </rPh>
    <phoneticPr fontId="5"/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7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/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CAFDAC-28A8-4D54-9E07-CF5D6ACE54D8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x14ac:dyDescent="0.2">
      <c r="A9" s="50">
        <v>7</v>
      </c>
      <c r="B9" s="51" t="s">
        <v>163</v>
      </c>
    </row>
    <row r="10" spans="1:5" x14ac:dyDescent="0.2">
      <c r="A10" s="50">
        <v>8</v>
      </c>
      <c r="B10" s="51" t="s">
        <v>164</v>
      </c>
      <c r="D10" s="52" t="s">
        <v>165</v>
      </c>
      <c r="E10" s="52"/>
    </row>
    <row r="11" spans="1:5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x14ac:dyDescent="0.2">
      <c r="A16" s="50">
        <v>14</v>
      </c>
      <c r="B16" s="51" t="s">
        <v>176</v>
      </c>
    </row>
    <row r="17" spans="1:5" x14ac:dyDescent="0.2">
      <c r="A17" s="50">
        <v>15</v>
      </c>
      <c r="B17" s="51" t="s">
        <v>177</v>
      </c>
      <c r="D17" s="52" t="s">
        <v>178</v>
      </c>
      <c r="E17" s="52"/>
    </row>
    <row r="18" spans="1:5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x14ac:dyDescent="0.2">
      <c r="A28" s="50">
        <v>26</v>
      </c>
      <c r="B28" s="51" t="s">
        <v>198</v>
      </c>
    </row>
    <row r="29" spans="1:5" x14ac:dyDescent="0.2">
      <c r="A29" s="50">
        <v>27</v>
      </c>
      <c r="B29" s="51" t="s">
        <v>199</v>
      </c>
      <c r="D29" s="52" t="s">
        <v>200</v>
      </c>
      <c r="E29" s="52"/>
    </row>
    <row r="30" spans="1:5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x14ac:dyDescent="0.2">
      <c r="A39" s="50">
        <v>37</v>
      </c>
      <c r="B39" s="51" t="s">
        <v>219</v>
      </c>
    </row>
    <row r="40" spans="1:5" x14ac:dyDescent="0.2">
      <c r="A40" s="50">
        <v>38</v>
      </c>
      <c r="B40" s="51" t="s">
        <v>220</v>
      </c>
      <c r="D40" s="52" t="s">
        <v>221</v>
      </c>
      <c r="E40" s="52"/>
    </row>
    <row r="41" spans="1:5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x14ac:dyDescent="0.2">
      <c r="A46" s="50">
        <v>44</v>
      </c>
      <c r="B46" s="51" t="s">
        <v>232</v>
      </c>
    </row>
    <row r="47" spans="1:5" x14ac:dyDescent="0.2">
      <c r="A47" s="50">
        <v>45</v>
      </c>
      <c r="B47" s="51" t="s">
        <v>233</v>
      </c>
      <c r="D47" s="52" t="s">
        <v>234</v>
      </c>
      <c r="E47" s="52"/>
    </row>
    <row r="48" spans="1:5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x14ac:dyDescent="0.2">
      <c r="A51" s="50">
        <v>49</v>
      </c>
      <c r="B51" s="51" t="s">
        <v>241</v>
      </c>
    </row>
    <row r="52" spans="1:5" x14ac:dyDescent="0.2">
      <c r="A52" s="50">
        <v>50</v>
      </c>
      <c r="B52" s="51" t="s">
        <v>242</v>
      </c>
    </row>
    <row r="53" spans="1:5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2E46059C-7306-4B25-97C8-93473437FE04}"/>
    <hyperlink ref="B4" location="'年齢別・性別人口(02愛宕)'!A1" display="愛宕" xr:uid="{BA89D8CB-7554-49AC-B9B5-980A2A6C09D3}"/>
    <hyperlink ref="B5" location="'年齢別・性別人口(03安野屋)'!A1" display="安野屋" xr:uid="{DCCAB507-2608-4715-9D3F-07ADA3229338}"/>
    <hyperlink ref="B6" location="'年齢別・性別人口(04八人町)'!A1" display="八人町" xr:uid="{B59D4621-E5D9-4009-AE1B-5089B4016A7D}"/>
    <hyperlink ref="B7" location="'年齢別・性別人口(05五番町)'!A1" display="五番町" xr:uid="{F1EA8896-4D22-479C-B5C5-BF42666A00AA}"/>
    <hyperlink ref="B8" location="'年齢別・性別人口(06柳町)'!A1" display="柳町" xr:uid="{877D1BF9-761C-48B8-9E44-F12F30947745}"/>
    <hyperlink ref="B9" location="'年齢別・性別人口(07清水町)'!A1" display="清水町" xr:uid="{6683BCF0-0A87-43EC-8A78-D1D25E0F7197}"/>
    <hyperlink ref="B10" location="'年齢別・性別人口(08星井町)'!A1" display="星井町" xr:uid="{9325417E-E480-4D67-9E22-E09A346E149F}"/>
    <hyperlink ref="B11" location="'年齢別・性別人口(09西田地方)'!A1" display="西田地方" xr:uid="{97D5515C-1D46-4D02-B97B-D29B3C2B3EF9}"/>
    <hyperlink ref="B12" location="'年齢別・性別人口(10堀川)'!A1" display="堀川" xr:uid="{DC9B2BAB-0C6D-43FD-88E3-A89560BCF329}"/>
    <hyperlink ref="B13" location="'年齢別・性別人口(11堀川南)'!A1" display="堀川南" xr:uid="{1E56C1BF-9C95-4041-93F2-537A00B2020F}"/>
    <hyperlink ref="B14" location="'年齢別・性別人口(12東部)'!A1" display="東部" xr:uid="{FF2BD96D-D0F0-4355-89E6-5E61793E090F}"/>
    <hyperlink ref="B15" location="'年齢別・性別人口(13奥田)'!A1" display="奥田" xr:uid="{54CCC322-8BD5-4A71-95B4-32157BE1054B}"/>
    <hyperlink ref="B16" location="'年齢別・性別人口(14奥田北)'!A1" display="奥田北" xr:uid="{92A6FF52-384D-4A02-9201-724B42988BA3}"/>
    <hyperlink ref="B18" location="'年齢別・性別人口(16五福)'!A1" display="五福" xr:uid="{6298C893-D622-4B0F-8840-3E0D92AF3276}"/>
    <hyperlink ref="B19" location="'年齢別・性別人口(17神明)'!A1" display="神明" xr:uid="{D557EC8D-3728-4D00-BEC3-C06994E084C0}"/>
    <hyperlink ref="B20" location="'年齢別・性別人口(18岩瀬)'!A1" display="岩瀬" xr:uid="{0B8C4E18-65C9-40C1-86D6-ED62931342BD}"/>
    <hyperlink ref="B21" location="'年齢別・性別人口(19萩浦)'!A1" display="荻浦" xr:uid="{B8614D7A-AEDF-4426-9714-FBF4677F3CC7}"/>
    <hyperlink ref="B22" location="'年齢別・性別人口(20大広田)'!A1" display="大広田" xr:uid="{F10ADE0B-AE65-4EB4-B6B0-10044000D028}"/>
    <hyperlink ref="B23" location="'年齢別・性別人口(21浜黒崎)'!A1" display="浜黒崎" xr:uid="{9A342927-09F3-457E-9388-DF4BC981C92A}"/>
    <hyperlink ref="B24" location="'年齢別・性別人口(22針原)'!A1" display="針原" xr:uid="{BC25C48E-DEB4-4D0D-8082-827722855B5E}"/>
    <hyperlink ref="B25" location="'年齢別・性別人口(23豊田)'!A1" display="豊田" xr:uid="{06335E25-94CA-4EE5-AF2E-3A4D3669D9F1}"/>
    <hyperlink ref="B26" location="'年齢別・性別人口(24広田)'!A1" display="広田" xr:uid="{484C8D62-D1E6-438D-B4E8-97CCFED906A8}"/>
    <hyperlink ref="B27" location="'年齢別・性別人口(25新庄)'!A1" display="新庄" xr:uid="{E44230BF-4613-4DCC-8C2D-D0FE462A6E48}"/>
    <hyperlink ref="B28" location="'年齢別・性別人口(26藤ノ木)'!A1" display="藤ノ木" xr:uid="{4336A746-1A5A-475E-BC29-9390FEF4E124}"/>
    <hyperlink ref="B29" location="'年齢別・性別人口(27山室)'!A1" display="山室" xr:uid="{E8721957-3DBD-4470-8362-B67CA541E758}"/>
    <hyperlink ref="B30" location="'年齢別・性別人口(28山室中部)'!A1" display="山室中部" xr:uid="{45B866F4-16B4-47A0-A5A6-6393B4FC1365}"/>
    <hyperlink ref="B31" location="'年齢別・性別人口(29太田)'!A1" display="太田" xr:uid="{64ADE38A-1C22-409B-8212-2A8623FDBD83}"/>
    <hyperlink ref="B32" location="'年齢別・性別人口(30蜷川)'!A1" display="蜷川" xr:uid="{3FB0CE14-117A-4BF1-8D47-BB3CC838183D}"/>
    <hyperlink ref="B33" location="'年齢別・性別人口(31新保)'!A1" display="新保" xr:uid="{7E9EECCA-FDCD-4C9C-B561-F05F5E5B557B}"/>
    <hyperlink ref="B34" location="'年齢別・性別人口(32熊野)'!A1" display="熊野" xr:uid="{EF78BE8D-BE08-45B5-B059-A906023154FC}"/>
    <hyperlink ref="B35" location="'年齢別・性別人口(33月岡)'!A1" display="月岡" xr:uid="{D18D4791-9BF3-4DE4-A67C-936A87B6EA95}"/>
    <hyperlink ref="B36" location="'年齢別・性別人口(34四方)'!A1" display="四方" xr:uid="{7B3F38C3-5769-4E58-BFF0-149CDB543889}"/>
    <hyperlink ref="B37" location="'年齢別・性別人口(35八幡)'!A1" display="八幡" xr:uid="{4D5F0F5B-5D81-49D1-B2B6-4D8D4722466C}"/>
    <hyperlink ref="B38" location="'年齢別・性別人口(36草島)'!A1" display="草島" xr:uid="{2A0A6F88-5EE7-45E1-8CA5-6D487421A2C4}"/>
    <hyperlink ref="B39" location="'年齢別・性別人口(37倉垣)'!A1" display="倉垣" xr:uid="{460059B2-854D-4B25-AB77-293F3788A380}"/>
    <hyperlink ref="B40" location="'年齢別・性別人口(38呉羽)'!A1" display="呉羽" xr:uid="{ED2E0813-52C3-4642-8D34-1FFEA0F95A54}"/>
    <hyperlink ref="B41" location="'年齢別・性別人口(39長岡)'!A1" display="長岡" xr:uid="{5F06964B-3A7C-475A-88E3-BCF2F03637CB}"/>
    <hyperlink ref="B42" location="'年齢別・性別人口(40寒江)'!A1" display="寒江" xr:uid="{CFC94730-1370-4EB5-A23E-6075EFEC77B0}"/>
    <hyperlink ref="B43" location="'年齢別・性別人口(41古沢)'!A1" display="古沢" xr:uid="{74506DB6-3755-4B08-BCD2-3FA1069832BE}"/>
    <hyperlink ref="B44" location="'年齢別・性別人口(42老田)'!A1" display="老田" xr:uid="{4A0B9075-FC38-4260-92E5-3CBA7624CA7F}"/>
    <hyperlink ref="B45" location="'年齢別・性別人口(43池多)'!A1" display="池多" xr:uid="{1ACFA647-7D36-4848-866C-FB5F327A1525}"/>
    <hyperlink ref="B46" location="'年齢別・性別人口(44水橋中部)'!A1" display="水橋中部" xr:uid="{02C7156D-0E4A-4AC9-81F4-61BD2043ED46}"/>
    <hyperlink ref="B47" location="'年齢別・性別人口(45水橋西部)'!A1" display="水橋西部" xr:uid="{8BAD0A0A-C90A-4F85-86CF-4239084BF52D}"/>
    <hyperlink ref="B48" location="'年齢別・性別人口(46水橋東部)'!A1" display="水橋東部" xr:uid="{9DEFA140-A501-4406-ADF3-7CC12D1BF3C6}"/>
    <hyperlink ref="B49" location="'年齢別・性別人口(47三郷)'!A1" display="三郷" xr:uid="{285D3F94-5F36-470F-8AEE-C16F398B6AC8}"/>
    <hyperlink ref="B50" location="'年齢別・性別人口(48上条)'!A1" display="上条" xr:uid="{D5252693-C1E5-402C-B297-B7C9ED7B07CB}"/>
    <hyperlink ref="B51" location="'年齢別・性別人口(49光陽)'!A1" display="光陽" xr:uid="{37E3ED8C-CB33-4040-B17D-2ECC331D9B30}"/>
    <hyperlink ref="B52" location="'年齢別・性別人口(50新庄北）'!A1" display="新庄北" xr:uid="{4282F8F1-3438-4070-8EF5-29F9F1E1A090}"/>
    <hyperlink ref="B53" location="'年齢別・性別人口(0099富山地域)'!A1" display="富山地域（合計）" xr:uid="{2917F105-2CCF-4EE6-8A5C-24C38E223B81}"/>
    <hyperlink ref="E3" location="'年齢別・性別人口0101下タ)'!A1" display="下夕" xr:uid="{F1FC48BD-6CF8-4251-B9EA-6498FE2DE8E0}"/>
    <hyperlink ref="E4" location="'年齢別・性別人口(0102小羽)'!A1" display="小羽" xr:uid="{52851CAE-86C1-4E4F-AE91-680A7C592F0C}"/>
    <hyperlink ref="E5" location="'年齢別・性別人口(0103船峅)'!A1" display="船峅" xr:uid="{BDB9FA18-E9E6-4E47-AA5F-89B0D753B158}"/>
    <hyperlink ref="E6" location="'年齢別・性別人口(0104大沢野)'!A1" display="大沢野" xr:uid="{C3E2044D-B6A4-42AA-8944-82240684A2FF}"/>
    <hyperlink ref="E7" location="'年齢別・性別人口(0105大久保)'!A1" display="大久保" xr:uid="{22991CEB-4ABF-46DD-9DB9-144F11C8DF05}"/>
    <hyperlink ref="E8" location="'年齢別・性別人口(0199大沢野地域)'!A1" display="大沢野地域（合計）" xr:uid="{18B95349-0431-470F-83C6-7D05B813ADE4}"/>
    <hyperlink ref="E11" location="'年齢別・性別人口(0201上滝)'!A1" display="上滝" xr:uid="{0F1FEE82-2A9C-42D0-AF84-58AA34BAC4BA}"/>
    <hyperlink ref="E12" location="'年齢別・性別人口(0202大山)'!A1" display="大山" xr:uid="{67DAC954-17D4-43DD-99C5-35A035BC22B2}"/>
    <hyperlink ref="E13" location="'年齢別・性別人口(0203大庄)'!A1" display="大庄" xr:uid="{2029BE84-92EF-4B82-BED2-E643316A4364}"/>
    <hyperlink ref="E14" location="'年齢別・性別人口(0204福沢)'!A1" display="福沢" xr:uid="{61BFF5E9-5626-4DC0-9869-517D2FDE5739}"/>
    <hyperlink ref="E15" location="'年齢別・性別人口(0299大山地域)'!A1" display="大山地域（合計）" xr:uid="{62861089-1CCB-4754-88F6-C1F54143C2EE}"/>
    <hyperlink ref="E18" location="'年齢別・性別人口(0301八尾)'!A1" display="八尾" xr:uid="{C60DD39F-CCFB-40C4-B42B-061696748F0C}"/>
    <hyperlink ref="E19" location="'年齢別・性別人口(0302保内)'!A1" display="保内" xr:uid="{03BEAA90-38DA-4C58-8A20-03F7E0E2D383}"/>
    <hyperlink ref="E20" location="'年齢別・性別人口(0303杉原)'!A1" display="杉原" xr:uid="{F08E0563-8249-4F42-8806-D7E7E7B434E2}"/>
    <hyperlink ref="E21" location="'年齢別・性別人口(0304卯花)'!A1" display="卯花" xr:uid="{CF074C91-DD61-4797-B0AD-02F36D85801E}"/>
    <hyperlink ref="E22" location="'年齢別・性別人口(0305室牧)'!A1" display="室牧" xr:uid="{8E0BF43B-D716-48CF-AE77-4128364B607D}"/>
    <hyperlink ref="E23" location="'年齢別・性別人口(0306黒瀬谷)'!A1" display="黒瀬谷" xr:uid="{856068B3-BB63-463E-BBB5-AAD3AB25E8AC}"/>
    <hyperlink ref="E24" location="'年齢別・性別人口(0307野積)'!A1" display="野積" xr:uid="{5E465AB1-C311-442B-A7BD-0768163260D9}"/>
    <hyperlink ref="E25" location="'年齢別・性別人口(0308仁歩)'!A1" display="仁歩" xr:uid="{96830206-4C14-44EB-8ACA-45F624A00901}"/>
    <hyperlink ref="E26" location="'年齢別・性別人口(0309大長谷)'!A1" display="大長谷" xr:uid="{5B3DF431-BB84-4DEF-87C3-7BD502D190FF}"/>
    <hyperlink ref="E27" location="'年齢別・性別人口(0399八尾地域)'!A1" display="八尾地域（合計）" xr:uid="{6C77C313-E43D-4AB4-AEA5-FAD0BEA3B196}"/>
    <hyperlink ref="E30" location="'年齢別・性別人口(0401速星)'!A1" display="速星" xr:uid="{DA32D44A-F1AB-4BB1-AE06-D329142D5897}"/>
    <hyperlink ref="E31" location="'年齢別・性別人口(0402鵜坂)'!A1" display="鵜坂" xr:uid="{8345EE0B-1AD9-400C-AF6C-B153C89C36AD}"/>
    <hyperlink ref="E32" location="'年齢別・性別人口(0403朝日)'!A1" display="朝日" xr:uid="{B61D1066-F419-41D5-9D6A-D9956979F0BE}"/>
    <hyperlink ref="E33" location="'年齢別・性別人口(0404宮川)'!A1" display="宮川" xr:uid="{C781AB49-C975-44C0-B5A3-C568EE61E4FE}"/>
    <hyperlink ref="E34" location="'年齢別・性別人口(0405婦中熊野)'!A1" display="婦中熊野" xr:uid="{081CF1ED-28E4-4AB5-BEBE-DD686951CB1A}"/>
    <hyperlink ref="E35" location="'年齢別・性別人口(0406古里)'!A1" display="古里" xr:uid="{C42A2873-F251-42A3-AE26-AECEF69EC8D9}"/>
    <hyperlink ref="E36" location="'年齢別・性別人口(0407音川)'!A1" display="音川" xr:uid="{62BC6765-C295-4FFA-A77A-B36A56722710}"/>
    <hyperlink ref="E37" location="'年齢別・性別人口(0408神保)'!A1" display="神保" xr:uid="{87E58017-18A7-4749-8F21-75889840B80B}"/>
    <hyperlink ref="E38" location="'年齢別・性別人口(0499婦中地域)'!A1" display="婦中地域（合計）" xr:uid="{81656E67-19A2-42BB-9597-5B7B488BBE7F}"/>
    <hyperlink ref="E41" location="'年齢別・性別人口(0501山田南部)'!A1" display="山田南部" xr:uid="{71AF9E81-D28A-4C86-B2D5-67488019726F}"/>
    <hyperlink ref="E42" location="'年齢別・性別人口(0502山田中部)'!A1" display="山田中部" xr:uid="{6625378E-7EE3-4EB5-9B87-32B9C022D0DD}"/>
    <hyperlink ref="E43" location="'年齢別・性別人口(0503山田西部)'!A1" display="山田西部" xr:uid="{D098EC80-BF19-42F5-8F81-9C29873C1ADA}"/>
    <hyperlink ref="E44" location="'年齢別・性別人口(0504山田東部)'!A1" display="山田東部" xr:uid="{1D0D6F38-346E-41D2-B8CB-ABD8C743E02C}"/>
    <hyperlink ref="E45" location="'年齢別・性別人口(0599山田地域)'!A1" display="山田地域（合計）" xr:uid="{0260429E-83DD-4F83-8D68-242F58D9F313}"/>
    <hyperlink ref="E48" location="'年齢別・性別人口(0601細入北部)'!A1" display="細入北部" xr:uid="{DD855BC9-9011-4787-9F91-D24923A5BDEA}"/>
    <hyperlink ref="E49" location="'年齢別・性別人口(0602細入南部)'!A1" display="細入南部" xr:uid="{6BC17B1A-0548-4E27-B03F-D35D279AB3B3}"/>
    <hyperlink ref="E50" location="'年齢別・性別人口(0699細入地域)'!A1" display="細入地域（合計）" xr:uid="{2DA5063A-1B20-4922-A6AD-851591284CD4}"/>
    <hyperlink ref="B17" location="'年齢別・性別人口(15桜谷)'!A1" display="桜谷" xr:uid="{CA6ED800-9034-4794-96A9-6F031171028E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9</v>
      </c>
      <c r="C5" s="12">
        <v>25</v>
      </c>
      <c r="D5" s="13">
        <v>54</v>
      </c>
    </row>
    <row r="6" spans="1:4" ht="18" customHeight="1" x14ac:dyDescent="0.2">
      <c r="A6" s="14">
        <v>1</v>
      </c>
      <c r="B6" s="15">
        <v>27</v>
      </c>
      <c r="C6" s="16">
        <v>27</v>
      </c>
      <c r="D6" s="17">
        <v>54</v>
      </c>
    </row>
    <row r="7" spans="1:4" ht="18" customHeight="1" x14ac:dyDescent="0.2">
      <c r="A7" s="14">
        <v>2</v>
      </c>
      <c r="B7" s="15">
        <v>20</v>
      </c>
      <c r="C7" s="16">
        <v>22</v>
      </c>
      <c r="D7" s="17">
        <v>42</v>
      </c>
    </row>
    <row r="8" spans="1:4" ht="18" customHeight="1" x14ac:dyDescent="0.2">
      <c r="A8" s="14">
        <v>3</v>
      </c>
      <c r="B8" s="15">
        <v>34</v>
      </c>
      <c r="C8" s="16">
        <v>29</v>
      </c>
      <c r="D8" s="17">
        <v>63</v>
      </c>
    </row>
    <row r="9" spans="1:4" ht="18" customHeight="1" x14ac:dyDescent="0.2">
      <c r="A9" s="14">
        <v>4</v>
      </c>
      <c r="B9" s="15">
        <v>27</v>
      </c>
      <c r="C9" s="16">
        <v>25</v>
      </c>
      <c r="D9" s="17">
        <v>52</v>
      </c>
    </row>
    <row r="10" spans="1:4" ht="18" customHeight="1" x14ac:dyDescent="0.2">
      <c r="A10" s="18" t="s">
        <v>48</v>
      </c>
      <c r="B10" s="15">
        <v>137</v>
      </c>
      <c r="C10" s="16">
        <v>128</v>
      </c>
      <c r="D10" s="17">
        <v>265</v>
      </c>
    </row>
    <row r="11" spans="1:4" ht="18" customHeight="1" x14ac:dyDescent="0.2">
      <c r="A11" s="14">
        <v>5</v>
      </c>
      <c r="B11" s="15">
        <v>28</v>
      </c>
      <c r="C11" s="16">
        <v>30</v>
      </c>
      <c r="D11" s="17">
        <v>58</v>
      </c>
    </row>
    <row r="12" spans="1:4" ht="18" customHeight="1" x14ac:dyDescent="0.2">
      <c r="A12" s="14">
        <v>6</v>
      </c>
      <c r="B12" s="15">
        <v>31</v>
      </c>
      <c r="C12" s="16">
        <v>21</v>
      </c>
      <c r="D12" s="17">
        <v>52</v>
      </c>
    </row>
    <row r="13" spans="1:4" ht="18" customHeight="1" x14ac:dyDescent="0.2">
      <c r="A13" s="14">
        <v>7</v>
      </c>
      <c r="B13" s="15">
        <v>27</v>
      </c>
      <c r="C13" s="16">
        <v>39</v>
      </c>
      <c r="D13" s="17">
        <v>66</v>
      </c>
    </row>
    <row r="14" spans="1:4" ht="18" customHeight="1" x14ac:dyDescent="0.2">
      <c r="A14" s="14">
        <v>8</v>
      </c>
      <c r="B14" s="15">
        <v>27</v>
      </c>
      <c r="C14" s="16">
        <v>28</v>
      </c>
      <c r="D14" s="17">
        <v>55</v>
      </c>
    </row>
    <row r="15" spans="1:4" ht="18" customHeight="1" x14ac:dyDescent="0.2">
      <c r="A15" s="14">
        <v>9</v>
      </c>
      <c r="B15" s="15">
        <v>27</v>
      </c>
      <c r="C15" s="16">
        <v>20</v>
      </c>
      <c r="D15" s="17">
        <v>47</v>
      </c>
    </row>
    <row r="16" spans="1:4" ht="18" customHeight="1" x14ac:dyDescent="0.2">
      <c r="A16" s="18" t="s">
        <v>49</v>
      </c>
      <c r="B16" s="15">
        <v>140</v>
      </c>
      <c r="C16" s="16">
        <v>138</v>
      </c>
      <c r="D16" s="17">
        <v>278</v>
      </c>
    </row>
    <row r="17" spans="1:4" ht="18" customHeight="1" x14ac:dyDescent="0.2">
      <c r="A17" s="14">
        <v>10</v>
      </c>
      <c r="B17" s="15">
        <v>29</v>
      </c>
      <c r="C17" s="16">
        <v>27</v>
      </c>
      <c r="D17" s="17">
        <v>56</v>
      </c>
    </row>
    <row r="18" spans="1:4" ht="18" customHeight="1" x14ac:dyDescent="0.2">
      <c r="A18" s="14">
        <v>11</v>
      </c>
      <c r="B18" s="15">
        <v>32</v>
      </c>
      <c r="C18" s="16">
        <v>38</v>
      </c>
      <c r="D18" s="17">
        <v>70</v>
      </c>
    </row>
    <row r="19" spans="1:4" ht="18" customHeight="1" x14ac:dyDescent="0.2">
      <c r="A19" s="14">
        <v>12</v>
      </c>
      <c r="B19" s="15">
        <v>28</v>
      </c>
      <c r="C19" s="16">
        <v>30</v>
      </c>
      <c r="D19" s="17">
        <v>58</v>
      </c>
    </row>
    <row r="20" spans="1:4" ht="18" customHeight="1" x14ac:dyDescent="0.2">
      <c r="A20" s="14">
        <v>13</v>
      </c>
      <c r="B20" s="15">
        <v>21</v>
      </c>
      <c r="C20" s="16">
        <v>25</v>
      </c>
      <c r="D20" s="17">
        <v>46</v>
      </c>
    </row>
    <row r="21" spans="1:4" ht="18" customHeight="1" x14ac:dyDescent="0.2">
      <c r="A21" s="14">
        <v>14</v>
      </c>
      <c r="B21" s="15">
        <v>24</v>
      </c>
      <c r="C21" s="16">
        <v>27</v>
      </c>
      <c r="D21" s="17">
        <v>51</v>
      </c>
    </row>
    <row r="22" spans="1:4" ht="18" customHeight="1" x14ac:dyDescent="0.2">
      <c r="A22" s="18" t="s">
        <v>50</v>
      </c>
      <c r="B22" s="15">
        <v>134</v>
      </c>
      <c r="C22" s="16">
        <v>147</v>
      </c>
      <c r="D22" s="17">
        <v>281</v>
      </c>
    </row>
    <row r="23" spans="1:4" ht="18" customHeight="1" x14ac:dyDescent="0.2">
      <c r="A23" s="18" t="s">
        <v>51</v>
      </c>
      <c r="B23" s="15">
        <v>411</v>
      </c>
      <c r="C23" s="16">
        <v>413</v>
      </c>
      <c r="D23" s="17">
        <v>824</v>
      </c>
    </row>
    <row r="24" spans="1:4" ht="18" customHeight="1" x14ac:dyDescent="0.2">
      <c r="A24" s="14">
        <v>15</v>
      </c>
      <c r="B24" s="15">
        <v>23</v>
      </c>
      <c r="C24" s="16">
        <v>30</v>
      </c>
      <c r="D24" s="17">
        <v>53</v>
      </c>
    </row>
    <row r="25" spans="1:4" ht="18" customHeight="1" x14ac:dyDescent="0.2">
      <c r="A25" s="14">
        <v>16</v>
      </c>
      <c r="B25" s="15">
        <v>30</v>
      </c>
      <c r="C25" s="16">
        <v>24</v>
      </c>
      <c r="D25" s="17">
        <v>54</v>
      </c>
    </row>
    <row r="26" spans="1:4" ht="18" customHeight="1" x14ac:dyDescent="0.2">
      <c r="A26" s="14">
        <v>17</v>
      </c>
      <c r="B26" s="15">
        <v>33</v>
      </c>
      <c r="C26" s="16">
        <v>25</v>
      </c>
      <c r="D26" s="17">
        <v>58</v>
      </c>
    </row>
    <row r="27" spans="1:4" ht="18" customHeight="1" x14ac:dyDescent="0.2">
      <c r="A27" s="14">
        <v>18</v>
      </c>
      <c r="B27" s="15">
        <v>22</v>
      </c>
      <c r="C27" s="16">
        <v>22</v>
      </c>
      <c r="D27" s="17">
        <v>44</v>
      </c>
    </row>
    <row r="28" spans="1:4" ht="18" customHeight="1" x14ac:dyDescent="0.2">
      <c r="A28" s="14">
        <v>19</v>
      </c>
      <c r="B28" s="15">
        <v>28</v>
      </c>
      <c r="C28" s="16">
        <v>22</v>
      </c>
      <c r="D28" s="17">
        <v>50</v>
      </c>
    </row>
    <row r="29" spans="1:4" ht="18" customHeight="1" x14ac:dyDescent="0.2">
      <c r="A29" s="18" t="s">
        <v>52</v>
      </c>
      <c r="B29" s="15">
        <v>136</v>
      </c>
      <c r="C29" s="16">
        <v>123</v>
      </c>
      <c r="D29" s="17">
        <v>259</v>
      </c>
    </row>
    <row r="30" spans="1:4" ht="18" customHeight="1" x14ac:dyDescent="0.2">
      <c r="A30" s="14">
        <v>20</v>
      </c>
      <c r="B30" s="15">
        <v>21</v>
      </c>
      <c r="C30" s="16">
        <v>22</v>
      </c>
      <c r="D30" s="17">
        <v>43</v>
      </c>
    </row>
    <row r="31" spans="1:4" ht="18" customHeight="1" x14ac:dyDescent="0.2">
      <c r="A31" s="14">
        <v>21</v>
      </c>
      <c r="B31" s="15">
        <v>33</v>
      </c>
      <c r="C31" s="16">
        <v>16</v>
      </c>
      <c r="D31" s="17">
        <v>49</v>
      </c>
    </row>
    <row r="32" spans="1:4" ht="18" customHeight="1" x14ac:dyDescent="0.2">
      <c r="A32" s="14">
        <v>22</v>
      </c>
      <c r="B32" s="15">
        <v>33</v>
      </c>
      <c r="C32" s="16">
        <v>17</v>
      </c>
      <c r="D32" s="17">
        <v>50</v>
      </c>
    </row>
    <row r="33" spans="1:4" ht="18" customHeight="1" x14ac:dyDescent="0.2">
      <c r="A33" s="14">
        <v>23</v>
      </c>
      <c r="B33" s="15">
        <v>25</v>
      </c>
      <c r="C33" s="16">
        <v>29</v>
      </c>
      <c r="D33" s="17">
        <v>54</v>
      </c>
    </row>
    <row r="34" spans="1:4" ht="18" customHeight="1" x14ac:dyDescent="0.2">
      <c r="A34" s="14">
        <v>24</v>
      </c>
      <c r="B34" s="15">
        <v>34</v>
      </c>
      <c r="C34" s="16">
        <v>16</v>
      </c>
      <c r="D34" s="17">
        <v>50</v>
      </c>
    </row>
    <row r="35" spans="1:4" ht="18" customHeight="1" x14ac:dyDescent="0.2">
      <c r="A35" s="18" t="s">
        <v>53</v>
      </c>
      <c r="B35" s="15">
        <v>146</v>
      </c>
      <c r="C35" s="16">
        <v>100</v>
      </c>
      <c r="D35" s="17">
        <v>246</v>
      </c>
    </row>
    <row r="36" spans="1:4" ht="18" customHeight="1" x14ac:dyDescent="0.2">
      <c r="A36" s="14">
        <v>25</v>
      </c>
      <c r="B36" s="15">
        <v>20</v>
      </c>
      <c r="C36" s="16">
        <v>24</v>
      </c>
      <c r="D36" s="17">
        <v>44</v>
      </c>
    </row>
    <row r="37" spans="1:4" ht="18" customHeight="1" x14ac:dyDescent="0.2">
      <c r="A37" s="14">
        <v>26</v>
      </c>
      <c r="B37" s="15">
        <v>25</v>
      </c>
      <c r="C37" s="16">
        <v>22</v>
      </c>
      <c r="D37" s="17">
        <v>47</v>
      </c>
    </row>
    <row r="38" spans="1:4" ht="18" customHeight="1" x14ac:dyDescent="0.2">
      <c r="A38" s="14">
        <v>27</v>
      </c>
      <c r="B38" s="15">
        <v>26</v>
      </c>
      <c r="C38" s="16">
        <v>18</v>
      </c>
      <c r="D38" s="17">
        <v>44</v>
      </c>
    </row>
    <row r="39" spans="1:4" ht="18" customHeight="1" x14ac:dyDescent="0.2">
      <c r="A39" s="14">
        <v>28</v>
      </c>
      <c r="B39" s="15">
        <v>32</v>
      </c>
      <c r="C39" s="16">
        <v>31</v>
      </c>
      <c r="D39" s="17">
        <v>63</v>
      </c>
    </row>
    <row r="40" spans="1:4" ht="18" customHeight="1" x14ac:dyDescent="0.2">
      <c r="A40" s="14">
        <v>29</v>
      </c>
      <c r="B40" s="15">
        <v>28</v>
      </c>
      <c r="C40" s="16">
        <v>29</v>
      </c>
      <c r="D40" s="17">
        <v>57</v>
      </c>
    </row>
    <row r="41" spans="1:4" ht="18" customHeight="1" x14ac:dyDescent="0.2">
      <c r="A41" s="18" t="s">
        <v>54</v>
      </c>
      <c r="B41" s="15">
        <v>131</v>
      </c>
      <c r="C41" s="16">
        <v>124</v>
      </c>
      <c r="D41" s="17">
        <v>255</v>
      </c>
    </row>
    <row r="42" spans="1:4" ht="18" customHeight="1" x14ac:dyDescent="0.2">
      <c r="A42" s="14">
        <v>30</v>
      </c>
      <c r="B42" s="15">
        <v>40</v>
      </c>
      <c r="C42" s="16">
        <v>29</v>
      </c>
      <c r="D42" s="17">
        <v>69</v>
      </c>
    </row>
    <row r="43" spans="1:4" ht="18" customHeight="1" x14ac:dyDescent="0.2">
      <c r="A43" s="14">
        <v>31</v>
      </c>
      <c r="B43" s="15">
        <v>25</v>
      </c>
      <c r="C43" s="16">
        <v>35</v>
      </c>
      <c r="D43" s="17">
        <v>60</v>
      </c>
    </row>
    <row r="44" spans="1:4" ht="18" customHeight="1" x14ac:dyDescent="0.2">
      <c r="A44" s="14">
        <v>32</v>
      </c>
      <c r="B44" s="15">
        <v>35</v>
      </c>
      <c r="C44" s="16">
        <v>32</v>
      </c>
      <c r="D44" s="17">
        <v>67</v>
      </c>
    </row>
    <row r="45" spans="1:4" ht="18" customHeight="1" x14ac:dyDescent="0.2">
      <c r="A45" s="14">
        <v>33</v>
      </c>
      <c r="B45" s="15">
        <v>36</v>
      </c>
      <c r="C45" s="16">
        <v>36</v>
      </c>
      <c r="D45" s="17">
        <v>72</v>
      </c>
    </row>
    <row r="46" spans="1:4" ht="18" customHeight="1" x14ac:dyDescent="0.2">
      <c r="A46" s="14">
        <v>34</v>
      </c>
      <c r="B46" s="15">
        <v>45</v>
      </c>
      <c r="C46" s="16">
        <v>38</v>
      </c>
      <c r="D46" s="17">
        <v>83</v>
      </c>
    </row>
    <row r="47" spans="1:4" ht="18" customHeight="1" x14ac:dyDescent="0.2">
      <c r="A47" s="18" t="s">
        <v>55</v>
      </c>
      <c r="B47" s="15">
        <v>181</v>
      </c>
      <c r="C47" s="16">
        <v>170</v>
      </c>
      <c r="D47" s="17">
        <v>351</v>
      </c>
    </row>
    <row r="48" spans="1:4" ht="18" customHeight="1" x14ac:dyDescent="0.2">
      <c r="A48" s="14">
        <v>35</v>
      </c>
      <c r="B48" s="15">
        <v>51</v>
      </c>
      <c r="C48" s="16">
        <v>39</v>
      </c>
      <c r="D48" s="17">
        <v>90</v>
      </c>
    </row>
    <row r="49" spans="1:4" ht="18" customHeight="1" x14ac:dyDescent="0.2">
      <c r="A49" s="14">
        <v>36</v>
      </c>
      <c r="B49" s="15">
        <v>48</v>
      </c>
      <c r="C49" s="16">
        <v>35</v>
      </c>
      <c r="D49" s="17">
        <v>83</v>
      </c>
    </row>
    <row r="50" spans="1:4" ht="18" customHeight="1" x14ac:dyDescent="0.2">
      <c r="A50" s="14">
        <v>37</v>
      </c>
      <c r="B50" s="15">
        <v>38</v>
      </c>
      <c r="C50" s="16">
        <v>37</v>
      </c>
      <c r="D50" s="17">
        <v>75</v>
      </c>
    </row>
    <row r="51" spans="1:4" ht="18" customHeight="1" x14ac:dyDescent="0.2">
      <c r="A51" s="14">
        <v>38</v>
      </c>
      <c r="B51" s="15">
        <v>52</v>
      </c>
      <c r="C51" s="16">
        <v>33</v>
      </c>
      <c r="D51" s="17">
        <v>85</v>
      </c>
    </row>
    <row r="52" spans="1:4" ht="18" customHeight="1" x14ac:dyDescent="0.2">
      <c r="A52" s="14">
        <v>39</v>
      </c>
      <c r="B52" s="15">
        <v>34</v>
      </c>
      <c r="C52" s="16">
        <v>32</v>
      </c>
      <c r="D52" s="17">
        <v>66</v>
      </c>
    </row>
    <row r="53" spans="1:4" ht="18" customHeight="1" x14ac:dyDescent="0.2">
      <c r="A53" s="18" t="s">
        <v>56</v>
      </c>
      <c r="B53" s="15">
        <v>223</v>
      </c>
      <c r="C53" s="16">
        <v>176</v>
      </c>
      <c r="D53" s="17">
        <v>399</v>
      </c>
    </row>
    <row r="54" spans="1:4" ht="18" customHeight="1" x14ac:dyDescent="0.2">
      <c r="A54" s="14">
        <v>40</v>
      </c>
      <c r="B54" s="15">
        <v>46</v>
      </c>
      <c r="C54" s="16">
        <v>41</v>
      </c>
      <c r="D54" s="17">
        <v>87</v>
      </c>
    </row>
    <row r="55" spans="1:4" ht="18" customHeight="1" x14ac:dyDescent="0.2">
      <c r="A55" s="14">
        <v>41</v>
      </c>
      <c r="B55" s="15">
        <v>38</v>
      </c>
      <c r="C55" s="16">
        <v>52</v>
      </c>
      <c r="D55" s="17">
        <v>90</v>
      </c>
    </row>
    <row r="56" spans="1:4" ht="18" customHeight="1" x14ac:dyDescent="0.2">
      <c r="A56" s="14">
        <v>42</v>
      </c>
      <c r="B56" s="15">
        <v>57</v>
      </c>
      <c r="C56" s="16">
        <v>45</v>
      </c>
      <c r="D56" s="17">
        <v>102</v>
      </c>
    </row>
    <row r="57" spans="1:4" ht="18" customHeight="1" x14ac:dyDescent="0.2">
      <c r="A57" s="14">
        <v>43</v>
      </c>
      <c r="B57" s="15">
        <v>42</v>
      </c>
      <c r="C57" s="16">
        <v>49</v>
      </c>
      <c r="D57" s="17">
        <v>91</v>
      </c>
    </row>
    <row r="58" spans="1:4" ht="18" customHeight="1" x14ac:dyDescent="0.2">
      <c r="A58" s="14">
        <v>44</v>
      </c>
      <c r="B58" s="15">
        <v>51</v>
      </c>
      <c r="C58" s="16">
        <v>53</v>
      </c>
      <c r="D58" s="17">
        <v>104</v>
      </c>
    </row>
    <row r="59" spans="1:4" ht="18" customHeight="1" x14ac:dyDescent="0.2">
      <c r="A59" s="18" t="s">
        <v>57</v>
      </c>
      <c r="B59" s="15">
        <v>234</v>
      </c>
      <c r="C59" s="16">
        <v>240</v>
      </c>
      <c r="D59" s="17">
        <v>474</v>
      </c>
    </row>
    <row r="60" spans="1:4" ht="18" customHeight="1" x14ac:dyDescent="0.2">
      <c r="A60" s="14">
        <v>45</v>
      </c>
      <c r="B60" s="15">
        <v>53</v>
      </c>
      <c r="C60" s="16">
        <v>75</v>
      </c>
      <c r="D60" s="17">
        <v>128</v>
      </c>
    </row>
    <row r="61" spans="1:4" ht="18" customHeight="1" x14ac:dyDescent="0.2">
      <c r="A61" s="14">
        <v>46</v>
      </c>
      <c r="B61" s="15">
        <v>64</v>
      </c>
      <c r="C61" s="16">
        <v>53</v>
      </c>
      <c r="D61" s="17">
        <v>117</v>
      </c>
    </row>
    <row r="62" spans="1:4" ht="18" customHeight="1" x14ac:dyDescent="0.2">
      <c r="A62" s="14">
        <v>47</v>
      </c>
      <c r="B62" s="15">
        <v>59</v>
      </c>
      <c r="C62" s="16">
        <v>62</v>
      </c>
      <c r="D62" s="17">
        <v>121</v>
      </c>
    </row>
    <row r="63" spans="1:4" ht="18" customHeight="1" x14ac:dyDescent="0.2">
      <c r="A63" s="14">
        <v>48</v>
      </c>
      <c r="B63" s="15">
        <v>62</v>
      </c>
      <c r="C63" s="16">
        <v>63</v>
      </c>
      <c r="D63" s="17">
        <v>125</v>
      </c>
    </row>
    <row r="64" spans="1:4" ht="18" customHeight="1" x14ac:dyDescent="0.2">
      <c r="A64" s="14">
        <v>49</v>
      </c>
      <c r="B64" s="15">
        <v>57</v>
      </c>
      <c r="C64" s="16">
        <v>40</v>
      </c>
      <c r="D64" s="17">
        <v>97</v>
      </c>
    </row>
    <row r="65" spans="1:4" ht="18" customHeight="1" x14ac:dyDescent="0.2">
      <c r="A65" s="18" t="s">
        <v>58</v>
      </c>
      <c r="B65" s="15">
        <v>295</v>
      </c>
      <c r="C65" s="16">
        <v>293</v>
      </c>
      <c r="D65" s="17">
        <v>588</v>
      </c>
    </row>
    <row r="66" spans="1:4" ht="18" customHeight="1" x14ac:dyDescent="0.2">
      <c r="A66" s="14">
        <v>50</v>
      </c>
      <c r="B66" s="15">
        <v>62</v>
      </c>
      <c r="C66" s="16">
        <v>33</v>
      </c>
      <c r="D66" s="17">
        <v>95</v>
      </c>
    </row>
    <row r="67" spans="1:4" ht="18" customHeight="1" x14ac:dyDescent="0.2">
      <c r="A67" s="14">
        <v>51</v>
      </c>
      <c r="B67" s="15">
        <v>50</v>
      </c>
      <c r="C67" s="16">
        <v>47</v>
      </c>
      <c r="D67" s="17">
        <v>97</v>
      </c>
    </row>
    <row r="68" spans="1:4" ht="18" customHeight="1" x14ac:dyDescent="0.2">
      <c r="A68" s="14">
        <v>52</v>
      </c>
      <c r="B68" s="15">
        <v>54</v>
      </c>
      <c r="C68" s="16">
        <v>47</v>
      </c>
      <c r="D68" s="17">
        <v>101</v>
      </c>
    </row>
    <row r="69" spans="1:4" ht="18" customHeight="1" x14ac:dyDescent="0.2">
      <c r="A69" s="14">
        <v>53</v>
      </c>
      <c r="B69" s="15">
        <v>26</v>
      </c>
      <c r="C69" s="16">
        <v>35</v>
      </c>
      <c r="D69" s="17">
        <v>61</v>
      </c>
    </row>
    <row r="70" spans="1:4" ht="18" customHeight="1" x14ac:dyDescent="0.2">
      <c r="A70" s="14">
        <v>54</v>
      </c>
      <c r="B70" s="15">
        <v>33</v>
      </c>
      <c r="C70" s="16">
        <v>46</v>
      </c>
      <c r="D70" s="17">
        <v>79</v>
      </c>
    </row>
    <row r="71" spans="1:4" ht="18" customHeight="1" x14ac:dyDescent="0.2">
      <c r="A71" s="18" t="s">
        <v>59</v>
      </c>
      <c r="B71" s="15">
        <v>225</v>
      </c>
      <c r="C71" s="16">
        <v>208</v>
      </c>
      <c r="D71" s="17">
        <v>433</v>
      </c>
    </row>
    <row r="72" spans="1:4" ht="18" customHeight="1" x14ac:dyDescent="0.2">
      <c r="A72" s="14">
        <v>55</v>
      </c>
      <c r="B72" s="15">
        <v>45</v>
      </c>
      <c r="C72" s="16">
        <v>35</v>
      </c>
      <c r="D72" s="17">
        <v>80</v>
      </c>
    </row>
    <row r="73" spans="1:4" ht="18" customHeight="1" x14ac:dyDescent="0.2">
      <c r="A73" s="14">
        <v>56</v>
      </c>
      <c r="B73" s="15">
        <v>33</v>
      </c>
      <c r="C73" s="16">
        <v>49</v>
      </c>
      <c r="D73" s="17">
        <v>82</v>
      </c>
    </row>
    <row r="74" spans="1:4" ht="18" customHeight="1" x14ac:dyDescent="0.2">
      <c r="A74" s="14">
        <v>57</v>
      </c>
      <c r="B74" s="15">
        <v>36</v>
      </c>
      <c r="C74" s="16">
        <v>33</v>
      </c>
      <c r="D74" s="17">
        <v>69</v>
      </c>
    </row>
    <row r="75" spans="1:4" ht="18" customHeight="1" x14ac:dyDescent="0.2">
      <c r="A75" s="14">
        <v>58</v>
      </c>
      <c r="B75" s="15">
        <v>38</v>
      </c>
      <c r="C75" s="16">
        <v>43</v>
      </c>
      <c r="D75" s="17">
        <v>81</v>
      </c>
    </row>
    <row r="76" spans="1:4" ht="18" customHeight="1" x14ac:dyDescent="0.2">
      <c r="A76" s="14">
        <v>59</v>
      </c>
      <c r="B76" s="15">
        <v>39</v>
      </c>
      <c r="C76" s="16">
        <v>35</v>
      </c>
      <c r="D76" s="17">
        <v>74</v>
      </c>
    </row>
    <row r="77" spans="1:4" ht="18" customHeight="1" x14ac:dyDescent="0.2">
      <c r="A77" s="18" t="s">
        <v>60</v>
      </c>
      <c r="B77" s="15">
        <v>191</v>
      </c>
      <c r="C77" s="16">
        <v>195</v>
      </c>
      <c r="D77" s="17">
        <v>386</v>
      </c>
    </row>
    <row r="78" spans="1:4" ht="18" customHeight="1" x14ac:dyDescent="0.2">
      <c r="A78" s="14">
        <v>60</v>
      </c>
      <c r="B78" s="15">
        <v>40</v>
      </c>
      <c r="C78" s="16">
        <v>48</v>
      </c>
      <c r="D78" s="17">
        <v>88</v>
      </c>
    </row>
    <row r="79" spans="1:4" ht="18" customHeight="1" x14ac:dyDescent="0.2">
      <c r="A79" s="14">
        <v>61</v>
      </c>
      <c r="B79" s="15">
        <v>45</v>
      </c>
      <c r="C79" s="16">
        <v>42</v>
      </c>
      <c r="D79" s="17">
        <v>87</v>
      </c>
    </row>
    <row r="80" spans="1:4" ht="18" customHeight="1" x14ac:dyDescent="0.2">
      <c r="A80" s="14">
        <v>62</v>
      </c>
      <c r="B80" s="15">
        <v>45</v>
      </c>
      <c r="C80" s="16">
        <v>39</v>
      </c>
      <c r="D80" s="17">
        <v>84</v>
      </c>
    </row>
    <row r="81" spans="1:4" ht="18" customHeight="1" x14ac:dyDescent="0.2">
      <c r="A81" s="14">
        <v>63</v>
      </c>
      <c r="B81" s="15">
        <v>34</v>
      </c>
      <c r="C81" s="16">
        <v>35</v>
      </c>
      <c r="D81" s="17">
        <v>69</v>
      </c>
    </row>
    <row r="82" spans="1:4" ht="18" customHeight="1" x14ac:dyDescent="0.2">
      <c r="A82" s="14">
        <v>64</v>
      </c>
      <c r="B82" s="15">
        <v>36</v>
      </c>
      <c r="C82" s="16">
        <v>31</v>
      </c>
      <c r="D82" s="17">
        <v>67</v>
      </c>
    </row>
    <row r="83" spans="1:4" ht="18" customHeight="1" x14ac:dyDescent="0.2">
      <c r="A83" s="18" t="s">
        <v>61</v>
      </c>
      <c r="B83" s="15">
        <v>200</v>
      </c>
      <c r="C83" s="16">
        <v>195</v>
      </c>
      <c r="D83" s="17">
        <v>395</v>
      </c>
    </row>
    <row r="84" spans="1:4" ht="18" customHeight="1" x14ac:dyDescent="0.2">
      <c r="A84" s="18" t="s">
        <v>62</v>
      </c>
      <c r="B84" s="15">
        <v>1962</v>
      </c>
      <c r="C84" s="16">
        <v>1824</v>
      </c>
      <c r="D84" s="17">
        <v>3786</v>
      </c>
    </row>
    <row r="85" spans="1:4" ht="18" customHeight="1" x14ac:dyDescent="0.2">
      <c r="A85" s="14">
        <v>65</v>
      </c>
      <c r="B85" s="15">
        <v>46</v>
      </c>
      <c r="C85" s="16">
        <v>37</v>
      </c>
      <c r="D85" s="17">
        <v>83</v>
      </c>
    </row>
    <row r="86" spans="1:4" ht="18" customHeight="1" x14ac:dyDescent="0.2">
      <c r="A86" s="14">
        <v>66</v>
      </c>
      <c r="B86" s="15">
        <v>36</v>
      </c>
      <c r="C86" s="16">
        <v>45</v>
      </c>
      <c r="D86" s="17">
        <v>81</v>
      </c>
    </row>
    <row r="87" spans="1:4" ht="18" customHeight="1" x14ac:dyDescent="0.2">
      <c r="A87" s="14">
        <v>67</v>
      </c>
      <c r="B87" s="15">
        <v>27</v>
      </c>
      <c r="C87" s="16">
        <v>37</v>
      </c>
      <c r="D87" s="17">
        <v>64</v>
      </c>
    </row>
    <row r="88" spans="1:4" ht="18" customHeight="1" x14ac:dyDescent="0.2">
      <c r="A88" s="14">
        <v>68</v>
      </c>
      <c r="B88" s="15">
        <v>38</v>
      </c>
      <c r="C88" s="16">
        <v>39</v>
      </c>
      <c r="D88" s="17">
        <v>77</v>
      </c>
    </row>
    <row r="89" spans="1:4" ht="18" customHeight="1" x14ac:dyDescent="0.2">
      <c r="A89" s="14">
        <v>69</v>
      </c>
      <c r="B89" s="15">
        <v>46</v>
      </c>
      <c r="C89" s="16">
        <v>61</v>
      </c>
      <c r="D89" s="17">
        <v>107</v>
      </c>
    </row>
    <row r="90" spans="1:4" ht="18" customHeight="1" x14ac:dyDescent="0.2">
      <c r="A90" s="18" t="s">
        <v>63</v>
      </c>
      <c r="B90" s="15">
        <v>193</v>
      </c>
      <c r="C90" s="16">
        <v>219</v>
      </c>
      <c r="D90" s="17">
        <v>412</v>
      </c>
    </row>
    <row r="91" spans="1:4" ht="18" customHeight="1" x14ac:dyDescent="0.2">
      <c r="A91" s="14">
        <v>70</v>
      </c>
      <c r="B91" s="15">
        <v>41</v>
      </c>
      <c r="C91" s="16">
        <v>43</v>
      </c>
      <c r="D91" s="17">
        <v>84</v>
      </c>
    </row>
    <row r="92" spans="1:4" ht="18" customHeight="1" x14ac:dyDescent="0.2">
      <c r="A92" s="14">
        <v>71</v>
      </c>
      <c r="B92" s="15">
        <v>44</v>
      </c>
      <c r="C92" s="16">
        <v>69</v>
      </c>
      <c r="D92" s="17">
        <v>113</v>
      </c>
    </row>
    <row r="93" spans="1:4" ht="18" customHeight="1" x14ac:dyDescent="0.2">
      <c r="A93" s="14">
        <v>72</v>
      </c>
      <c r="B93" s="15">
        <v>55</v>
      </c>
      <c r="C93" s="16">
        <v>70</v>
      </c>
      <c r="D93" s="17">
        <v>125</v>
      </c>
    </row>
    <row r="94" spans="1:4" ht="18" customHeight="1" x14ac:dyDescent="0.2">
      <c r="A94" s="14">
        <v>73</v>
      </c>
      <c r="B94" s="15">
        <v>16</v>
      </c>
      <c r="C94" s="16">
        <v>27</v>
      </c>
      <c r="D94" s="17">
        <v>43</v>
      </c>
    </row>
    <row r="95" spans="1:4" ht="18" customHeight="1" x14ac:dyDescent="0.2">
      <c r="A95" s="14">
        <v>74</v>
      </c>
      <c r="B95" s="15">
        <v>38</v>
      </c>
      <c r="C95" s="16">
        <v>34</v>
      </c>
      <c r="D95" s="17">
        <v>72</v>
      </c>
    </row>
    <row r="96" spans="1:4" ht="18" customHeight="1" x14ac:dyDescent="0.2">
      <c r="A96" s="18" t="s">
        <v>64</v>
      </c>
      <c r="B96" s="15">
        <v>194</v>
      </c>
      <c r="C96" s="16">
        <v>243</v>
      </c>
      <c r="D96" s="17">
        <v>437</v>
      </c>
    </row>
    <row r="97" spans="1:4" ht="18" customHeight="1" x14ac:dyDescent="0.2">
      <c r="A97" s="14">
        <v>75</v>
      </c>
      <c r="B97" s="15">
        <v>39</v>
      </c>
      <c r="C97" s="16">
        <v>55</v>
      </c>
      <c r="D97" s="17">
        <v>94</v>
      </c>
    </row>
    <row r="98" spans="1:4" ht="18" customHeight="1" x14ac:dyDescent="0.2">
      <c r="A98" s="14">
        <v>76</v>
      </c>
      <c r="B98" s="15">
        <v>31</v>
      </c>
      <c r="C98" s="16">
        <v>32</v>
      </c>
      <c r="D98" s="17">
        <v>63</v>
      </c>
    </row>
    <row r="99" spans="1:4" ht="18" customHeight="1" x14ac:dyDescent="0.2">
      <c r="A99" s="14">
        <v>77</v>
      </c>
      <c r="B99" s="15">
        <v>34</v>
      </c>
      <c r="C99" s="16">
        <v>54</v>
      </c>
      <c r="D99" s="17">
        <v>88</v>
      </c>
    </row>
    <row r="100" spans="1:4" ht="18" customHeight="1" x14ac:dyDescent="0.2">
      <c r="A100" s="14">
        <v>78</v>
      </c>
      <c r="B100" s="15">
        <v>29</v>
      </c>
      <c r="C100" s="16">
        <v>56</v>
      </c>
      <c r="D100" s="17">
        <v>85</v>
      </c>
    </row>
    <row r="101" spans="1:4" ht="18" customHeight="1" x14ac:dyDescent="0.2">
      <c r="A101" s="14">
        <v>79</v>
      </c>
      <c r="B101" s="15">
        <v>35</v>
      </c>
      <c r="C101" s="16">
        <v>40</v>
      </c>
      <c r="D101" s="17">
        <v>75</v>
      </c>
    </row>
    <row r="102" spans="1:4" ht="18" customHeight="1" x14ac:dyDescent="0.2">
      <c r="A102" s="18" t="s">
        <v>65</v>
      </c>
      <c r="B102" s="15">
        <v>168</v>
      </c>
      <c r="C102" s="16">
        <v>237</v>
      </c>
      <c r="D102" s="17">
        <v>405</v>
      </c>
    </row>
    <row r="103" spans="1:4" ht="18" customHeight="1" x14ac:dyDescent="0.2">
      <c r="A103" s="14">
        <v>80</v>
      </c>
      <c r="B103" s="15">
        <v>22</v>
      </c>
      <c r="C103" s="16">
        <v>34</v>
      </c>
      <c r="D103" s="17">
        <v>56</v>
      </c>
    </row>
    <row r="104" spans="1:4" ht="18" customHeight="1" x14ac:dyDescent="0.2">
      <c r="A104" s="14">
        <v>81</v>
      </c>
      <c r="B104" s="15">
        <v>27</v>
      </c>
      <c r="C104" s="16">
        <v>35</v>
      </c>
      <c r="D104" s="17">
        <v>62</v>
      </c>
    </row>
    <row r="105" spans="1:4" ht="18" customHeight="1" x14ac:dyDescent="0.2">
      <c r="A105" s="14">
        <v>82</v>
      </c>
      <c r="B105" s="15">
        <v>16</v>
      </c>
      <c r="C105" s="16">
        <v>46</v>
      </c>
      <c r="D105" s="17">
        <v>62</v>
      </c>
    </row>
    <row r="106" spans="1:4" ht="18" customHeight="1" x14ac:dyDescent="0.2">
      <c r="A106" s="14">
        <v>83</v>
      </c>
      <c r="B106" s="15">
        <v>19</v>
      </c>
      <c r="C106" s="16">
        <v>46</v>
      </c>
      <c r="D106" s="17">
        <v>65</v>
      </c>
    </row>
    <row r="107" spans="1:4" ht="18" customHeight="1" x14ac:dyDescent="0.2">
      <c r="A107" s="14">
        <v>84</v>
      </c>
      <c r="B107" s="15">
        <v>21</v>
      </c>
      <c r="C107" s="16">
        <v>33</v>
      </c>
      <c r="D107" s="17">
        <v>54</v>
      </c>
    </row>
    <row r="108" spans="1:4" ht="18" customHeight="1" x14ac:dyDescent="0.2">
      <c r="A108" s="18" t="s">
        <v>66</v>
      </c>
      <c r="B108" s="15">
        <v>105</v>
      </c>
      <c r="C108" s="16">
        <v>194</v>
      </c>
      <c r="D108" s="17">
        <v>299</v>
      </c>
    </row>
    <row r="109" spans="1:4" ht="18" customHeight="1" x14ac:dyDescent="0.2">
      <c r="A109" s="14">
        <v>85</v>
      </c>
      <c r="B109" s="15">
        <v>22</v>
      </c>
      <c r="C109" s="16">
        <v>32</v>
      </c>
      <c r="D109" s="17">
        <v>54</v>
      </c>
    </row>
    <row r="110" spans="1:4" ht="18" customHeight="1" x14ac:dyDescent="0.2">
      <c r="A110" s="14">
        <v>86</v>
      </c>
      <c r="B110" s="15">
        <v>17</v>
      </c>
      <c r="C110" s="16">
        <v>39</v>
      </c>
      <c r="D110" s="17">
        <v>56</v>
      </c>
    </row>
    <row r="111" spans="1:4" ht="18" customHeight="1" x14ac:dyDescent="0.2">
      <c r="A111" s="14">
        <v>87</v>
      </c>
      <c r="B111" s="15">
        <v>11</v>
      </c>
      <c r="C111" s="16">
        <v>39</v>
      </c>
      <c r="D111" s="17">
        <v>50</v>
      </c>
    </row>
    <row r="112" spans="1:4" ht="18" customHeight="1" x14ac:dyDescent="0.2">
      <c r="A112" s="14">
        <v>88</v>
      </c>
      <c r="B112" s="15">
        <v>18</v>
      </c>
      <c r="C112" s="16">
        <v>35</v>
      </c>
      <c r="D112" s="17">
        <v>53</v>
      </c>
    </row>
    <row r="113" spans="1:4" ht="18" customHeight="1" x14ac:dyDescent="0.2">
      <c r="A113" s="14">
        <v>89</v>
      </c>
      <c r="B113" s="15">
        <v>9</v>
      </c>
      <c r="C113" s="16">
        <v>20</v>
      </c>
      <c r="D113" s="17">
        <v>29</v>
      </c>
    </row>
    <row r="114" spans="1:4" ht="18" customHeight="1" x14ac:dyDescent="0.2">
      <c r="A114" s="18" t="s">
        <v>67</v>
      </c>
      <c r="B114" s="15">
        <v>77</v>
      </c>
      <c r="C114" s="16">
        <v>165</v>
      </c>
      <c r="D114" s="17">
        <v>242</v>
      </c>
    </row>
    <row r="115" spans="1:4" ht="18" customHeight="1" x14ac:dyDescent="0.2">
      <c r="A115" s="14">
        <v>90</v>
      </c>
      <c r="B115" s="15">
        <v>11</v>
      </c>
      <c r="C115" s="16">
        <v>32</v>
      </c>
      <c r="D115" s="17">
        <v>43</v>
      </c>
    </row>
    <row r="116" spans="1:4" ht="18" customHeight="1" x14ac:dyDescent="0.2">
      <c r="A116" s="14">
        <v>91</v>
      </c>
      <c r="B116" s="15">
        <v>7</v>
      </c>
      <c r="C116" s="16">
        <v>21</v>
      </c>
      <c r="D116" s="17">
        <v>28</v>
      </c>
    </row>
    <row r="117" spans="1:4" ht="18" customHeight="1" x14ac:dyDescent="0.2">
      <c r="A117" s="14">
        <v>92</v>
      </c>
      <c r="B117" s="15">
        <v>9</v>
      </c>
      <c r="C117" s="16">
        <v>21</v>
      </c>
      <c r="D117" s="17">
        <v>30</v>
      </c>
    </row>
    <row r="118" spans="1:4" ht="18" customHeight="1" x14ac:dyDescent="0.2">
      <c r="A118" s="14">
        <v>93</v>
      </c>
      <c r="B118" s="15">
        <v>2</v>
      </c>
      <c r="C118" s="16">
        <v>22</v>
      </c>
      <c r="D118" s="17">
        <v>24</v>
      </c>
    </row>
    <row r="119" spans="1:4" ht="18" customHeight="1" x14ac:dyDescent="0.2">
      <c r="A119" s="14">
        <v>94</v>
      </c>
      <c r="B119" s="15">
        <v>5</v>
      </c>
      <c r="C119" s="16">
        <v>15</v>
      </c>
      <c r="D119" s="17">
        <v>20</v>
      </c>
    </row>
    <row r="120" spans="1:4" ht="18" customHeight="1" x14ac:dyDescent="0.2">
      <c r="A120" s="18" t="s">
        <v>68</v>
      </c>
      <c r="B120" s="15">
        <v>34</v>
      </c>
      <c r="C120" s="16">
        <v>111</v>
      </c>
      <c r="D120" s="17">
        <v>145</v>
      </c>
    </row>
    <row r="121" spans="1:4" ht="18" customHeight="1" x14ac:dyDescent="0.2">
      <c r="A121" s="14">
        <v>95</v>
      </c>
      <c r="B121" s="15">
        <v>3</v>
      </c>
      <c r="C121" s="16">
        <v>9</v>
      </c>
      <c r="D121" s="17">
        <v>12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9</v>
      </c>
      <c r="C126" s="16">
        <v>25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780</v>
      </c>
      <c r="C130" s="5">
        <v>1201</v>
      </c>
      <c r="D130" s="6">
        <v>1981</v>
      </c>
    </row>
    <row r="131" spans="1:4" ht="18" customHeight="1" x14ac:dyDescent="0.2">
      <c r="A131" s="20" t="s">
        <v>47</v>
      </c>
      <c r="B131" s="7">
        <v>3153</v>
      </c>
      <c r="C131" s="8">
        <v>3438</v>
      </c>
      <c r="D131" s="9">
        <v>659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3</v>
      </c>
      <c r="C5" s="12">
        <v>29</v>
      </c>
      <c r="D5" s="13">
        <v>72</v>
      </c>
    </row>
    <row r="6" spans="1:4" ht="18" customHeight="1" x14ac:dyDescent="0.2">
      <c r="A6" s="14">
        <v>1</v>
      </c>
      <c r="B6" s="15">
        <v>40</v>
      </c>
      <c r="C6" s="16">
        <v>38</v>
      </c>
      <c r="D6" s="17">
        <v>78</v>
      </c>
    </row>
    <row r="7" spans="1:4" ht="18" customHeight="1" x14ac:dyDescent="0.2">
      <c r="A7" s="14">
        <v>2</v>
      </c>
      <c r="B7" s="15">
        <v>37</v>
      </c>
      <c r="C7" s="16">
        <v>39</v>
      </c>
      <c r="D7" s="17">
        <v>76</v>
      </c>
    </row>
    <row r="8" spans="1:4" ht="18" customHeight="1" x14ac:dyDescent="0.2">
      <c r="A8" s="14">
        <v>3</v>
      </c>
      <c r="B8" s="15">
        <v>55</v>
      </c>
      <c r="C8" s="16">
        <v>50</v>
      </c>
      <c r="D8" s="17">
        <v>105</v>
      </c>
    </row>
    <row r="9" spans="1:4" ht="18" customHeight="1" x14ac:dyDescent="0.2">
      <c r="A9" s="14">
        <v>4</v>
      </c>
      <c r="B9" s="15">
        <v>48</v>
      </c>
      <c r="C9" s="16">
        <v>38</v>
      </c>
      <c r="D9" s="17">
        <v>86</v>
      </c>
    </row>
    <row r="10" spans="1:4" ht="18" customHeight="1" x14ac:dyDescent="0.2">
      <c r="A10" s="18" t="s">
        <v>48</v>
      </c>
      <c r="B10" s="15">
        <v>223</v>
      </c>
      <c r="C10" s="16">
        <v>194</v>
      </c>
      <c r="D10" s="17">
        <v>417</v>
      </c>
    </row>
    <row r="11" spans="1:4" ht="18" customHeight="1" x14ac:dyDescent="0.2">
      <c r="A11" s="14">
        <v>5</v>
      </c>
      <c r="B11" s="15">
        <v>38</v>
      </c>
      <c r="C11" s="16">
        <v>48</v>
      </c>
      <c r="D11" s="17">
        <v>86</v>
      </c>
    </row>
    <row r="12" spans="1:4" ht="18" customHeight="1" x14ac:dyDescent="0.2">
      <c r="A12" s="14">
        <v>6</v>
      </c>
      <c r="B12" s="15">
        <v>62</v>
      </c>
      <c r="C12" s="16">
        <v>59</v>
      </c>
      <c r="D12" s="17">
        <v>121</v>
      </c>
    </row>
    <row r="13" spans="1:4" ht="18" customHeight="1" x14ac:dyDescent="0.2">
      <c r="A13" s="14">
        <v>7</v>
      </c>
      <c r="B13" s="15">
        <v>46</v>
      </c>
      <c r="C13" s="16">
        <v>56</v>
      </c>
      <c r="D13" s="17">
        <v>102</v>
      </c>
    </row>
    <row r="14" spans="1:4" ht="18" customHeight="1" x14ac:dyDescent="0.2">
      <c r="A14" s="14">
        <v>8</v>
      </c>
      <c r="B14" s="15">
        <v>54</v>
      </c>
      <c r="C14" s="16">
        <v>48</v>
      </c>
      <c r="D14" s="17">
        <v>102</v>
      </c>
    </row>
    <row r="15" spans="1:4" ht="18" customHeight="1" x14ac:dyDescent="0.2">
      <c r="A15" s="14">
        <v>9</v>
      </c>
      <c r="B15" s="15">
        <v>59</v>
      </c>
      <c r="C15" s="16">
        <v>41</v>
      </c>
      <c r="D15" s="17">
        <v>100</v>
      </c>
    </row>
    <row r="16" spans="1:4" ht="18" customHeight="1" x14ac:dyDescent="0.2">
      <c r="A16" s="18" t="s">
        <v>49</v>
      </c>
      <c r="B16" s="15">
        <v>259</v>
      </c>
      <c r="C16" s="16">
        <v>252</v>
      </c>
      <c r="D16" s="17">
        <v>511</v>
      </c>
    </row>
    <row r="17" spans="1:4" ht="18" customHeight="1" x14ac:dyDescent="0.2">
      <c r="A17" s="14">
        <v>10</v>
      </c>
      <c r="B17" s="15">
        <v>48</v>
      </c>
      <c r="C17" s="16">
        <v>36</v>
      </c>
      <c r="D17" s="17">
        <v>84</v>
      </c>
    </row>
    <row r="18" spans="1:4" ht="18" customHeight="1" x14ac:dyDescent="0.2">
      <c r="A18" s="14">
        <v>11</v>
      </c>
      <c r="B18" s="15">
        <v>35</v>
      </c>
      <c r="C18" s="16">
        <v>61</v>
      </c>
      <c r="D18" s="17">
        <v>96</v>
      </c>
    </row>
    <row r="19" spans="1:4" ht="18" customHeight="1" x14ac:dyDescent="0.2">
      <c r="A19" s="14">
        <v>12</v>
      </c>
      <c r="B19" s="15">
        <v>54</v>
      </c>
      <c r="C19" s="16">
        <v>53</v>
      </c>
      <c r="D19" s="17">
        <v>107</v>
      </c>
    </row>
    <row r="20" spans="1:4" ht="18" customHeight="1" x14ac:dyDescent="0.2">
      <c r="A20" s="14">
        <v>13</v>
      </c>
      <c r="B20" s="15">
        <v>53</v>
      </c>
      <c r="C20" s="16">
        <v>41</v>
      </c>
      <c r="D20" s="17">
        <v>94</v>
      </c>
    </row>
    <row r="21" spans="1:4" ht="18" customHeight="1" x14ac:dyDescent="0.2">
      <c r="A21" s="14">
        <v>14</v>
      </c>
      <c r="B21" s="15">
        <v>43</v>
      </c>
      <c r="C21" s="16">
        <v>46</v>
      </c>
      <c r="D21" s="17">
        <v>89</v>
      </c>
    </row>
    <row r="22" spans="1:4" ht="18" customHeight="1" x14ac:dyDescent="0.2">
      <c r="A22" s="18" t="s">
        <v>50</v>
      </c>
      <c r="B22" s="15">
        <v>233</v>
      </c>
      <c r="C22" s="16">
        <v>237</v>
      </c>
      <c r="D22" s="17">
        <v>470</v>
      </c>
    </row>
    <row r="23" spans="1:4" ht="18" customHeight="1" x14ac:dyDescent="0.2">
      <c r="A23" s="18" t="s">
        <v>51</v>
      </c>
      <c r="B23" s="15">
        <v>715</v>
      </c>
      <c r="C23" s="16">
        <v>683</v>
      </c>
      <c r="D23" s="17">
        <v>1398</v>
      </c>
    </row>
    <row r="24" spans="1:4" ht="18" customHeight="1" x14ac:dyDescent="0.2">
      <c r="A24" s="14">
        <v>15</v>
      </c>
      <c r="B24" s="15">
        <v>48</v>
      </c>
      <c r="C24" s="16">
        <v>46</v>
      </c>
      <c r="D24" s="17">
        <v>94</v>
      </c>
    </row>
    <row r="25" spans="1:4" ht="18" customHeight="1" x14ac:dyDescent="0.2">
      <c r="A25" s="14">
        <v>16</v>
      </c>
      <c r="B25" s="15">
        <v>54</v>
      </c>
      <c r="C25" s="16">
        <v>44</v>
      </c>
      <c r="D25" s="17">
        <v>98</v>
      </c>
    </row>
    <row r="26" spans="1:4" ht="18" customHeight="1" x14ac:dyDescent="0.2">
      <c r="A26" s="14">
        <v>17</v>
      </c>
      <c r="B26" s="15">
        <v>68</v>
      </c>
      <c r="C26" s="16">
        <v>65</v>
      </c>
      <c r="D26" s="17">
        <v>133</v>
      </c>
    </row>
    <row r="27" spans="1:4" ht="18" customHeight="1" x14ac:dyDescent="0.2">
      <c r="A27" s="14">
        <v>18</v>
      </c>
      <c r="B27" s="15">
        <v>62</v>
      </c>
      <c r="C27" s="16">
        <v>44</v>
      </c>
      <c r="D27" s="17">
        <v>106</v>
      </c>
    </row>
    <row r="28" spans="1:4" ht="18" customHeight="1" x14ac:dyDescent="0.2">
      <c r="A28" s="14">
        <v>19</v>
      </c>
      <c r="B28" s="15">
        <v>59</v>
      </c>
      <c r="C28" s="16">
        <v>51</v>
      </c>
      <c r="D28" s="17">
        <v>110</v>
      </c>
    </row>
    <row r="29" spans="1:4" ht="18" customHeight="1" x14ac:dyDescent="0.2">
      <c r="A29" s="18" t="s">
        <v>52</v>
      </c>
      <c r="B29" s="15">
        <v>291</v>
      </c>
      <c r="C29" s="16">
        <v>250</v>
      </c>
      <c r="D29" s="17">
        <v>541</v>
      </c>
    </row>
    <row r="30" spans="1:4" ht="18" customHeight="1" x14ac:dyDescent="0.2">
      <c r="A30" s="14">
        <v>20</v>
      </c>
      <c r="B30" s="15">
        <v>46</v>
      </c>
      <c r="C30" s="16">
        <v>65</v>
      </c>
      <c r="D30" s="17">
        <v>111</v>
      </c>
    </row>
    <row r="31" spans="1:4" ht="18" customHeight="1" x14ac:dyDescent="0.2">
      <c r="A31" s="14">
        <v>21</v>
      </c>
      <c r="B31" s="15">
        <v>53</v>
      </c>
      <c r="C31" s="16">
        <v>54</v>
      </c>
      <c r="D31" s="17">
        <v>107</v>
      </c>
    </row>
    <row r="32" spans="1:4" ht="18" customHeight="1" x14ac:dyDescent="0.2">
      <c r="A32" s="14">
        <v>22</v>
      </c>
      <c r="B32" s="15">
        <v>52</v>
      </c>
      <c r="C32" s="16">
        <v>53</v>
      </c>
      <c r="D32" s="17">
        <v>105</v>
      </c>
    </row>
    <row r="33" spans="1:4" ht="18" customHeight="1" x14ac:dyDescent="0.2">
      <c r="A33" s="14">
        <v>23</v>
      </c>
      <c r="B33" s="15">
        <v>44</v>
      </c>
      <c r="C33" s="16">
        <v>46</v>
      </c>
      <c r="D33" s="17">
        <v>90</v>
      </c>
    </row>
    <row r="34" spans="1:4" ht="18" customHeight="1" x14ac:dyDescent="0.2">
      <c r="A34" s="14">
        <v>24</v>
      </c>
      <c r="B34" s="15">
        <v>45</v>
      </c>
      <c r="C34" s="16">
        <v>52</v>
      </c>
      <c r="D34" s="17">
        <v>97</v>
      </c>
    </row>
    <row r="35" spans="1:4" ht="18" customHeight="1" x14ac:dyDescent="0.2">
      <c r="A35" s="18" t="s">
        <v>53</v>
      </c>
      <c r="B35" s="15">
        <v>240</v>
      </c>
      <c r="C35" s="16">
        <v>270</v>
      </c>
      <c r="D35" s="17">
        <v>510</v>
      </c>
    </row>
    <row r="36" spans="1:4" ht="18" customHeight="1" x14ac:dyDescent="0.2">
      <c r="A36" s="14">
        <v>25</v>
      </c>
      <c r="B36" s="15">
        <v>38</v>
      </c>
      <c r="C36" s="16">
        <v>45</v>
      </c>
      <c r="D36" s="17">
        <v>83</v>
      </c>
    </row>
    <row r="37" spans="1:4" ht="18" customHeight="1" x14ac:dyDescent="0.2">
      <c r="A37" s="14">
        <v>26</v>
      </c>
      <c r="B37" s="15">
        <v>44</v>
      </c>
      <c r="C37" s="16">
        <v>51</v>
      </c>
      <c r="D37" s="17">
        <v>95</v>
      </c>
    </row>
    <row r="38" spans="1:4" ht="18" customHeight="1" x14ac:dyDescent="0.2">
      <c r="A38" s="14">
        <v>27</v>
      </c>
      <c r="B38" s="15">
        <v>44</v>
      </c>
      <c r="C38" s="16">
        <v>45</v>
      </c>
      <c r="D38" s="17">
        <v>89</v>
      </c>
    </row>
    <row r="39" spans="1:4" ht="18" customHeight="1" x14ac:dyDescent="0.2">
      <c r="A39" s="14">
        <v>28</v>
      </c>
      <c r="B39" s="15">
        <v>46</v>
      </c>
      <c r="C39" s="16">
        <v>52</v>
      </c>
      <c r="D39" s="17">
        <v>98</v>
      </c>
    </row>
    <row r="40" spans="1:4" ht="18" customHeight="1" x14ac:dyDescent="0.2">
      <c r="A40" s="14">
        <v>29</v>
      </c>
      <c r="B40" s="15">
        <v>65</v>
      </c>
      <c r="C40" s="16">
        <v>45</v>
      </c>
      <c r="D40" s="17">
        <v>110</v>
      </c>
    </row>
    <row r="41" spans="1:4" ht="18" customHeight="1" x14ac:dyDescent="0.2">
      <c r="A41" s="18" t="s">
        <v>54</v>
      </c>
      <c r="B41" s="15">
        <v>237</v>
      </c>
      <c r="C41" s="16">
        <v>238</v>
      </c>
      <c r="D41" s="17">
        <v>475</v>
      </c>
    </row>
    <row r="42" spans="1:4" ht="18" customHeight="1" x14ac:dyDescent="0.2">
      <c r="A42" s="14">
        <v>30</v>
      </c>
      <c r="B42" s="15">
        <v>59</v>
      </c>
      <c r="C42" s="16">
        <v>51</v>
      </c>
      <c r="D42" s="17">
        <v>110</v>
      </c>
    </row>
    <row r="43" spans="1:4" ht="18" customHeight="1" x14ac:dyDescent="0.2">
      <c r="A43" s="14">
        <v>31</v>
      </c>
      <c r="B43" s="15">
        <v>58</v>
      </c>
      <c r="C43" s="16">
        <v>51</v>
      </c>
      <c r="D43" s="17">
        <v>109</v>
      </c>
    </row>
    <row r="44" spans="1:4" ht="18" customHeight="1" x14ac:dyDescent="0.2">
      <c r="A44" s="14">
        <v>32</v>
      </c>
      <c r="B44" s="15">
        <v>58</v>
      </c>
      <c r="C44" s="16">
        <v>49</v>
      </c>
      <c r="D44" s="17">
        <v>107</v>
      </c>
    </row>
    <row r="45" spans="1:4" ht="18" customHeight="1" x14ac:dyDescent="0.2">
      <c r="A45" s="14">
        <v>33</v>
      </c>
      <c r="B45" s="15">
        <v>53</v>
      </c>
      <c r="C45" s="16">
        <v>63</v>
      </c>
      <c r="D45" s="17">
        <v>116</v>
      </c>
    </row>
    <row r="46" spans="1:4" ht="18" customHeight="1" x14ac:dyDescent="0.2">
      <c r="A46" s="14">
        <v>34</v>
      </c>
      <c r="B46" s="15">
        <v>54</v>
      </c>
      <c r="C46" s="16">
        <v>53</v>
      </c>
      <c r="D46" s="17">
        <v>107</v>
      </c>
    </row>
    <row r="47" spans="1:4" ht="18" customHeight="1" x14ac:dyDescent="0.2">
      <c r="A47" s="18" t="s">
        <v>55</v>
      </c>
      <c r="B47" s="15">
        <v>282</v>
      </c>
      <c r="C47" s="16">
        <v>267</v>
      </c>
      <c r="D47" s="17">
        <v>549</v>
      </c>
    </row>
    <row r="48" spans="1:4" ht="18" customHeight="1" x14ac:dyDescent="0.2">
      <c r="A48" s="14">
        <v>35</v>
      </c>
      <c r="B48" s="15">
        <v>72</v>
      </c>
      <c r="C48" s="16">
        <v>64</v>
      </c>
      <c r="D48" s="17">
        <v>136</v>
      </c>
    </row>
    <row r="49" spans="1:4" ht="18" customHeight="1" x14ac:dyDescent="0.2">
      <c r="A49" s="14">
        <v>36</v>
      </c>
      <c r="B49" s="15">
        <v>70</v>
      </c>
      <c r="C49" s="16">
        <v>61</v>
      </c>
      <c r="D49" s="17">
        <v>131</v>
      </c>
    </row>
    <row r="50" spans="1:4" ht="18" customHeight="1" x14ac:dyDescent="0.2">
      <c r="A50" s="14">
        <v>37</v>
      </c>
      <c r="B50" s="15">
        <v>62</v>
      </c>
      <c r="C50" s="16">
        <v>78</v>
      </c>
      <c r="D50" s="17">
        <v>140</v>
      </c>
    </row>
    <row r="51" spans="1:4" ht="18" customHeight="1" x14ac:dyDescent="0.2">
      <c r="A51" s="14">
        <v>38</v>
      </c>
      <c r="B51" s="15">
        <v>65</v>
      </c>
      <c r="C51" s="16">
        <v>67</v>
      </c>
      <c r="D51" s="17">
        <v>132</v>
      </c>
    </row>
    <row r="52" spans="1:4" ht="18" customHeight="1" x14ac:dyDescent="0.2">
      <c r="A52" s="14">
        <v>39</v>
      </c>
      <c r="B52" s="15">
        <v>64</v>
      </c>
      <c r="C52" s="16">
        <v>67</v>
      </c>
      <c r="D52" s="17">
        <v>131</v>
      </c>
    </row>
    <row r="53" spans="1:4" ht="18" customHeight="1" x14ac:dyDescent="0.2">
      <c r="A53" s="18" t="s">
        <v>56</v>
      </c>
      <c r="B53" s="15">
        <v>333</v>
      </c>
      <c r="C53" s="16">
        <v>337</v>
      </c>
      <c r="D53" s="17">
        <v>670</v>
      </c>
    </row>
    <row r="54" spans="1:4" ht="18" customHeight="1" x14ac:dyDescent="0.2">
      <c r="A54" s="14">
        <v>40</v>
      </c>
      <c r="B54" s="15">
        <v>65</v>
      </c>
      <c r="C54" s="16">
        <v>64</v>
      </c>
      <c r="D54" s="17">
        <v>129</v>
      </c>
    </row>
    <row r="55" spans="1:4" ht="18" customHeight="1" x14ac:dyDescent="0.2">
      <c r="A55" s="14">
        <v>41</v>
      </c>
      <c r="B55" s="15">
        <v>77</v>
      </c>
      <c r="C55" s="16">
        <v>75</v>
      </c>
      <c r="D55" s="17">
        <v>152</v>
      </c>
    </row>
    <row r="56" spans="1:4" ht="18" customHeight="1" x14ac:dyDescent="0.2">
      <c r="A56" s="14">
        <v>42</v>
      </c>
      <c r="B56" s="15">
        <v>83</v>
      </c>
      <c r="C56" s="16">
        <v>83</v>
      </c>
      <c r="D56" s="17">
        <v>166</v>
      </c>
    </row>
    <row r="57" spans="1:4" ht="18" customHeight="1" x14ac:dyDescent="0.2">
      <c r="A57" s="14">
        <v>43</v>
      </c>
      <c r="B57" s="15">
        <v>93</v>
      </c>
      <c r="C57" s="16">
        <v>88</v>
      </c>
      <c r="D57" s="17">
        <v>181</v>
      </c>
    </row>
    <row r="58" spans="1:4" ht="18" customHeight="1" x14ac:dyDescent="0.2">
      <c r="A58" s="14">
        <v>44</v>
      </c>
      <c r="B58" s="15">
        <v>84</v>
      </c>
      <c r="C58" s="16">
        <v>113</v>
      </c>
      <c r="D58" s="17">
        <v>197</v>
      </c>
    </row>
    <row r="59" spans="1:4" ht="18" customHeight="1" x14ac:dyDescent="0.2">
      <c r="A59" s="18" t="s">
        <v>57</v>
      </c>
      <c r="B59" s="15">
        <v>402</v>
      </c>
      <c r="C59" s="16">
        <v>423</v>
      </c>
      <c r="D59" s="17">
        <v>825</v>
      </c>
    </row>
    <row r="60" spans="1:4" ht="18" customHeight="1" x14ac:dyDescent="0.2">
      <c r="A60" s="14">
        <v>45</v>
      </c>
      <c r="B60" s="15">
        <v>106</v>
      </c>
      <c r="C60" s="16">
        <v>105</v>
      </c>
      <c r="D60" s="17">
        <v>211</v>
      </c>
    </row>
    <row r="61" spans="1:4" ht="18" customHeight="1" x14ac:dyDescent="0.2">
      <c r="A61" s="14">
        <v>46</v>
      </c>
      <c r="B61" s="15">
        <v>106</v>
      </c>
      <c r="C61" s="16">
        <v>99</v>
      </c>
      <c r="D61" s="17">
        <v>205</v>
      </c>
    </row>
    <row r="62" spans="1:4" ht="18" customHeight="1" x14ac:dyDescent="0.2">
      <c r="A62" s="14">
        <v>47</v>
      </c>
      <c r="B62" s="15">
        <v>121</v>
      </c>
      <c r="C62" s="16">
        <v>116</v>
      </c>
      <c r="D62" s="17">
        <v>237</v>
      </c>
    </row>
    <row r="63" spans="1:4" ht="18" customHeight="1" x14ac:dyDescent="0.2">
      <c r="A63" s="14">
        <v>48</v>
      </c>
      <c r="B63" s="15">
        <v>104</v>
      </c>
      <c r="C63" s="16">
        <v>107</v>
      </c>
      <c r="D63" s="17">
        <v>211</v>
      </c>
    </row>
    <row r="64" spans="1:4" ht="18" customHeight="1" x14ac:dyDescent="0.2">
      <c r="A64" s="14">
        <v>49</v>
      </c>
      <c r="B64" s="15">
        <v>95</v>
      </c>
      <c r="C64" s="16">
        <v>110</v>
      </c>
      <c r="D64" s="17">
        <v>205</v>
      </c>
    </row>
    <row r="65" spans="1:4" ht="18" customHeight="1" x14ac:dyDescent="0.2">
      <c r="A65" s="18" t="s">
        <v>58</v>
      </c>
      <c r="B65" s="15">
        <v>532</v>
      </c>
      <c r="C65" s="16">
        <v>537</v>
      </c>
      <c r="D65" s="17">
        <v>1069</v>
      </c>
    </row>
    <row r="66" spans="1:4" ht="18" customHeight="1" x14ac:dyDescent="0.2">
      <c r="A66" s="14">
        <v>50</v>
      </c>
      <c r="B66" s="15">
        <v>83</v>
      </c>
      <c r="C66" s="16">
        <v>95</v>
      </c>
      <c r="D66" s="17">
        <v>178</v>
      </c>
    </row>
    <row r="67" spans="1:4" ht="18" customHeight="1" x14ac:dyDescent="0.2">
      <c r="A67" s="14">
        <v>51</v>
      </c>
      <c r="B67" s="15">
        <v>99</v>
      </c>
      <c r="C67" s="16">
        <v>107</v>
      </c>
      <c r="D67" s="17">
        <v>206</v>
      </c>
    </row>
    <row r="68" spans="1:4" ht="18" customHeight="1" x14ac:dyDescent="0.2">
      <c r="A68" s="14">
        <v>52</v>
      </c>
      <c r="B68" s="15">
        <v>97</v>
      </c>
      <c r="C68" s="16">
        <v>89</v>
      </c>
      <c r="D68" s="17">
        <v>186</v>
      </c>
    </row>
    <row r="69" spans="1:4" ht="18" customHeight="1" x14ac:dyDescent="0.2">
      <c r="A69" s="14">
        <v>53</v>
      </c>
      <c r="B69" s="15">
        <v>67</v>
      </c>
      <c r="C69" s="16">
        <v>66</v>
      </c>
      <c r="D69" s="17">
        <v>133</v>
      </c>
    </row>
    <row r="70" spans="1:4" ht="18" customHeight="1" x14ac:dyDescent="0.2">
      <c r="A70" s="14">
        <v>54</v>
      </c>
      <c r="B70" s="15">
        <v>85</v>
      </c>
      <c r="C70" s="16">
        <v>99</v>
      </c>
      <c r="D70" s="17">
        <v>184</v>
      </c>
    </row>
    <row r="71" spans="1:4" ht="18" customHeight="1" x14ac:dyDescent="0.2">
      <c r="A71" s="18" t="s">
        <v>59</v>
      </c>
      <c r="B71" s="15">
        <v>431</v>
      </c>
      <c r="C71" s="16">
        <v>456</v>
      </c>
      <c r="D71" s="17">
        <v>887</v>
      </c>
    </row>
    <row r="72" spans="1:4" ht="18" customHeight="1" x14ac:dyDescent="0.2">
      <c r="A72" s="14">
        <v>55</v>
      </c>
      <c r="B72" s="15">
        <v>83</v>
      </c>
      <c r="C72" s="16">
        <v>81</v>
      </c>
      <c r="D72" s="17">
        <v>164</v>
      </c>
    </row>
    <row r="73" spans="1:4" ht="18" customHeight="1" x14ac:dyDescent="0.2">
      <c r="A73" s="14">
        <v>56</v>
      </c>
      <c r="B73" s="15">
        <v>97</v>
      </c>
      <c r="C73" s="16">
        <v>86</v>
      </c>
      <c r="D73" s="17">
        <v>183</v>
      </c>
    </row>
    <row r="74" spans="1:4" ht="18" customHeight="1" x14ac:dyDescent="0.2">
      <c r="A74" s="14">
        <v>57</v>
      </c>
      <c r="B74" s="15">
        <v>77</v>
      </c>
      <c r="C74" s="16">
        <v>74</v>
      </c>
      <c r="D74" s="17">
        <v>151</v>
      </c>
    </row>
    <row r="75" spans="1:4" ht="18" customHeight="1" x14ac:dyDescent="0.2">
      <c r="A75" s="14">
        <v>58</v>
      </c>
      <c r="B75" s="15">
        <v>71</v>
      </c>
      <c r="C75" s="16">
        <v>74</v>
      </c>
      <c r="D75" s="17">
        <v>145</v>
      </c>
    </row>
    <row r="76" spans="1:4" ht="18" customHeight="1" x14ac:dyDescent="0.2">
      <c r="A76" s="14">
        <v>59</v>
      </c>
      <c r="B76" s="15">
        <v>85</v>
      </c>
      <c r="C76" s="16">
        <v>76</v>
      </c>
      <c r="D76" s="17">
        <v>161</v>
      </c>
    </row>
    <row r="77" spans="1:4" ht="18" customHeight="1" x14ac:dyDescent="0.2">
      <c r="A77" s="18" t="s">
        <v>60</v>
      </c>
      <c r="B77" s="15">
        <v>413</v>
      </c>
      <c r="C77" s="16">
        <v>391</v>
      </c>
      <c r="D77" s="17">
        <v>804</v>
      </c>
    </row>
    <row r="78" spans="1:4" ht="18" customHeight="1" x14ac:dyDescent="0.2">
      <c r="A78" s="14">
        <v>60</v>
      </c>
      <c r="B78" s="15">
        <v>76</v>
      </c>
      <c r="C78" s="16">
        <v>81</v>
      </c>
      <c r="D78" s="17">
        <v>157</v>
      </c>
    </row>
    <row r="79" spans="1:4" ht="18" customHeight="1" x14ac:dyDescent="0.2">
      <c r="A79" s="14">
        <v>61</v>
      </c>
      <c r="B79" s="15">
        <v>63</v>
      </c>
      <c r="C79" s="16">
        <v>78</v>
      </c>
      <c r="D79" s="17">
        <v>141</v>
      </c>
    </row>
    <row r="80" spans="1:4" ht="18" customHeight="1" x14ac:dyDescent="0.2">
      <c r="A80" s="14">
        <v>62</v>
      </c>
      <c r="B80" s="15">
        <v>68</v>
      </c>
      <c r="C80" s="16">
        <v>61</v>
      </c>
      <c r="D80" s="17">
        <v>129</v>
      </c>
    </row>
    <row r="81" spans="1:4" ht="18" customHeight="1" x14ac:dyDescent="0.2">
      <c r="A81" s="14">
        <v>63</v>
      </c>
      <c r="B81" s="15">
        <v>60</v>
      </c>
      <c r="C81" s="16">
        <v>69</v>
      </c>
      <c r="D81" s="17">
        <v>129</v>
      </c>
    </row>
    <row r="82" spans="1:4" ht="18" customHeight="1" x14ac:dyDescent="0.2">
      <c r="A82" s="14">
        <v>64</v>
      </c>
      <c r="B82" s="15">
        <v>71</v>
      </c>
      <c r="C82" s="16">
        <v>78</v>
      </c>
      <c r="D82" s="17">
        <v>149</v>
      </c>
    </row>
    <row r="83" spans="1:4" ht="18" customHeight="1" x14ac:dyDescent="0.2">
      <c r="A83" s="18" t="s">
        <v>61</v>
      </c>
      <c r="B83" s="15">
        <v>338</v>
      </c>
      <c r="C83" s="16">
        <v>367</v>
      </c>
      <c r="D83" s="17">
        <v>705</v>
      </c>
    </row>
    <row r="84" spans="1:4" ht="18" customHeight="1" x14ac:dyDescent="0.2">
      <c r="A84" s="18" t="s">
        <v>62</v>
      </c>
      <c r="B84" s="15">
        <v>3499</v>
      </c>
      <c r="C84" s="16">
        <v>3536</v>
      </c>
      <c r="D84" s="17">
        <v>7035</v>
      </c>
    </row>
    <row r="85" spans="1:4" ht="18" customHeight="1" x14ac:dyDescent="0.2">
      <c r="A85" s="14">
        <v>65</v>
      </c>
      <c r="B85" s="15">
        <v>66</v>
      </c>
      <c r="C85" s="16">
        <v>61</v>
      </c>
      <c r="D85" s="17">
        <v>127</v>
      </c>
    </row>
    <row r="86" spans="1:4" ht="18" customHeight="1" x14ac:dyDescent="0.2">
      <c r="A86" s="14">
        <v>66</v>
      </c>
      <c r="B86" s="15">
        <v>63</v>
      </c>
      <c r="C86" s="16">
        <v>72</v>
      </c>
      <c r="D86" s="17">
        <v>135</v>
      </c>
    </row>
    <row r="87" spans="1:4" ht="18" customHeight="1" x14ac:dyDescent="0.2">
      <c r="A87" s="14">
        <v>67</v>
      </c>
      <c r="B87" s="15">
        <v>67</v>
      </c>
      <c r="C87" s="16">
        <v>62</v>
      </c>
      <c r="D87" s="17">
        <v>129</v>
      </c>
    </row>
    <row r="88" spans="1:4" ht="18" customHeight="1" x14ac:dyDescent="0.2">
      <c r="A88" s="14">
        <v>68</v>
      </c>
      <c r="B88" s="15">
        <v>72</v>
      </c>
      <c r="C88" s="16">
        <v>79</v>
      </c>
      <c r="D88" s="17">
        <v>151</v>
      </c>
    </row>
    <row r="89" spans="1:4" ht="18" customHeight="1" x14ac:dyDescent="0.2">
      <c r="A89" s="14">
        <v>69</v>
      </c>
      <c r="B89" s="15">
        <v>70</v>
      </c>
      <c r="C89" s="16">
        <v>81</v>
      </c>
      <c r="D89" s="17">
        <v>151</v>
      </c>
    </row>
    <row r="90" spans="1:4" ht="18" customHeight="1" x14ac:dyDescent="0.2">
      <c r="A90" s="18" t="s">
        <v>63</v>
      </c>
      <c r="B90" s="15">
        <v>338</v>
      </c>
      <c r="C90" s="16">
        <v>355</v>
      </c>
      <c r="D90" s="17">
        <v>693</v>
      </c>
    </row>
    <row r="91" spans="1:4" ht="18" customHeight="1" x14ac:dyDescent="0.2">
      <c r="A91" s="14">
        <v>70</v>
      </c>
      <c r="B91" s="15">
        <v>93</v>
      </c>
      <c r="C91" s="16">
        <v>101</v>
      </c>
      <c r="D91" s="17">
        <v>194</v>
      </c>
    </row>
    <row r="92" spans="1:4" ht="18" customHeight="1" x14ac:dyDescent="0.2">
      <c r="A92" s="14">
        <v>71</v>
      </c>
      <c r="B92" s="15">
        <v>99</v>
      </c>
      <c r="C92" s="16">
        <v>77</v>
      </c>
      <c r="D92" s="17">
        <v>176</v>
      </c>
    </row>
    <row r="93" spans="1:4" ht="18" customHeight="1" x14ac:dyDescent="0.2">
      <c r="A93" s="14">
        <v>72</v>
      </c>
      <c r="B93" s="15">
        <v>72</v>
      </c>
      <c r="C93" s="16">
        <v>109</v>
      </c>
      <c r="D93" s="17">
        <v>181</v>
      </c>
    </row>
    <row r="94" spans="1:4" ht="18" customHeight="1" x14ac:dyDescent="0.2">
      <c r="A94" s="14">
        <v>73</v>
      </c>
      <c r="B94" s="15">
        <v>52</v>
      </c>
      <c r="C94" s="16">
        <v>41</v>
      </c>
      <c r="D94" s="17">
        <v>93</v>
      </c>
    </row>
    <row r="95" spans="1:4" ht="18" customHeight="1" x14ac:dyDescent="0.2">
      <c r="A95" s="14">
        <v>74</v>
      </c>
      <c r="B95" s="15">
        <v>37</v>
      </c>
      <c r="C95" s="16">
        <v>63</v>
      </c>
      <c r="D95" s="17">
        <v>100</v>
      </c>
    </row>
    <row r="96" spans="1:4" ht="18" customHeight="1" x14ac:dyDescent="0.2">
      <c r="A96" s="18" t="s">
        <v>64</v>
      </c>
      <c r="B96" s="15">
        <v>353</v>
      </c>
      <c r="C96" s="16">
        <v>391</v>
      </c>
      <c r="D96" s="17">
        <v>744</v>
      </c>
    </row>
    <row r="97" spans="1:4" ht="18" customHeight="1" x14ac:dyDescent="0.2">
      <c r="A97" s="14">
        <v>75</v>
      </c>
      <c r="B97" s="15">
        <v>66</v>
      </c>
      <c r="C97" s="16">
        <v>99</v>
      </c>
      <c r="D97" s="17">
        <v>165</v>
      </c>
    </row>
    <row r="98" spans="1:4" ht="18" customHeight="1" x14ac:dyDescent="0.2">
      <c r="A98" s="14">
        <v>76</v>
      </c>
      <c r="B98" s="15">
        <v>64</v>
      </c>
      <c r="C98" s="16">
        <v>66</v>
      </c>
      <c r="D98" s="17">
        <v>130</v>
      </c>
    </row>
    <row r="99" spans="1:4" ht="18" customHeight="1" x14ac:dyDescent="0.2">
      <c r="A99" s="14">
        <v>77</v>
      </c>
      <c r="B99" s="15">
        <v>71</v>
      </c>
      <c r="C99" s="16">
        <v>109</v>
      </c>
      <c r="D99" s="17">
        <v>180</v>
      </c>
    </row>
    <row r="100" spans="1:4" ht="18" customHeight="1" x14ac:dyDescent="0.2">
      <c r="A100" s="14">
        <v>78</v>
      </c>
      <c r="B100" s="15">
        <v>44</v>
      </c>
      <c r="C100" s="16">
        <v>70</v>
      </c>
      <c r="D100" s="17">
        <v>114</v>
      </c>
    </row>
    <row r="101" spans="1:4" ht="18" customHeight="1" x14ac:dyDescent="0.2">
      <c r="A101" s="14">
        <v>79</v>
      </c>
      <c r="B101" s="15">
        <v>39</v>
      </c>
      <c r="C101" s="16">
        <v>68</v>
      </c>
      <c r="D101" s="17">
        <v>107</v>
      </c>
    </row>
    <row r="102" spans="1:4" ht="18" customHeight="1" x14ac:dyDescent="0.2">
      <c r="A102" s="18" t="s">
        <v>65</v>
      </c>
      <c r="B102" s="15">
        <v>284</v>
      </c>
      <c r="C102" s="16">
        <v>412</v>
      </c>
      <c r="D102" s="17">
        <v>696</v>
      </c>
    </row>
    <row r="103" spans="1:4" ht="18" customHeight="1" x14ac:dyDescent="0.2">
      <c r="A103" s="14">
        <v>80</v>
      </c>
      <c r="B103" s="15">
        <v>41</v>
      </c>
      <c r="C103" s="16">
        <v>67</v>
      </c>
      <c r="D103" s="17">
        <v>108</v>
      </c>
    </row>
    <row r="104" spans="1:4" ht="18" customHeight="1" x14ac:dyDescent="0.2">
      <c r="A104" s="14">
        <v>81</v>
      </c>
      <c r="B104" s="15">
        <v>35</v>
      </c>
      <c r="C104" s="16">
        <v>50</v>
      </c>
      <c r="D104" s="17">
        <v>85</v>
      </c>
    </row>
    <row r="105" spans="1:4" ht="18" customHeight="1" x14ac:dyDescent="0.2">
      <c r="A105" s="14">
        <v>82</v>
      </c>
      <c r="B105" s="15">
        <v>38</v>
      </c>
      <c r="C105" s="16">
        <v>64</v>
      </c>
      <c r="D105" s="17">
        <v>102</v>
      </c>
    </row>
    <row r="106" spans="1:4" ht="18" customHeight="1" x14ac:dyDescent="0.2">
      <c r="A106" s="14">
        <v>83</v>
      </c>
      <c r="B106" s="15">
        <v>47</v>
      </c>
      <c r="C106" s="16">
        <v>96</v>
      </c>
      <c r="D106" s="17">
        <v>143</v>
      </c>
    </row>
    <row r="107" spans="1:4" ht="18" customHeight="1" x14ac:dyDescent="0.2">
      <c r="A107" s="14">
        <v>84</v>
      </c>
      <c r="B107" s="15">
        <v>37</v>
      </c>
      <c r="C107" s="16">
        <v>53</v>
      </c>
      <c r="D107" s="17">
        <v>90</v>
      </c>
    </row>
    <row r="108" spans="1:4" ht="18" customHeight="1" x14ac:dyDescent="0.2">
      <c r="A108" s="18" t="s">
        <v>66</v>
      </c>
      <c r="B108" s="15">
        <v>198</v>
      </c>
      <c r="C108" s="16">
        <v>330</v>
      </c>
      <c r="D108" s="17">
        <v>528</v>
      </c>
    </row>
    <row r="109" spans="1:4" ht="18" customHeight="1" x14ac:dyDescent="0.2">
      <c r="A109" s="14">
        <v>85</v>
      </c>
      <c r="B109" s="15">
        <v>38</v>
      </c>
      <c r="C109" s="16">
        <v>67</v>
      </c>
      <c r="D109" s="17">
        <v>105</v>
      </c>
    </row>
    <row r="110" spans="1:4" ht="18" customHeight="1" x14ac:dyDescent="0.2">
      <c r="A110" s="14">
        <v>86</v>
      </c>
      <c r="B110" s="15">
        <v>35</v>
      </c>
      <c r="C110" s="16">
        <v>68</v>
      </c>
      <c r="D110" s="17">
        <v>103</v>
      </c>
    </row>
    <row r="111" spans="1:4" ht="18" customHeight="1" x14ac:dyDescent="0.2">
      <c r="A111" s="14">
        <v>87</v>
      </c>
      <c r="B111" s="15">
        <v>22</v>
      </c>
      <c r="C111" s="16">
        <v>67</v>
      </c>
      <c r="D111" s="17">
        <v>89</v>
      </c>
    </row>
    <row r="112" spans="1:4" ht="18" customHeight="1" x14ac:dyDescent="0.2">
      <c r="A112" s="14">
        <v>88</v>
      </c>
      <c r="B112" s="15">
        <v>27</v>
      </c>
      <c r="C112" s="16">
        <v>58</v>
      </c>
      <c r="D112" s="17">
        <v>85</v>
      </c>
    </row>
    <row r="113" spans="1:4" ht="18" customHeight="1" x14ac:dyDescent="0.2">
      <c r="A113" s="14">
        <v>89</v>
      </c>
      <c r="B113" s="15">
        <v>24</v>
      </c>
      <c r="C113" s="16">
        <v>62</v>
      </c>
      <c r="D113" s="17">
        <v>86</v>
      </c>
    </row>
    <row r="114" spans="1:4" ht="18" customHeight="1" x14ac:dyDescent="0.2">
      <c r="A114" s="18" t="s">
        <v>67</v>
      </c>
      <c r="B114" s="15">
        <v>146</v>
      </c>
      <c r="C114" s="16">
        <v>322</v>
      </c>
      <c r="D114" s="17">
        <v>468</v>
      </c>
    </row>
    <row r="115" spans="1:4" ht="18" customHeight="1" x14ac:dyDescent="0.2">
      <c r="A115" s="14">
        <v>90</v>
      </c>
      <c r="B115" s="15">
        <v>13</v>
      </c>
      <c r="C115" s="16">
        <v>49</v>
      </c>
      <c r="D115" s="17">
        <v>62</v>
      </c>
    </row>
    <row r="116" spans="1:4" ht="18" customHeight="1" x14ac:dyDescent="0.2">
      <c r="A116" s="14">
        <v>91</v>
      </c>
      <c r="B116" s="15">
        <v>14</v>
      </c>
      <c r="C116" s="16">
        <v>30</v>
      </c>
      <c r="D116" s="17">
        <v>44</v>
      </c>
    </row>
    <row r="117" spans="1:4" ht="18" customHeight="1" x14ac:dyDescent="0.2">
      <c r="A117" s="14">
        <v>92</v>
      </c>
      <c r="B117" s="15">
        <v>18</v>
      </c>
      <c r="C117" s="16">
        <v>37</v>
      </c>
      <c r="D117" s="17">
        <v>55</v>
      </c>
    </row>
    <row r="118" spans="1:4" ht="18" customHeight="1" x14ac:dyDescent="0.2">
      <c r="A118" s="14">
        <v>93</v>
      </c>
      <c r="B118" s="15">
        <v>10</v>
      </c>
      <c r="C118" s="16">
        <v>33</v>
      </c>
      <c r="D118" s="17">
        <v>43</v>
      </c>
    </row>
    <row r="119" spans="1:4" ht="18" customHeight="1" x14ac:dyDescent="0.2">
      <c r="A119" s="14">
        <v>94</v>
      </c>
      <c r="B119" s="15">
        <v>7</v>
      </c>
      <c r="C119" s="16">
        <v>17</v>
      </c>
      <c r="D119" s="17">
        <v>24</v>
      </c>
    </row>
    <row r="120" spans="1:4" ht="18" customHeight="1" x14ac:dyDescent="0.2">
      <c r="A120" s="18" t="s">
        <v>68</v>
      </c>
      <c r="B120" s="15">
        <v>62</v>
      </c>
      <c r="C120" s="16">
        <v>166</v>
      </c>
      <c r="D120" s="17">
        <v>228</v>
      </c>
    </row>
    <row r="121" spans="1:4" ht="18" customHeight="1" x14ac:dyDescent="0.2">
      <c r="A121" s="14">
        <v>95</v>
      </c>
      <c r="B121" s="15">
        <v>5</v>
      </c>
      <c r="C121" s="16">
        <v>19</v>
      </c>
      <c r="D121" s="17">
        <v>24</v>
      </c>
    </row>
    <row r="122" spans="1:4" ht="18" customHeight="1" x14ac:dyDescent="0.2">
      <c r="A122" s="14">
        <v>96</v>
      </c>
      <c r="B122" s="15">
        <v>6</v>
      </c>
      <c r="C122" s="16">
        <v>9</v>
      </c>
      <c r="D122" s="17">
        <v>15</v>
      </c>
    </row>
    <row r="123" spans="1:4" ht="18" customHeight="1" x14ac:dyDescent="0.2">
      <c r="A123" s="14">
        <v>97</v>
      </c>
      <c r="B123" s="15">
        <v>2</v>
      </c>
      <c r="C123" s="16">
        <v>10</v>
      </c>
      <c r="D123" s="17">
        <v>12</v>
      </c>
    </row>
    <row r="124" spans="1:4" ht="18" customHeight="1" x14ac:dyDescent="0.2">
      <c r="A124" s="14">
        <v>98</v>
      </c>
      <c r="B124" s="15">
        <v>3</v>
      </c>
      <c r="C124" s="16">
        <v>9</v>
      </c>
      <c r="D124" s="17">
        <v>12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17</v>
      </c>
      <c r="C126" s="16">
        <v>47</v>
      </c>
      <c r="D126" s="17">
        <v>64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8</v>
      </c>
      <c r="D128" s="17">
        <v>9</v>
      </c>
    </row>
    <row r="129" spans="1:4" ht="18" customHeight="1" x14ac:dyDescent="0.2">
      <c r="A129" s="18" t="s">
        <v>71</v>
      </c>
      <c r="B129" s="15">
        <v>1</v>
      </c>
      <c r="C129" s="16">
        <v>12</v>
      </c>
      <c r="D129" s="17">
        <v>13</v>
      </c>
    </row>
    <row r="130" spans="1:4" ht="18" customHeight="1" x14ac:dyDescent="0.2">
      <c r="A130" s="18" t="s">
        <v>72</v>
      </c>
      <c r="B130" s="4">
        <v>1399</v>
      </c>
      <c r="C130" s="5">
        <v>2035</v>
      </c>
      <c r="D130" s="6">
        <v>3434</v>
      </c>
    </row>
    <row r="131" spans="1:4" ht="18" customHeight="1" x14ac:dyDescent="0.2">
      <c r="A131" s="20" t="s">
        <v>47</v>
      </c>
      <c r="B131" s="7">
        <v>5613</v>
      </c>
      <c r="C131" s="8">
        <v>6254</v>
      </c>
      <c r="D131" s="9">
        <v>118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6</v>
      </c>
      <c r="C5" s="12">
        <v>78</v>
      </c>
      <c r="D5" s="13">
        <v>144</v>
      </c>
    </row>
    <row r="6" spans="1:4" ht="18" customHeight="1" x14ac:dyDescent="0.2">
      <c r="A6" s="14">
        <v>1</v>
      </c>
      <c r="B6" s="15">
        <v>79</v>
      </c>
      <c r="C6" s="16">
        <v>72</v>
      </c>
      <c r="D6" s="17">
        <v>151</v>
      </c>
    </row>
    <row r="7" spans="1:4" ht="18" customHeight="1" x14ac:dyDescent="0.2">
      <c r="A7" s="14">
        <v>2</v>
      </c>
      <c r="B7" s="15">
        <v>73</v>
      </c>
      <c r="C7" s="16">
        <v>67</v>
      </c>
      <c r="D7" s="17">
        <v>140</v>
      </c>
    </row>
    <row r="8" spans="1:4" ht="18" customHeight="1" x14ac:dyDescent="0.2">
      <c r="A8" s="14">
        <v>3</v>
      </c>
      <c r="B8" s="15">
        <v>76</v>
      </c>
      <c r="C8" s="16">
        <v>71</v>
      </c>
      <c r="D8" s="17">
        <v>147</v>
      </c>
    </row>
    <row r="9" spans="1:4" ht="18" customHeight="1" x14ac:dyDescent="0.2">
      <c r="A9" s="14">
        <v>4</v>
      </c>
      <c r="B9" s="15">
        <v>75</v>
      </c>
      <c r="C9" s="16">
        <v>72</v>
      </c>
      <c r="D9" s="17">
        <v>147</v>
      </c>
    </row>
    <row r="10" spans="1:4" ht="18" customHeight="1" x14ac:dyDescent="0.2">
      <c r="A10" s="18" t="s">
        <v>48</v>
      </c>
      <c r="B10" s="15">
        <v>369</v>
      </c>
      <c r="C10" s="16">
        <v>360</v>
      </c>
      <c r="D10" s="17">
        <v>729</v>
      </c>
    </row>
    <row r="11" spans="1:4" ht="18" customHeight="1" x14ac:dyDescent="0.2">
      <c r="A11" s="14">
        <v>5</v>
      </c>
      <c r="B11" s="15">
        <v>84</v>
      </c>
      <c r="C11" s="16">
        <v>71</v>
      </c>
      <c r="D11" s="17">
        <v>155</v>
      </c>
    </row>
    <row r="12" spans="1:4" ht="18" customHeight="1" x14ac:dyDescent="0.2">
      <c r="A12" s="14">
        <v>6</v>
      </c>
      <c r="B12" s="15">
        <v>82</v>
      </c>
      <c r="C12" s="16">
        <v>65</v>
      </c>
      <c r="D12" s="17">
        <v>147</v>
      </c>
    </row>
    <row r="13" spans="1:4" ht="18" customHeight="1" x14ac:dyDescent="0.2">
      <c r="A13" s="14">
        <v>7</v>
      </c>
      <c r="B13" s="15">
        <v>69</v>
      </c>
      <c r="C13" s="16">
        <v>63</v>
      </c>
      <c r="D13" s="17">
        <v>132</v>
      </c>
    </row>
    <row r="14" spans="1:4" ht="18" customHeight="1" x14ac:dyDescent="0.2">
      <c r="A14" s="14">
        <v>8</v>
      </c>
      <c r="B14" s="15">
        <v>71</v>
      </c>
      <c r="C14" s="16">
        <v>87</v>
      </c>
      <c r="D14" s="17">
        <v>158</v>
      </c>
    </row>
    <row r="15" spans="1:4" ht="18" customHeight="1" x14ac:dyDescent="0.2">
      <c r="A15" s="14">
        <v>9</v>
      </c>
      <c r="B15" s="15">
        <v>68</v>
      </c>
      <c r="C15" s="16">
        <v>68</v>
      </c>
      <c r="D15" s="17">
        <v>136</v>
      </c>
    </row>
    <row r="16" spans="1:4" ht="18" customHeight="1" x14ac:dyDescent="0.2">
      <c r="A16" s="18" t="s">
        <v>49</v>
      </c>
      <c r="B16" s="15">
        <v>374</v>
      </c>
      <c r="C16" s="16">
        <v>354</v>
      </c>
      <c r="D16" s="17">
        <v>728</v>
      </c>
    </row>
    <row r="17" spans="1:4" ht="18" customHeight="1" x14ac:dyDescent="0.2">
      <c r="A17" s="14">
        <v>10</v>
      </c>
      <c r="B17" s="15">
        <v>60</v>
      </c>
      <c r="C17" s="16">
        <v>61</v>
      </c>
      <c r="D17" s="17">
        <v>121</v>
      </c>
    </row>
    <row r="18" spans="1:4" ht="18" customHeight="1" x14ac:dyDescent="0.2">
      <c r="A18" s="14">
        <v>11</v>
      </c>
      <c r="B18" s="15">
        <v>75</v>
      </c>
      <c r="C18" s="16">
        <v>73</v>
      </c>
      <c r="D18" s="17">
        <v>148</v>
      </c>
    </row>
    <row r="19" spans="1:4" ht="18" customHeight="1" x14ac:dyDescent="0.2">
      <c r="A19" s="14">
        <v>12</v>
      </c>
      <c r="B19" s="15">
        <v>77</v>
      </c>
      <c r="C19" s="16">
        <v>72</v>
      </c>
      <c r="D19" s="17">
        <v>149</v>
      </c>
    </row>
    <row r="20" spans="1:4" ht="18" customHeight="1" x14ac:dyDescent="0.2">
      <c r="A20" s="14">
        <v>13</v>
      </c>
      <c r="B20" s="15">
        <v>76</v>
      </c>
      <c r="C20" s="16">
        <v>65</v>
      </c>
      <c r="D20" s="17">
        <v>141</v>
      </c>
    </row>
    <row r="21" spans="1:4" ht="18" customHeight="1" x14ac:dyDescent="0.2">
      <c r="A21" s="14">
        <v>14</v>
      </c>
      <c r="B21" s="15">
        <v>71</v>
      </c>
      <c r="C21" s="16">
        <v>63</v>
      </c>
      <c r="D21" s="17">
        <v>134</v>
      </c>
    </row>
    <row r="22" spans="1:4" ht="18" customHeight="1" x14ac:dyDescent="0.2">
      <c r="A22" s="18" t="s">
        <v>50</v>
      </c>
      <c r="B22" s="15">
        <v>359</v>
      </c>
      <c r="C22" s="16">
        <v>334</v>
      </c>
      <c r="D22" s="17">
        <v>693</v>
      </c>
    </row>
    <row r="23" spans="1:4" ht="18" customHeight="1" x14ac:dyDescent="0.2">
      <c r="A23" s="18" t="s">
        <v>51</v>
      </c>
      <c r="B23" s="15">
        <v>1102</v>
      </c>
      <c r="C23" s="16">
        <v>1048</v>
      </c>
      <c r="D23" s="17">
        <v>2150</v>
      </c>
    </row>
    <row r="24" spans="1:4" ht="18" customHeight="1" x14ac:dyDescent="0.2">
      <c r="A24" s="14">
        <v>15</v>
      </c>
      <c r="B24" s="15">
        <v>76</v>
      </c>
      <c r="C24" s="16">
        <v>69</v>
      </c>
      <c r="D24" s="17">
        <v>145</v>
      </c>
    </row>
    <row r="25" spans="1:4" ht="18" customHeight="1" x14ac:dyDescent="0.2">
      <c r="A25" s="14">
        <v>16</v>
      </c>
      <c r="B25" s="15">
        <v>65</v>
      </c>
      <c r="C25" s="16">
        <v>75</v>
      </c>
      <c r="D25" s="17">
        <v>140</v>
      </c>
    </row>
    <row r="26" spans="1:4" ht="18" customHeight="1" x14ac:dyDescent="0.2">
      <c r="A26" s="14">
        <v>17</v>
      </c>
      <c r="B26" s="15">
        <v>69</v>
      </c>
      <c r="C26" s="16">
        <v>75</v>
      </c>
      <c r="D26" s="17">
        <v>144</v>
      </c>
    </row>
    <row r="27" spans="1:4" ht="18" customHeight="1" x14ac:dyDescent="0.2">
      <c r="A27" s="14">
        <v>18</v>
      </c>
      <c r="B27" s="15">
        <v>50</v>
      </c>
      <c r="C27" s="16">
        <v>54</v>
      </c>
      <c r="D27" s="17">
        <v>104</v>
      </c>
    </row>
    <row r="28" spans="1:4" ht="18" customHeight="1" x14ac:dyDescent="0.2">
      <c r="A28" s="14">
        <v>19</v>
      </c>
      <c r="B28" s="15">
        <v>70</v>
      </c>
      <c r="C28" s="16">
        <v>61</v>
      </c>
      <c r="D28" s="17">
        <v>131</v>
      </c>
    </row>
    <row r="29" spans="1:4" ht="18" customHeight="1" x14ac:dyDescent="0.2">
      <c r="A29" s="18" t="s">
        <v>52</v>
      </c>
      <c r="B29" s="15">
        <v>330</v>
      </c>
      <c r="C29" s="16">
        <v>334</v>
      </c>
      <c r="D29" s="17">
        <v>664</v>
      </c>
    </row>
    <row r="30" spans="1:4" ht="18" customHeight="1" x14ac:dyDescent="0.2">
      <c r="A30" s="14">
        <v>20</v>
      </c>
      <c r="B30" s="15">
        <v>54</v>
      </c>
      <c r="C30" s="16">
        <v>74</v>
      </c>
      <c r="D30" s="17">
        <v>128</v>
      </c>
    </row>
    <row r="31" spans="1:4" ht="18" customHeight="1" x14ac:dyDescent="0.2">
      <c r="A31" s="14">
        <v>21</v>
      </c>
      <c r="B31" s="15">
        <v>68</v>
      </c>
      <c r="C31" s="16">
        <v>68</v>
      </c>
      <c r="D31" s="17">
        <v>136</v>
      </c>
    </row>
    <row r="32" spans="1:4" ht="18" customHeight="1" x14ac:dyDescent="0.2">
      <c r="A32" s="14">
        <v>22</v>
      </c>
      <c r="B32" s="15">
        <v>48</v>
      </c>
      <c r="C32" s="16">
        <v>65</v>
      </c>
      <c r="D32" s="17">
        <v>113</v>
      </c>
    </row>
    <row r="33" spans="1:4" ht="18" customHeight="1" x14ac:dyDescent="0.2">
      <c r="A33" s="14">
        <v>23</v>
      </c>
      <c r="B33" s="15">
        <v>63</v>
      </c>
      <c r="C33" s="16">
        <v>64</v>
      </c>
      <c r="D33" s="17">
        <v>127</v>
      </c>
    </row>
    <row r="34" spans="1:4" ht="18" customHeight="1" x14ac:dyDescent="0.2">
      <c r="A34" s="14">
        <v>24</v>
      </c>
      <c r="B34" s="15">
        <v>66</v>
      </c>
      <c r="C34" s="16">
        <v>59</v>
      </c>
      <c r="D34" s="17">
        <v>125</v>
      </c>
    </row>
    <row r="35" spans="1:4" ht="18" customHeight="1" x14ac:dyDescent="0.2">
      <c r="A35" s="18" t="s">
        <v>53</v>
      </c>
      <c r="B35" s="15">
        <v>299</v>
      </c>
      <c r="C35" s="16">
        <v>330</v>
      </c>
      <c r="D35" s="17">
        <v>629</v>
      </c>
    </row>
    <row r="36" spans="1:4" ht="18" customHeight="1" x14ac:dyDescent="0.2">
      <c r="A36" s="14">
        <v>25</v>
      </c>
      <c r="B36" s="15">
        <v>82</v>
      </c>
      <c r="C36" s="16">
        <v>68</v>
      </c>
      <c r="D36" s="17">
        <v>150</v>
      </c>
    </row>
    <row r="37" spans="1:4" ht="18" customHeight="1" x14ac:dyDescent="0.2">
      <c r="A37" s="14">
        <v>26</v>
      </c>
      <c r="B37" s="15">
        <v>65</v>
      </c>
      <c r="C37" s="16">
        <v>76</v>
      </c>
      <c r="D37" s="17">
        <v>141</v>
      </c>
    </row>
    <row r="38" spans="1:4" ht="18" customHeight="1" x14ac:dyDescent="0.2">
      <c r="A38" s="14">
        <v>27</v>
      </c>
      <c r="B38" s="15">
        <v>75</v>
      </c>
      <c r="C38" s="16">
        <v>75</v>
      </c>
      <c r="D38" s="17">
        <v>150</v>
      </c>
    </row>
    <row r="39" spans="1:4" ht="18" customHeight="1" x14ac:dyDescent="0.2">
      <c r="A39" s="14">
        <v>28</v>
      </c>
      <c r="B39" s="15">
        <v>64</v>
      </c>
      <c r="C39" s="16">
        <v>88</v>
      </c>
      <c r="D39" s="17">
        <v>152</v>
      </c>
    </row>
    <row r="40" spans="1:4" ht="18" customHeight="1" x14ac:dyDescent="0.2">
      <c r="A40" s="14">
        <v>29</v>
      </c>
      <c r="B40" s="15">
        <v>90</v>
      </c>
      <c r="C40" s="16">
        <v>88</v>
      </c>
      <c r="D40" s="17">
        <v>178</v>
      </c>
    </row>
    <row r="41" spans="1:4" ht="18" customHeight="1" x14ac:dyDescent="0.2">
      <c r="A41" s="18" t="s">
        <v>54</v>
      </c>
      <c r="B41" s="15">
        <v>376</v>
      </c>
      <c r="C41" s="16">
        <v>395</v>
      </c>
      <c r="D41" s="17">
        <v>771</v>
      </c>
    </row>
    <row r="42" spans="1:4" ht="18" customHeight="1" x14ac:dyDescent="0.2">
      <c r="A42" s="14">
        <v>30</v>
      </c>
      <c r="B42" s="15">
        <v>81</v>
      </c>
      <c r="C42" s="16">
        <v>91</v>
      </c>
      <c r="D42" s="17">
        <v>172</v>
      </c>
    </row>
    <row r="43" spans="1:4" ht="18" customHeight="1" x14ac:dyDescent="0.2">
      <c r="A43" s="14">
        <v>31</v>
      </c>
      <c r="B43" s="15">
        <v>88</v>
      </c>
      <c r="C43" s="16">
        <v>72</v>
      </c>
      <c r="D43" s="17">
        <v>160</v>
      </c>
    </row>
    <row r="44" spans="1:4" ht="18" customHeight="1" x14ac:dyDescent="0.2">
      <c r="A44" s="14">
        <v>32</v>
      </c>
      <c r="B44" s="15">
        <v>86</v>
      </c>
      <c r="C44" s="16">
        <v>97</v>
      </c>
      <c r="D44" s="17">
        <v>183</v>
      </c>
    </row>
    <row r="45" spans="1:4" ht="18" customHeight="1" x14ac:dyDescent="0.2">
      <c r="A45" s="14">
        <v>33</v>
      </c>
      <c r="B45" s="15">
        <v>84</v>
      </c>
      <c r="C45" s="16">
        <v>93</v>
      </c>
      <c r="D45" s="17">
        <v>177</v>
      </c>
    </row>
    <row r="46" spans="1:4" ht="18" customHeight="1" x14ac:dyDescent="0.2">
      <c r="A46" s="14">
        <v>34</v>
      </c>
      <c r="B46" s="15">
        <v>96</v>
      </c>
      <c r="C46" s="16">
        <v>105</v>
      </c>
      <c r="D46" s="17">
        <v>201</v>
      </c>
    </row>
    <row r="47" spans="1:4" ht="18" customHeight="1" x14ac:dyDescent="0.2">
      <c r="A47" s="18" t="s">
        <v>55</v>
      </c>
      <c r="B47" s="15">
        <v>435</v>
      </c>
      <c r="C47" s="16">
        <v>458</v>
      </c>
      <c r="D47" s="17">
        <v>893</v>
      </c>
    </row>
    <row r="48" spans="1:4" ht="18" customHeight="1" x14ac:dyDescent="0.2">
      <c r="A48" s="14">
        <v>35</v>
      </c>
      <c r="B48" s="15">
        <v>92</v>
      </c>
      <c r="C48" s="16">
        <v>83</v>
      </c>
      <c r="D48" s="17">
        <v>175</v>
      </c>
    </row>
    <row r="49" spans="1:4" ht="18" customHeight="1" x14ac:dyDescent="0.2">
      <c r="A49" s="14">
        <v>36</v>
      </c>
      <c r="B49" s="15">
        <v>105</v>
      </c>
      <c r="C49" s="16">
        <v>97</v>
      </c>
      <c r="D49" s="17">
        <v>202</v>
      </c>
    </row>
    <row r="50" spans="1:4" ht="18" customHeight="1" x14ac:dyDescent="0.2">
      <c r="A50" s="14">
        <v>37</v>
      </c>
      <c r="B50" s="15">
        <v>107</v>
      </c>
      <c r="C50" s="16">
        <v>106</v>
      </c>
      <c r="D50" s="17">
        <v>213</v>
      </c>
    </row>
    <row r="51" spans="1:4" ht="18" customHeight="1" x14ac:dyDescent="0.2">
      <c r="A51" s="14">
        <v>38</v>
      </c>
      <c r="B51" s="15">
        <v>108</v>
      </c>
      <c r="C51" s="16">
        <v>93</v>
      </c>
      <c r="D51" s="17">
        <v>201</v>
      </c>
    </row>
    <row r="52" spans="1:4" ht="18" customHeight="1" x14ac:dyDescent="0.2">
      <c r="A52" s="14">
        <v>39</v>
      </c>
      <c r="B52" s="15">
        <v>100</v>
      </c>
      <c r="C52" s="16">
        <v>115</v>
      </c>
      <c r="D52" s="17">
        <v>215</v>
      </c>
    </row>
    <row r="53" spans="1:4" ht="18" customHeight="1" x14ac:dyDescent="0.2">
      <c r="A53" s="18" t="s">
        <v>56</v>
      </c>
      <c r="B53" s="15">
        <v>512</v>
      </c>
      <c r="C53" s="16">
        <v>494</v>
      </c>
      <c r="D53" s="17">
        <v>1006</v>
      </c>
    </row>
    <row r="54" spans="1:4" ht="18" customHeight="1" x14ac:dyDescent="0.2">
      <c r="A54" s="14">
        <v>40</v>
      </c>
      <c r="B54" s="15">
        <v>108</v>
      </c>
      <c r="C54" s="16">
        <v>115</v>
      </c>
      <c r="D54" s="17">
        <v>223</v>
      </c>
    </row>
    <row r="55" spans="1:4" ht="18" customHeight="1" x14ac:dyDescent="0.2">
      <c r="A55" s="14">
        <v>41</v>
      </c>
      <c r="B55" s="15">
        <v>129</v>
      </c>
      <c r="C55" s="16">
        <v>106</v>
      </c>
      <c r="D55" s="17">
        <v>235</v>
      </c>
    </row>
    <row r="56" spans="1:4" ht="18" customHeight="1" x14ac:dyDescent="0.2">
      <c r="A56" s="14">
        <v>42</v>
      </c>
      <c r="B56" s="15">
        <v>123</v>
      </c>
      <c r="C56" s="16">
        <v>112</v>
      </c>
      <c r="D56" s="17">
        <v>235</v>
      </c>
    </row>
    <row r="57" spans="1:4" ht="18" customHeight="1" x14ac:dyDescent="0.2">
      <c r="A57" s="14">
        <v>43</v>
      </c>
      <c r="B57" s="15">
        <v>138</v>
      </c>
      <c r="C57" s="16">
        <v>117</v>
      </c>
      <c r="D57" s="17">
        <v>255</v>
      </c>
    </row>
    <row r="58" spans="1:4" ht="18" customHeight="1" x14ac:dyDescent="0.2">
      <c r="A58" s="14">
        <v>44</v>
      </c>
      <c r="B58" s="15">
        <v>151</v>
      </c>
      <c r="C58" s="16">
        <v>146</v>
      </c>
      <c r="D58" s="17">
        <v>297</v>
      </c>
    </row>
    <row r="59" spans="1:4" ht="18" customHeight="1" x14ac:dyDescent="0.2">
      <c r="A59" s="18" t="s">
        <v>57</v>
      </c>
      <c r="B59" s="15">
        <v>649</v>
      </c>
      <c r="C59" s="16">
        <v>596</v>
      </c>
      <c r="D59" s="17">
        <v>1245</v>
      </c>
    </row>
    <row r="60" spans="1:4" ht="18" customHeight="1" x14ac:dyDescent="0.2">
      <c r="A60" s="14">
        <v>45</v>
      </c>
      <c r="B60" s="15">
        <v>138</v>
      </c>
      <c r="C60" s="16">
        <v>122</v>
      </c>
      <c r="D60" s="17">
        <v>260</v>
      </c>
    </row>
    <row r="61" spans="1:4" ht="18" customHeight="1" x14ac:dyDescent="0.2">
      <c r="A61" s="14">
        <v>46</v>
      </c>
      <c r="B61" s="15">
        <v>134</v>
      </c>
      <c r="C61" s="16">
        <v>107</v>
      </c>
      <c r="D61" s="17">
        <v>241</v>
      </c>
    </row>
    <row r="62" spans="1:4" ht="18" customHeight="1" x14ac:dyDescent="0.2">
      <c r="A62" s="14">
        <v>47</v>
      </c>
      <c r="B62" s="15">
        <v>133</v>
      </c>
      <c r="C62" s="16">
        <v>145</v>
      </c>
      <c r="D62" s="17">
        <v>278</v>
      </c>
    </row>
    <row r="63" spans="1:4" ht="18" customHeight="1" x14ac:dyDescent="0.2">
      <c r="A63" s="14">
        <v>48</v>
      </c>
      <c r="B63" s="15">
        <v>128</v>
      </c>
      <c r="C63" s="16">
        <v>116</v>
      </c>
      <c r="D63" s="17">
        <v>244</v>
      </c>
    </row>
    <row r="64" spans="1:4" ht="18" customHeight="1" x14ac:dyDescent="0.2">
      <c r="A64" s="14">
        <v>49</v>
      </c>
      <c r="B64" s="15">
        <v>102</v>
      </c>
      <c r="C64" s="16">
        <v>123</v>
      </c>
      <c r="D64" s="17">
        <v>225</v>
      </c>
    </row>
    <row r="65" spans="1:4" ht="18" customHeight="1" x14ac:dyDescent="0.2">
      <c r="A65" s="18" t="s">
        <v>58</v>
      </c>
      <c r="B65" s="15">
        <v>635</v>
      </c>
      <c r="C65" s="16">
        <v>613</v>
      </c>
      <c r="D65" s="17">
        <v>1248</v>
      </c>
    </row>
    <row r="66" spans="1:4" ht="18" customHeight="1" x14ac:dyDescent="0.2">
      <c r="A66" s="14">
        <v>50</v>
      </c>
      <c r="B66" s="15">
        <v>106</v>
      </c>
      <c r="C66" s="16">
        <v>87</v>
      </c>
      <c r="D66" s="17">
        <v>193</v>
      </c>
    </row>
    <row r="67" spans="1:4" ht="18" customHeight="1" x14ac:dyDescent="0.2">
      <c r="A67" s="14">
        <v>51</v>
      </c>
      <c r="B67" s="15">
        <v>100</v>
      </c>
      <c r="C67" s="16">
        <v>101</v>
      </c>
      <c r="D67" s="17">
        <v>201</v>
      </c>
    </row>
    <row r="68" spans="1:4" ht="18" customHeight="1" x14ac:dyDescent="0.2">
      <c r="A68" s="14">
        <v>52</v>
      </c>
      <c r="B68" s="15">
        <v>114</v>
      </c>
      <c r="C68" s="16">
        <v>108</v>
      </c>
      <c r="D68" s="17">
        <v>222</v>
      </c>
    </row>
    <row r="69" spans="1:4" ht="18" customHeight="1" x14ac:dyDescent="0.2">
      <c r="A69" s="14">
        <v>53</v>
      </c>
      <c r="B69" s="15">
        <v>96</v>
      </c>
      <c r="C69" s="16">
        <v>92</v>
      </c>
      <c r="D69" s="17">
        <v>188</v>
      </c>
    </row>
    <row r="70" spans="1:4" ht="18" customHeight="1" x14ac:dyDescent="0.2">
      <c r="A70" s="14">
        <v>54</v>
      </c>
      <c r="B70" s="15">
        <v>100</v>
      </c>
      <c r="C70" s="16">
        <v>102</v>
      </c>
      <c r="D70" s="17">
        <v>202</v>
      </c>
    </row>
    <row r="71" spans="1:4" ht="18" customHeight="1" x14ac:dyDescent="0.2">
      <c r="A71" s="18" t="s">
        <v>59</v>
      </c>
      <c r="B71" s="15">
        <v>516</v>
      </c>
      <c r="C71" s="16">
        <v>490</v>
      </c>
      <c r="D71" s="17">
        <v>1006</v>
      </c>
    </row>
    <row r="72" spans="1:4" ht="18" customHeight="1" x14ac:dyDescent="0.2">
      <c r="A72" s="14">
        <v>55</v>
      </c>
      <c r="B72" s="15">
        <v>79</v>
      </c>
      <c r="C72" s="16">
        <v>92</v>
      </c>
      <c r="D72" s="17">
        <v>171</v>
      </c>
    </row>
    <row r="73" spans="1:4" ht="18" customHeight="1" x14ac:dyDescent="0.2">
      <c r="A73" s="14">
        <v>56</v>
      </c>
      <c r="B73" s="15">
        <v>85</v>
      </c>
      <c r="C73" s="16">
        <v>83</v>
      </c>
      <c r="D73" s="17">
        <v>168</v>
      </c>
    </row>
    <row r="74" spans="1:4" ht="18" customHeight="1" x14ac:dyDescent="0.2">
      <c r="A74" s="14">
        <v>57</v>
      </c>
      <c r="B74" s="15">
        <v>79</v>
      </c>
      <c r="C74" s="16">
        <v>71</v>
      </c>
      <c r="D74" s="17">
        <v>150</v>
      </c>
    </row>
    <row r="75" spans="1:4" ht="18" customHeight="1" x14ac:dyDescent="0.2">
      <c r="A75" s="14">
        <v>58</v>
      </c>
      <c r="B75" s="15">
        <v>80</v>
      </c>
      <c r="C75" s="16">
        <v>92</v>
      </c>
      <c r="D75" s="17">
        <v>172</v>
      </c>
    </row>
    <row r="76" spans="1:4" ht="18" customHeight="1" x14ac:dyDescent="0.2">
      <c r="A76" s="14">
        <v>59</v>
      </c>
      <c r="B76" s="15">
        <v>71</v>
      </c>
      <c r="C76" s="16">
        <v>96</v>
      </c>
      <c r="D76" s="17">
        <v>167</v>
      </c>
    </row>
    <row r="77" spans="1:4" ht="18" customHeight="1" x14ac:dyDescent="0.2">
      <c r="A77" s="18" t="s">
        <v>60</v>
      </c>
      <c r="B77" s="15">
        <v>394</v>
      </c>
      <c r="C77" s="16">
        <v>434</v>
      </c>
      <c r="D77" s="17">
        <v>828</v>
      </c>
    </row>
    <row r="78" spans="1:4" ht="18" customHeight="1" x14ac:dyDescent="0.2">
      <c r="A78" s="14">
        <v>60</v>
      </c>
      <c r="B78" s="15">
        <v>81</v>
      </c>
      <c r="C78" s="16">
        <v>88</v>
      </c>
      <c r="D78" s="17">
        <v>169</v>
      </c>
    </row>
    <row r="79" spans="1:4" ht="18" customHeight="1" x14ac:dyDescent="0.2">
      <c r="A79" s="14">
        <v>61</v>
      </c>
      <c r="B79" s="15">
        <v>58</v>
      </c>
      <c r="C79" s="16">
        <v>73</v>
      </c>
      <c r="D79" s="17">
        <v>131</v>
      </c>
    </row>
    <row r="80" spans="1:4" ht="18" customHeight="1" x14ac:dyDescent="0.2">
      <c r="A80" s="14">
        <v>62</v>
      </c>
      <c r="B80" s="15">
        <v>76</v>
      </c>
      <c r="C80" s="16">
        <v>72</v>
      </c>
      <c r="D80" s="17">
        <v>148</v>
      </c>
    </row>
    <row r="81" spans="1:4" ht="18" customHeight="1" x14ac:dyDescent="0.2">
      <c r="A81" s="14">
        <v>63</v>
      </c>
      <c r="B81" s="15">
        <v>83</v>
      </c>
      <c r="C81" s="16">
        <v>72</v>
      </c>
      <c r="D81" s="17">
        <v>155</v>
      </c>
    </row>
    <row r="82" spans="1:4" ht="18" customHeight="1" x14ac:dyDescent="0.2">
      <c r="A82" s="14">
        <v>64</v>
      </c>
      <c r="B82" s="15">
        <v>76</v>
      </c>
      <c r="C82" s="16">
        <v>80</v>
      </c>
      <c r="D82" s="17">
        <v>156</v>
      </c>
    </row>
    <row r="83" spans="1:4" ht="18" customHeight="1" x14ac:dyDescent="0.2">
      <c r="A83" s="18" t="s">
        <v>61</v>
      </c>
      <c r="B83" s="15">
        <v>374</v>
      </c>
      <c r="C83" s="16">
        <v>385</v>
      </c>
      <c r="D83" s="17">
        <v>759</v>
      </c>
    </row>
    <row r="84" spans="1:4" ht="18" customHeight="1" x14ac:dyDescent="0.2">
      <c r="A84" s="18" t="s">
        <v>62</v>
      </c>
      <c r="B84" s="15">
        <v>4520</v>
      </c>
      <c r="C84" s="16">
        <v>4529</v>
      </c>
      <c r="D84" s="17">
        <v>9049</v>
      </c>
    </row>
    <row r="85" spans="1:4" ht="18" customHeight="1" x14ac:dyDescent="0.2">
      <c r="A85" s="14">
        <v>65</v>
      </c>
      <c r="B85" s="15">
        <v>84</v>
      </c>
      <c r="C85" s="16">
        <v>84</v>
      </c>
      <c r="D85" s="17">
        <v>168</v>
      </c>
    </row>
    <row r="86" spans="1:4" ht="18" customHeight="1" x14ac:dyDescent="0.2">
      <c r="A86" s="14">
        <v>66</v>
      </c>
      <c r="B86" s="15">
        <v>83</v>
      </c>
      <c r="C86" s="16">
        <v>95</v>
      </c>
      <c r="D86" s="17">
        <v>178</v>
      </c>
    </row>
    <row r="87" spans="1:4" ht="18" customHeight="1" x14ac:dyDescent="0.2">
      <c r="A87" s="14">
        <v>67</v>
      </c>
      <c r="B87" s="15">
        <v>90</v>
      </c>
      <c r="C87" s="16">
        <v>84</v>
      </c>
      <c r="D87" s="17">
        <v>174</v>
      </c>
    </row>
    <row r="88" spans="1:4" ht="18" customHeight="1" x14ac:dyDescent="0.2">
      <c r="A88" s="14">
        <v>68</v>
      </c>
      <c r="B88" s="15">
        <v>76</v>
      </c>
      <c r="C88" s="16">
        <v>98</v>
      </c>
      <c r="D88" s="17">
        <v>174</v>
      </c>
    </row>
    <row r="89" spans="1:4" ht="18" customHeight="1" x14ac:dyDescent="0.2">
      <c r="A89" s="14">
        <v>69</v>
      </c>
      <c r="B89" s="15">
        <v>98</v>
      </c>
      <c r="C89" s="16">
        <v>108</v>
      </c>
      <c r="D89" s="17">
        <v>206</v>
      </c>
    </row>
    <row r="90" spans="1:4" ht="18" customHeight="1" x14ac:dyDescent="0.2">
      <c r="A90" s="18" t="s">
        <v>63</v>
      </c>
      <c r="B90" s="15">
        <v>431</v>
      </c>
      <c r="C90" s="16">
        <v>469</v>
      </c>
      <c r="D90" s="17">
        <v>900</v>
      </c>
    </row>
    <row r="91" spans="1:4" ht="18" customHeight="1" x14ac:dyDescent="0.2">
      <c r="A91" s="14">
        <v>70</v>
      </c>
      <c r="B91" s="15">
        <v>102</v>
      </c>
      <c r="C91" s="16">
        <v>137</v>
      </c>
      <c r="D91" s="17">
        <v>239</v>
      </c>
    </row>
    <row r="92" spans="1:4" ht="18" customHeight="1" x14ac:dyDescent="0.2">
      <c r="A92" s="14">
        <v>71</v>
      </c>
      <c r="B92" s="15">
        <v>112</v>
      </c>
      <c r="C92" s="16">
        <v>109</v>
      </c>
      <c r="D92" s="17">
        <v>221</v>
      </c>
    </row>
    <row r="93" spans="1:4" ht="18" customHeight="1" x14ac:dyDescent="0.2">
      <c r="A93" s="14">
        <v>72</v>
      </c>
      <c r="B93" s="15">
        <v>107</v>
      </c>
      <c r="C93" s="16">
        <v>126</v>
      </c>
      <c r="D93" s="17">
        <v>233</v>
      </c>
    </row>
    <row r="94" spans="1:4" ht="18" customHeight="1" x14ac:dyDescent="0.2">
      <c r="A94" s="14">
        <v>73</v>
      </c>
      <c r="B94" s="15">
        <v>62</v>
      </c>
      <c r="C94" s="16">
        <v>63</v>
      </c>
      <c r="D94" s="17">
        <v>125</v>
      </c>
    </row>
    <row r="95" spans="1:4" ht="18" customHeight="1" x14ac:dyDescent="0.2">
      <c r="A95" s="14">
        <v>74</v>
      </c>
      <c r="B95" s="15">
        <v>58</v>
      </c>
      <c r="C95" s="16">
        <v>82</v>
      </c>
      <c r="D95" s="17">
        <v>140</v>
      </c>
    </row>
    <row r="96" spans="1:4" ht="18" customHeight="1" x14ac:dyDescent="0.2">
      <c r="A96" s="18" t="s">
        <v>64</v>
      </c>
      <c r="B96" s="15">
        <v>441</v>
      </c>
      <c r="C96" s="16">
        <v>517</v>
      </c>
      <c r="D96" s="17">
        <v>958</v>
      </c>
    </row>
    <row r="97" spans="1:4" ht="18" customHeight="1" x14ac:dyDescent="0.2">
      <c r="A97" s="14">
        <v>75</v>
      </c>
      <c r="B97" s="15">
        <v>81</v>
      </c>
      <c r="C97" s="16">
        <v>107</v>
      </c>
      <c r="D97" s="17">
        <v>188</v>
      </c>
    </row>
    <row r="98" spans="1:4" ht="18" customHeight="1" x14ac:dyDescent="0.2">
      <c r="A98" s="14">
        <v>76</v>
      </c>
      <c r="B98" s="15">
        <v>73</v>
      </c>
      <c r="C98" s="16">
        <v>95</v>
      </c>
      <c r="D98" s="17">
        <v>168</v>
      </c>
    </row>
    <row r="99" spans="1:4" ht="18" customHeight="1" x14ac:dyDescent="0.2">
      <c r="A99" s="14">
        <v>77</v>
      </c>
      <c r="B99" s="15">
        <v>68</v>
      </c>
      <c r="C99" s="16">
        <v>98</v>
      </c>
      <c r="D99" s="17">
        <v>166</v>
      </c>
    </row>
    <row r="100" spans="1:4" ht="18" customHeight="1" x14ac:dyDescent="0.2">
      <c r="A100" s="14">
        <v>78</v>
      </c>
      <c r="B100" s="15">
        <v>69</v>
      </c>
      <c r="C100" s="16">
        <v>93</v>
      </c>
      <c r="D100" s="17">
        <v>162</v>
      </c>
    </row>
    <row r="101" spans="1:4" ht="18" customHeight="1" x14ac:dyDescent="0.2">
      <c r="A101" s="14">
        <v>79</v>
      </c>
      <c r="B101" s="15">
        <v>64</v>
      </c>
      <c r="C101" s="16">
        <v>61</v>
      </c>
      <c r="D101" s="17">
        <v>125</v>
      </c>
    </row>
    <row r="102" spans="1:4" ht="18" customHeight="1" x14ac:dyDescent="0.2">
      <c r="A102" s="18" t="s">
        <v>65</v>
      </c>
      <c r="B102" s="15">
        <v>355</v>
      </c>
      <c r="C102" s="16">
        <v>454</v>
      </c>
      <c r="D102" s="17">
        <v>809</v>
      </c>
    </row>
    <row r="103" spans="1:4" ht="18" customHeight="1" x14ac:dyDescent="0.2">
      <c r="A103" s="14">
        <v>80</v>
      </c>
      <c r="B103" s="15">
        <v>56</v>
      </c>
      <c r="C103" s="16">
        <v>59</v>
      </c>
      <c r="D103" s="17">
        <v>115</v>
      </c>
    </row>
    <row r="104" spans="1:4" ht="18" customHeight="1" x14ac:dyDescent="0.2">
      <c r="A104" s="14">
        <v>81</v>
      </c>
      <c r="B104" s="15">
        <v>47</v>
      </c>
      <c r="C104" s="16">
        <v>56</v>
      </c>
      <c r="D104" s="17">
        <v>103</v>
      </c>
    </row>
    <row r="105" spans="1:4" ht="18" customHeight="1" x14ac:dyDescent="0.2">
      <c r="A105" s="14">
        <v>82</v>
      </c>
      <c r="B105" s="15">
        <v>47</v>
      </c>
      <c r="C105" s="16">
        <v>65</v>
      </c>
      <c r="D105" s="17">
        <v>112</v>
      </c>
    </row>
    <row r="106" spans="1:4" ht="18" customHeight="1" x14ac:dyDescent="0.2">
      <c r="A106" s="14">
        <v>83</v>
      </c>
      <c r="B106" s="15">
        <v>45</v>
      </c>
      <c r="C106" s="16">
        <v>72</v>
      </c>
      <c r="D106" s="17">
        <v>117</v>
      </c>
    </row>
    <row r="107" spans="1:4" ht="18" customHeight="1" x14ac:dyDescent="0.2">
      <c r="A107" s="14">
        <v>84</v>
      </c>
      <c r="B107" s="15">
        <v>39</v>
      </c>
      <c r="C107" s="16">
        <v>69</v>
      </c>
      <c r="D107" s="17">
        <v>108</v>
      </c>
    </row>
    <row r="108" spans="1:4" ht="18" customHeight="1" x14ac:dyDescent="0.2">
      <c r="A108" s="18" t="s">
        <v>66</v>
      </c>
      <c r="B108" s="15">
        <v>234</v>
      </c>
      <c r="C108" s="16">
        <v>321</v>
      </c>
      <c r="D108" s="17">
        <v>555</v>
      </c>
    </row>
    <row r="109" spans="1:4" ht="18" customHeight="1" x14ac:dyDescent="0.2">
      <c r="A109" s="14">
        <v>85</v>
      </c>
      <c r="B109" s="15">
        <v>32</v>
      </c>
      <c r="C109" s="16">
        <v>51</v>
      </c>
      <c r="D109" s="17">
        <v>83</v>
      </c>
    </row>
    <row r="110" spans="1:4" ht="18" customHeight="1" x14ac:dyDescent="0.2">
      <c r="A110" s="14">
        <v>86</v>
      </c>
      <c r="B110" s="15">
        <v>37</v>
      </c>
      <c r="C110" s="16">
        <v>60</v>
      </c>
      <c r="D110" s="17">
        <v>97</v>
      </c>
    </row>
    <row r="111" spans="1:4" ht="18" customHeight="1" x14ac:dyDescent="0.2">
      <c r="A111" s="14">
        <v>87</v>
      </c>
      <c r="B111" s="15">
        <v>26</v>
      </c>
      <c r="C111" s="16">
        <v>56</v>
      </c>
      <c r="D111" s="17">
        <v>82</v>
      </c>
    </row>
    <row r="112" spans="1:4" ht="18" customHeight="1" x14ac:dyDescent="0.2">
      <c r="A112" s="14">
        <v>88</v>
      </c>
      <c r="B112" s="15">
        <v>22</v>
      </c>
      <c r="C112" s="16">
        <v>56</v>
      </c>
      <c r="D112" s="17">
        <v>78</v>
      </c>
    </row>
    <row r="113" spans="1:4" ht="18" customHeight="1" x14ac:dyDescent="0.2">
      <c r="A113" s="14">
        <v>89</v>
      </c>
      <c r="B113" s="15">
        <v>26</v>
      </c>
      <c r="C113" s="16">
        <v>39</v>
      </c>
      <c r="D113" s="17">
        <v>65</v>
      </c>
    </row>
    <row r="114" spans="1:4" ht="18" customHeight="1" x14ac:dyDescent="0.2">
      <c r="A114" s="18" t="s">
        <v>67</v>
      </c>
      <c r="B114" s="15">
        <v>143</v>
      </c>
      <c r="C114" s="16">
        <v>262</v>
      </c>
      <c r="D114" s="17">
        <v>405</v>
      </c>
    </row>
    <row r="115" spans="1:4" ht="18" customHeight="1" x14ac:dyDescent="0.2">
      <c r="A115" s="14">
        <v>90</v>
      </c>
      <c r="B115" s="15">
        <v>5</v>
      </c>
      <c r="C115" s="16">
        <v>23</v>
      </c>
      <c r="D115" s="17">
        <v>28</v>
      </c>
    </row>
    <row r="116" spans="1:4" ht="18" customHeight="1" x14ac:dyDescent="0.2">
      <c r="A116" s="14">
        <v>91</v>
      </c>
      <c r="B116" s="15">
        <v>12</v>
      </c>
      <c r="C116" s="16">
        <v>28</v>
      </c>
      <c r="D116" s="17">
        <v>40</v>
      </c>
    </row>
    <row r="117" spans="1:4" ht="18" customHeight="1" x14ac:dyDescent="0.2">
      <c r="A117" s="14">
        <v>92</v>
      </c>
      <c r="B117" s="15">
        <v>7</v>
      </c>
      <c r="C117" s="16">
        <v>19</v>
      </c>
      <c r="D117" s="17">
        <v>26</v>
      </c>
    </row>
    <row r="118" spans="1:4" ht="18" customHeight="1" x14ac:dyDescent="0.2">
      <c r="A118" s="14">
        <v>93</v>
      </c>
      <c r="B118" s="15">
        <v>4</v>
      </c>
      <c r="C118" s="16">
        <v>20</v>
      </c>
      <c r="D118" s="17">
        <v>24</v>
      </c>
    </row>
    <row r="119" spans="1:4" ht="18" customHeight="1" x14ac:dyDescent="0.2">
      <c r="A119" s="14">
        <v>94</v>
      </c>
      <c r="B119" s="15">
        <v>5</v>
      </c>
      <c r="C119" s="16">
        <v>15</v>
      </c>
      <c r="D119" s="17">
        <v>20</v>
      </c>
    </row>
    <row r="120" spans="1:4" ht="18" customHeight="1" x14ac:dyDescent="0.2">
      <c r="A120" s="18" t="s">
        <v>68</v>
      </c>
      <c r="B120" s="15">
        <v>33</v>
      </c>
      <c r="C120" s="16">
        <v>105</v>
      </c>
      <c r="D120" s="17">
        <v>138</v>
      </c>
    </row>
    <row r="121" spans="1:4" ht="18" customHeight="1" x14ac:dyDescent="0.2">
      <c r="A121" s="14">
        <v>95</v>
      </c>
      <c r="B121" s="15">
        <v>3</v>
      </c>
      <c r="C121" s="16">
        <v>9</v>
      </c>
      <c r="D121" s="17">
        <v>12</v>
      </c>
    </row>
    <row r="122" spans="1:4" ht="18" customHeight="1" x14ac:dyDescent="0.2">
      <c r="A122" s="14">
        <v>96</v>
      </c>
      <c r="B122" s="15">
        <v>1</v>
      </c>
      <c r="C122" s="16">
        <v>10</v>
      </c>
      <c r="D122" s="17">
        <v>11</v>
      </c>
    </row>
    <row r="123" spans="1:4" ht="18" customHeight="1" x14ac:dyDescent="0.2">
      <c r="A123" s="14">
        <v>97</v>
      </c>
      <c r="B123" s="15">
        <v>3</v>
      </c>
      <c r="C123" s="16">
        <v>13</v>
      </c>
      <c r="D123" s="17">
        <v>16</v>
      </c>
    </row>
    <row r="124" spans="1:4" ht="18" customHeight="1" x14ac:dyDescent="0.2">
      <c r="A124" s="14">
        <v>98</v>
      </c>
      <c r="B124" s="15">
        <v>3</v>
      </c>
      <c r="C124" s="16">
        <v>2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0</v>
      </c>
      <c r="C126" s="16">
        <v>38</v>
      </c>
      <c r="D126" s="17">
        <v>48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648</v>
      </c>
      <c r="C130" s="5">
        <v>2171</v>
      </c>
      <c r="D130" s="6">
        <v>3819</v>
      </c>
    </row>
    <row r="131" spans="1:4" ht="18" customHeight="1" x14ac:dyDescent="0.2">
      <c r="A131" s="20" t="s">
        <v>47</v>
      </c>
      <c r="B131" s="7">
        <v>7270</v>
      </c>
      <c r="C131" s="8">
        <v>7748</v>
      </c>
      <c r="D131" s="9">
        <v>150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16</v>
      </c>
      <c r="D5" s="13">
        <v>35</v>
      </c>
    </row>
    <row r="6" spans="1:4" ht="18" customHeight="1" x14ac:dyDescent="0.2">
      <c r="A6" s="14">
        <v>1</v>
      </c>
      <c r="B6" s="15">
        <v>28</v>
      </c>
      <c r="C6" s="16">
        <v>20</v>
      </c>
      <c r="D6" s="17">
        <v>48</v>
      </c>
    </row>
    <row r="7" spans="1:4" ht="18" customHeight="1" x14ac:dyDescent="0.2">
      <c r="A7" s="14">
        <v>2</v>
      </c>
      <c r="B7" s="15">
        <v>27</v>
      </c>
      <c r="C7" s="16">
        <v>20</v>
      </c>
      <c r="D7" s="17">
        <v>47</v>
      </c>
    </row>
    <row r="8" spans="1:4" ht="18" customHeight="1" x14ac:dyDescent="0.2">
      <c r="A8" s="14">
        <v>3</v>
      </c>
      <c r="B8" s="15">
        <v>22</v>
      </c>
      <c r="C8" s="16">
        <v>31</v>
      </c>
      <c r="D8" s="17">
        <v>53</v>
      </c>
    </row>
    <row r="9" spans="1:4" ht="18" customHeight="1" x14ac:dyDescent="0.2">
      <c r="A9" s="14">
        <v>4</v>
      </c>
      <c r="B9" s="15">
        <v>24</v>
      </c>
      <c r="C9" s="16">
        <v>32</v>
      </c>
      <c r="D9" s="17">
        <v>56</v>
      </c>
    </row>
    <row r="10" spans="1:4" ht="18" customHeight="1" x14ac:dyDescent="0.2">
      <c r="A10" s="18" t="s">
        <v>48</v>
      </c>
      <c r="B10" s="15">
        <v>120</v>
      </c>
      <c r="C10" s="16">
        <v>119</v>
      </c>
      <c r="D10" s="17">
        <v>239</v>
      </c>
    </row>
    <row r="11" spans="1:4" ht="18" customHeight="1" x14ac:dyDescent="0.2">
      <c r="A11" s="14">
        <v>5</v>
      </c>
      <c r="B11" s="15">
        <v>29</v>
      </c>
      <c r="C11" s="16">
        <v>32</v>
      </c>
      <c r="D11" s="17">
        <v>61</v>
      </c>
    </row>
    <row r="12" spans="1:4" ht="18" customHeight="1" x14ac:dyDescent="0.2">
      <c r="A12" s="14">
        <v>6</v>
      </c>
      <c r="B12" s="15">
        <v>29</v>
      </c>
      <c r="C12" s="16">
        <v>29</v>
      </c>
      <c r="D12" s="17">
        <v>58</v>
      </c>
    </row>
    <row r="13" spans="1:4" ht="18" customHeight="1" x14ac:dyDescent="0.2">
      <c r="A13" s="14">
        <v>7</v>
      </c>
      <c r="B13" s="15">
        <v>20</v>
      </c>
      <c r="C13" s="16">
        <v>35</v>
      </c>
      <c r="D13" s="17">
        <v>55</v>
      </c>
    </row>
    <row r="14" spans="1:4" ht="18" customHeight="1" x14ac:dyDescent="0.2">
      <c r="A14" s="14">
        <v>8</v>
      </c>
      <c r="B14" s="15">
        <v>32</v>
      </c>
      <c r="C14" s="16">
        <v>35</v>
      </c>
      <c r="D14" s="17">
        <v>67</v>
      </c>
    </row>
    <row r="15" spans="1:4" ht="18" customHeight="1" x14ac:dyDescent="0.2">
      <c r="A15" s="14">
        <v>9</v>
      </c>
      <c r="B15" s="15">
        <v>25</v>
      </c>
      <c r="C15" s="16">
        <v>28</v>
      </c>
      <c r="D15" s="17">
        <v>53</v>
      </c>
    </row>
    <row r="16" spans="1:4" ht="18" customHeight="1" x14ac:dyDescent="0.2">
      <c r="A16" s="18" t="s">
        <v>49</v>
      </c>
      <c r="B16" s="15">
        <v>135</v>
      </c>
      <c r="C16" s="16">
        <v>159</v>
      </c>
      <c r="D16" s="17">
        <v>294</v>
      </c>
    </row>
    <row r="17" spans="1:4" ht="18" customHeight="1" x14ac:dyDescent="0.2">
      <c r="A17" s="14">
        <v>10</v>
      </c>
      <c r="B17" s="15">
        <v>32</v>
      </c>
      <c r="C17" s="16">
        <v>26</v>
      </c>
      <c r="D17" s="17">
        <v>58</v>
      </c>
    </row>
    <row r="18" spans="1:4" ht="18" customHeight="1" x14ac:dyDescent="0.2">
      <c r="A18" s="14">
        <v>11</v>
      </c>
      <c r="B18" s="15">
        <v>28</v>
      </c>
      <c r="C18" s="16">
        <v>19</v>
      </c>
      <c r="D18" s="17">
        <v>47</v>
      </c>
    </row>
    <row r="19" spans="1:4" ht="18" customHeight="1" x14ac:dyDescent="0.2">
      <c r="A19" s="14">
        <v>12</v>
      </c>
      <c r="B19" s="15">
        <v>28</v>
      </c>
      <c r="C19" s="16">
        <v>29</v>
      </c>
      <c r="D19" s="17">
        <v>57</v>
      </c>
    </row>
    <row r="20" spans="1:4" ht="18" customHeight="1" x14ac:dyDescent="0.2">
      <c r="A20" s="14">
        <v>13</v>
      </c>
      <c r="B20" s="15">
        <v>35</v>
      </c>
      <c r="C20" s="16">
        <v>29</v>
      </c>
      <c r="D20" s="17">
        <v>64</v>
      </c>
    </row>
    <row r="21" spans="1:4" ht="18" customHeight="1" x14ac:dyDescent="0.2">
      <c r="A21" s="14">
        <v>14</v>
      </c>
      <c r="B21" s="15">
        <v>33</v>
      </c>
      <c r="C21" s="16">
        <v>29</v>
      </c>
      <c r="D21" s="17">
        <v>62</v>
      </c>
    </row>
    <row r="22" spans="1:4" ht="18" customHeight="1" x14ac:dyDescent="0.2">
      <c r="A22" s="18" t="s">
        <v>50</v>
      </c>
      <c r="B22" s="15">
        <v>156</v>
      </c>
      <c r="C22" s="16">
        <v>132</v>
      </c>
      <c r="D22" s="17">
        <v>288</v>
      </c>
    </row>
    <row r="23" spans="1:4" ht="18" customHeight="1" x14ac:dyDescent="0.2">
      <c r="A23" s="18" t="s">
        <v>51</v>
      </c>
      <c r="B23" s="15">
        <v>411</v>
      </c>
      <c r="C23" s="16">
        <v>410</v>
      </c>
      <c r="D23" s="17">
        <v>821</v>
      </c>
    </row>
    <row r="24" spans="1:4" ht="18" customHeight="1" x14ac:dyDescent="0.2">
      <c r="A24" s="14">
        <v>15</v>
      </c>
      <c r="B24" s="15">
        <v>28</v>
      </c>
      <c r="C24" s="16">
        <v>37</v>
      </c>
      <c r="D24" s="17">
        <v>65</v>
      </c>
    </row>
    <row r="25" spans="1:4" ht="18" customHeight="1" x14ac:dyDescent="0.2">
      <c r="A25" s="14">
        <v>16</v>
      </c>
      <c r="B25" s="15">
        <v>36</v>
      </c>
      <c r="C25" s="16">
        <v>37</v>
      </c>
      <c r="D25" s="17">
        <v>73</v>
      </c>
    </row>
    <row r="26" spans="1:4" ht="18" customHeight="1" x14ac:dyDescent="0.2">
      <c r="A26" s="14">
        <v>17</v>
      </c>
      <c r="B26" s="15">
        <v>29</v>
      </c>
      <c r="C26" s="16">
        <v>24</v>
      </c>
      <c r="D26" s="17">
        <v>53</v>
      </c>
    </row>
    <row r="27" spans="1:4" ht="18" customHeight="1" x14ac:dyDescent="0.2">
      <c r="A27" s="14">
        <v>18</v>
      </c>
      <c r="B27" s="15">
        <v>36</v>
      </c>
      <c r="C27" s="16">
        <v>46</v>
      </c>
      <c r="D27" s="17">
        <v>82</v>
      </c>
    </row>
    <row r="28" spans="1:4" ht="18" customHeight="1" x14ac:dyDescent="0.2">
      <c r="A28" s="14">
        <v>19</v>
      </c>
      <c r="B28" s="15">
        <v>39</v>
      </c>
      <c r="C28" s="16">
        <v>38</v>
      </c>
      <c r="D28" s="17">
        <v>77</v>
      </c>
    </row>
    <row r="29" spans="1:4" ht="18" customHeight="1" x14ac:dyDescent="0.2">
      <c r="A29" s="18" t="s">
        <v>52</v>
      </c>
      <c r="B29" s="15">
        <v>168</v>
      </c>
      <c r="C29" s="16">
        <v>182</v>
      </c>
      <c r="D29" s="17">
        <v>350</v>
      </c>
    </row>
    <row r="30" spans="1:4" ht="18" customHeight="1" x14ac:dyDescent="0.2">
      <c r="A30" s="14">
        <v>20</v>
      </c>
      <c r="B30" s="15">
        <v>35</v>
      </c>
      <c r="C30" s="16">
        <v>27</v>
      </c>
      <c r="D30" s="17">
        <v>62</v>
      </c>
    </row>
    <row r="31" spans="1:4" ht="18" customHeight="1" x14ac:dyDescent="0.2">
      <c r="A31" s="14">
        <v>21</v>
      </c>
      <c r="B31" s="15">
        <v>40</v>
      </c>
      <c r="C31" s="16">
        <v>33</v>
      </c>
      <c r="D31" s="17">
        <v>73</v>
      </c>
    </row>
    <row r="32" spans="1:4" ht="18" customHeight="1" x14ac:dyDescent="0.2">
      <c r="A32" s="14">
        <v>22</v>
      </c>
      <c r="B32" s="15">
        <v>58</v>
      </c>
      <c r="C32" s="16">
        <v>34</v>
      </c>
      <c r="D32" s="17">
        <v>92</v>
      </c>
    </row>
    <row r="33" spans="1:4" ht="18" customHeight="1" x14ac:dyDescent="0.2">
      <c r="A33" s="14">
        <v>23</v>
      </c>
      <c r="B33" s="15">
        <v>60</v>
      </c>
      <c r="C33" s="16">
        <v>36</v>
      </c>
      <c r="D33" s="17">
        <v>96</v>
      </c>
    </row>
    <row r="34" spans="1:4" ht="18" customHeight="1" x14ac:dyDescent="0.2">
      <c r="A34" s="14">
        <v>24</v>
      </c>
      <c r="B34" s="15">
        <v>67</v>
      </c>
      <c r="C34" s="16">
        <v>37</v>
      </c>
      <c r="D34" s="17">
        <v>104</v>
      </c>
    </row>
    <row r="35" spans="1:4" ht="18" customHeight="1" x14ac:dyDescent="0.2">
      <c r="A35" s="18" t="s">
        <v>53</v>
      </c>
      <c r="B35" s="15">
        <v>260</v>
      </c>
      <c r="C35" s="16">
        <v>167</v>
      </c>
      <c r="D35" s="17">
        <v>427</v>
      </c>
    </row>
    <row r="36" spans="1:4" ht="18" customHeight="1" x14ac:dyDescent="0.2">
      <c r="A36" s="14">
        <v>25</v>
      </c>
      <c r="B36" s="15">
        <v>84</v>
      </c>
      <c r="C36" s="16">
        <v>40</v>
      </c>
      <c r="D36" s="17">
        <v>124</v>
      </c>
    </row>
    <row r="37" spans="1:4" ht="18" customHeight="1" x14ac:dyDescent="0.2">
      <c r="A37" s="14">
        <v>26</v>
      </c>
      <c r="B37" s="15">
        <v>78</v>
      </c>
      <c r="C37" s="16">
        <v>46</v>
      </c>
      <c r="D37" s="17">
        <v>124</v>
      </c>
    </row>
    <row r="38" spans="1:4" ht="18" customHeight="1" x14ac:dyDescent="0.2">
      <c r="A38" s="14">
        <v>27</v>
      </c>
      <c r="B38" s="15">
        <v>76</v>
      </c>
      <c r="C38" s="16">
        <v>35</v>
      </c>
      <c r="D38" s="17">
        <v>111</v>
      </c>
    </row>
    <row r="39" spans="1:4" ht="18" customHeight="1" x14ac:dyDescent="0.2">
      <c r="A39" s="14">
        <v>28</v>
      </c>
      <c r="B39" s="15">
        <v>43</v>
      </c>
      <c r="C39" s="16">
        <v>31</v>
      </c>
      <c r="D39" s="17">
        <v>74</v>
      </c>
    </row>
    <row r="40" spans="1:4" ht="18" customHeight="1" x14ac:dyDescent="0.2">
      <c r="A40" s="14">
        <v>29</v>
      </c>
      <c r="B40" s="15">
        <v>48</v>
      </c>
      <c r="C40" s="16">
        <v>27</v>
      </c>
      <c r="D40" s="17">
        <v>75</v>
      </c>
    </row>
    <row r="41" spans="1:4" ht="18" customHeight="1" x14ac:dyDescent="0.2">
      <c r="A41" s="18" t="s">
        <v>54</v>
      </c>
      <c r="B41" s="15">
        <v>329</v>
      </c>
      <c r="C41" s="16">
        <v>179</v>
      </c>
      <c r="D41" s="17">
        <v>508</v>
      </c>
    </row>
    <row r="42" spans="1:4" ht="18" customHeight="1" x14ac:dyDescent="0.2">
      <c r="A42" s="14">
        <v>30</v>
      </c>
      <c r="B42" s="15">
        <v>47</v>
      </c>
      <c r="C42" s="16">
        <v>47</v>
      </c>
      <c r="D42" s="17">
        <v>94</v>
      </c>
    </row>
    <row r="43" spans="1:4" ht="18" customHeight="1" x14ac:dyDescent="0.2">
      <c r="A43" s="14">
        <v>31</v>
      </c>
      <c r="B43" s="15">
        <v>44</v>
      </c>
      <c r="C43" s="16">
        <v>32</v>
      </c>
      <c r="D43" s="17">
        <v>76</v>
      </c>
    </row>
    <row r="44" spans="1:4" ht="18" customHeight="1" x14ac:dyDescent="0.2">
      <c r="A44" s="14">
        <v>32</v>
      </c>
      <c r="B44" s="15">
        <v>51</v>
      </c>
      <c r="C44" s="16">
        <v>47</v>
      </c>
      <c r="D44" s="17">
        <v>98</v>
      </c>
    </row>
    <row r="45" spans="1:4" ht="18" customHeight="1" x14ac:dyDescent="0.2">
      <c r="A45" s="14">
        <v>33</v>
      </c>
      <c r="B45" s="15">
        <v>45</v>
      </c>
      <c r="C45" s="16">
        <v>37</v>
      </c>
      <c r="D45" s="17">
        <v>82</v>
      </c>
    </row>
    <row r="46" spans="1:4" ht="18" customHeight="1" x14ac:dyDescent="0.2">
      <c r="A46" s="14">
        <v>34</v>
      </c>
      <c r="B46" s="15">
        <v>35</v>
      </c>
      <c r="C46" s="16">
        <v>41</v>
      </c>
      <c r="D46" s="17">
        <v>76</v>
      </c>
    </row>
    <row r="47" spans="1:4" ht="18" customHeight="1" x14ac:dyDescent="0.2">
      <c r="A47" s="18" t="s">
        <v>55</v>
      </c>
      <c r="B47" s="15">
        <v>222</v>
      </c>
      <c r="C47" s="16">
        <v>204</v>
      </c>
      <c r="D47" s="17">
        <v>426</v>
      </c>
    </row>
    <row r="48" spans="1:4" ht="18" customHeight="1" x14ac:dyDescent="0.2">
      <c r="A48" s="14">
        <v>35</v>
      </c>
      <c r="B48" s="15">
        <v>58</v>
      </c>
      <c r="C48" s="16">
        <v>48</v>
      </c>
      <c r="D48" s="17">
        <v>106</v>
      </c>
    </row>
    <row r="49" spans="1:4" ht="18" customHeight="1" x14ac:dyDescent="0.2">
      <c r="A49" s="14">
        <v>36</v>
      </c>
      <c r="B49" s="15">
        <v>61</v>
      </c>
      <c r="C49" s="16">
        <v>39</v>
      </c>
      <c r="D49" s="17">
        <v>100</v>
      </c>
    </row>
    <row r="50" spans="1:4" ht="18" customHeight="1" x14ac:dyDescent="0.2">
      <c r="A50" s="14">
        <v>37</v>
      </c>
      <c r="B50" s="15">
        <v>45</v>
      </c>
      <c r="C50" s="16">
        <v>48</v>
      </c>
      <c r="D50" s="17">
        <v>93</v>
      </c>
    </row>
    <row r="51" spans="1:4" ht="18" customHeight="1" x14ac:dyDescent="0.2">
      <c r="A51" s="14">
        <v>38</v>
      </c>
      <c r="B51" s="15">
        <v>22</v>
      </c>
      <c r="C51" s="16">
        <v>42</v>
      </c>
      <c r="D51" s="17">
        <v>64</v>
      </c>
    </row>
    <row r="52" spans="1:4" ht="18" customHeight="1" x14ac:dyDescent="0.2">
      <c r="A52" s="14">
        <v>39</v>
      </c>
      <c r="B52" s="15">
        <v>45</v>
      </c>
      <c r="C52" s="16">
        <v>50</v>
      </c>
      <c r="D52" s="17">
        <v>95</v>
      </c>
    </row>
    <row r="53" spans="1:4" ht="18" customHeight="1" x14ac:dyDescent="0.2">
      <c r="A53" s="18" t="s">
        <v>56</v>
      </c>
      <c r="B53" s="15">
        <v>231</v>
      </c>
      <c r="C53" s="16">
        <v>227</v>
      </c>
      <c r="D53" s="17">
        <v>458</v>
      </c>
    </row>
    <row r="54" spans="1:4" ht="18" customHeight="1" x14ac:dyDescent="0.2">
      <c r="A54" s="14">
        <v>40</v>
      </c>
      <c r="B54" s="15">
        <v>42</v>
      </c>
      <c r="C54" s="16">
        <v>60</v>
      </c>
      <c r="D54" s="17">
        <v>102</v>
      </c>
    </row>
    <row r="55" spans="1:4" ht="18" customHeight="1" x14ac:dyDescent="0.2">
      <c r="A55" s="14">
        <v>41</v>
      </c>
      <c r="B55" s="15">
        <v>53</v>
      </c>
      <c r="C55" s="16">
        <v>44</v>
      </c>
      <c r="D55" s="17">
        <v>97</v>
      </c>
    </row>
    <row r="56" spans="1:4" ht="18" customHeight="1" x14ac:dyDescent="0.2">
      <c r="A56" s="14">
        <v>42</v>
      </c>
      <c r="B56" s="15">
        <v>65</v>
      </c>
      <c r="C56" s="16">
        <v>41</v>
      </c>
      <c r="D56" s="17">
        <v>106</v>
      </c>
    </row>
    <row r="57" spans="1:4" ht="18" customHeight="1" x14ac:dyDescent="0.2">
      <c r="A57" s="14">
        <v>43</v>
      </c>
      <c r="B57" s="15">
        <v>46</v>
      </c>
      <c r="C57" s="16">
        <v>46</v>
      </c>
      <c r="D57" s="17">
        <v>92</v>
      </c>
    </row>
    <row r="58" spans="1:4" ht="18" customHeight="1" x14ac:dyDescent="0.2">
      <c r="A58" s="14">
        <v>44</v>
      </c>
      <c r="B58" s="15">
        <v>48</v>
      </c>
      <c r="C58" s="16">
        <v>72</v>
      </c>
      <c r="D58" s="17">
        <v>120</v>
      </c>
    </row>
    <row r="59" spans="1:4" ht="18" customHeight="1" x14ac:dyDescent="0.2">
      <c r="A59" s="18" t="s">
        <v>57</v>
      </c>
      <c r="B59" s="15">
        <v>254</v>
      </c>
      <c r="C59" s="16">
        <v>263</v>
      </c>
      <c r="D59" s="17">
        <v>517</v>
      </c>
    </row>
    <row r="60" spans="1:4" ht="18" customHeight="1" x14ac:dyDescent="0.2">
      <c r="A60" s="14">
        <v>45</v>
      </c>
      <c r="B60" s="15">
        <v>58</v>
      </c>
      <c r="C60" s="16">
        <v>67</v>
      </c>
      <c r="D60" s="17">
        <v>125</v>
      </c>
    </row>
    <row r="61" spans="1:4" ht="18" customHeight="1" x14ac:dyDescent="0.2">
      <c r="A61" s="14">
        <v>46</v>
      </c>
      <c r="B61" s="15">
        <v>79</v>
      </c>
      <c r="C61" s="16">
        <v>67</v>
      </c>
      <c r="D61" s="17">
        <v>146</v>
      </c>
    </row>
    <row r="62" spans="1:4" ht="18" customHeight="1" x14ac:dyDescent="0.2">
      <c r="A62" s="14">
        <v>47</v>
      </c>
      <c r="B62" s="15">
        <v>62</v>
      </c>
      <c r="C62" s="16">
        <v>53</v>
      </c>
      <c r="D62" s="17">
        <v>115</v>
      </c>
    </row>
    <row r="63" spans="1:4" ht="18" customHeight="1" x14ac:dyDescent="0.2">
      <c r="A63" s="14">
        <v>48</v>
      </c>
      <c r="B63" s="15">
        <v>69</v>
      </c>
      <c r="C63" s="16">
        <v>65</v>
      </c>
      <c r="D63" s="17">
        <v>134</v>
      </c>
    </row>
    <row r="64" spans="1:4" ht="18" customHeight="1" x14ac:dyDescent="0.2">
      <c r="A64" s="14">
        <v>49</v>
      </c>
      <c r="B64" s="15">
        <v>69</v>
      </c>
      <c r="C64" s="16">
        <v>57</v>
      </c>
      <c r="D64" s="17">
        <v>126</v>
      </c>
    </row>
    <row r="65" spans="1:4" ht="18" customHeight="1" x14ac:dyDescent="0.2">
      <c r="A65" s="18" t="s">
        <v>58</v>
      </c>
      <c r="B65" s="15">
        <v>337</v>
      </c>
      <c r="C65" s="16">
        <v>309</v>
      </c>
      <c r="D65" s="17">
        <v>646</v>
      </c>
    </row>
    <row r="66" spans="1:4" ht="18" customHeight="1" x14ac:dyDescent="0.2">
      <c r="A66" s="14">
        <v>50</v>
      </c>
      <c r="B66" s="15">
        <v>70</v>
      </c>
      <c r="C66" s="16">
        <v>46</v>
      </c>
      <c r="D66" s="17">
        <v>116</v>
      </c>
    </row>
    <row r="67" spans="1:4" ht="18" customHeight="1" x14ac:dyDescent="0.2">
      <c r="A67" s="14">
        <v>51</v>
      </c>
      <c r="B67" s="15">
        <v>64</v>
      </c>
      <c r="C67" s="16">
        <v>45</v>
      </c>
      <c r="D67" s="17">
        <v>109</v>
      </c>
    </row>
    <row r="68" spans="1:4" ht="18" customHeight="1" x14ac:dyDescent="0.2">
      <c r="A68" s="14">
        <v>52</v>
      </c>
      <c r="B68" s="15">
        <v>63</v>
      </c>
      <c r="C68" s="16">
        <v>52</v>
      </c>
      <c r="D68" s="17">
        <v>115</v>
      </c>
    </row>
    <row r="69" spans="1:4" ht="18" customHeight="1" x14ac:dyDescent="0.2">
      <c r="A69" s="14">
        <v>53</v>
      </c>
      <c r="B69" s="15">
        <v>47</v>
      </c>
      <c r="C69" s="16">
        <v>50</v>
      </c>
      <c r="D69" s="17">
        <v>97</v>
      </c>
    </row>
    <row r="70" spans="1:4" ht="18" customHeight="1" x14ac:dyDescent="0.2">
      <c r="A70" s="14">
        <v>54</v>
      </c>
      <c r="B70" s="15">
        <v>52</v>
      </c>
      <c r="C70" s="16">
        <v>62</v>
      </c>
      <c r="D70" s="17">
        <v>114</v>
      </c>
    </row>
    <row r="71" spans="1:4" ht="18" customHeight="1" x14ac:dyDescent="0.2">
      <c r="A71" s="18" t="s">
        <v>59</v>
      </c>
      <c r="B71" s="15">
        <v>296</v>
      </c>
      <c r="C71" s="16">
        <v>255</v>
      </c>
      <c r="D71" s="17">
        <v>551</v>
      </c>
    </row>
    <row r="72" spans="1:4" ht="18" customHeight="1" x14ac:dyDescent="0.2">
      <c r="A72" s="14">
        <v>55</v>
      </c>
      <c r="B72" s="15">
        <v>46</v>
      </c>
      <c r="C72" s="16">
        <v>46</v>
      </c>
      <c r="D72" s="17">
        <v>92</v>
      </c>
    </row>
    <row r="73" spans="1:4" ht="18" customHeight="1" x14ac:dyDescent="0.2">
      <c r="A73" s="14">
        <v>56</v>
      </c>
      <c r="B73" s="15">
        <v>61</v>
      </c>
      <c r="C73" s="16">
        <v>54</v>
      </c>
      <c r="D73" s="17">
        <v>115</v>
      </c>
    </row>
    <row r="74" spans="1:4" ht="18" customHeight="1" x14ac:dyDescent="0.2">
      <c r="A74" s="14">
        <v>57</v>
      </c>
      <c r="B74" s="15">
        <v>42</v>
      </c>
      <c r="C74" s="16">
        <v>49</v>
      </c>
      <c r="D74" s="17">
        <v>91</v>
      </c>
    </row>
    <row r="75" spans="1:4" ht="18" customHeight="1" x14ac:dyDescent="0.2">
      <c r="A75" s="14">
        <v>58</v>
      </c>
      <c r="B75" s="15">
        <v>45</v>
      </c>
      <c r="C75" s="16">
        <v>50</v>
      </c>
      <c r="D75" s="17">
        <v>95</v>
      </c>
    </row>
    <row r="76" spans="1:4" ht="18" customHeight="1" x14ac:dyDescent="0.2">
      <c r="A76" s="14">
        <v>59</v>
      </c>
      <c r="B76" s="15">
        <v>45</v>
      </c>
      <c r="C76" s="16">
        <v>52</v>
      </c>
      <c r="D76" s="17">
        <v>97</v>
      </c>
    </row>
    <row r="77" spans="1:4" ht="18" customHeight="1" x14ac:dyDescent="0.2">
      <c r="A77" s="18" t="s">
        <v>60</v>
      </c>
      <c r="B77" s="15">
        <v>239</v>
      </c>
      <c r="C77" s="16">
        <v>251</v>
      </c>
      <c r="D77" s="17">
        <v>490</v>
      </c>
    </row>
    <row r="78" spans="1:4" ht="18" customHeight="1" x14ac:dyDescent="0.2">
      <c r="A78" s="14">
        <v>60</v>
      </c>
      <c r="B78" s="15">
        <v>64</v>
      </c>
      <c r="C78" s="16">
        <v>53</v>
      </c>
      <c r="D78" s="17">
        <v>117</v>
      </c>
    </row>
    <row r="79" spans="1:4" ht="18" customHeight="1" x14ac:dyDescent="0.2">
      <c r="A79" s="14">
        <v>61</v>
      </c>
      <c r="B79" s="15">
        <v>46</v>
      </c>
      <c r="C79" s="16">
        <v>40</v>
      </c>
      <c r="D79" s="17">
        <v>86</v>
      </c>
    </row>
    <row r="80" spans="1:4" ht="18" customHeight="1" x14ac:dyDescent="0.2">
      <c r="A80" s="14">
        <v>62</v>
      </c>
      <c r="B80" s="15">
        <v>46</v>
      </c>
      <c r="C80" s="16">
        <v>39</v>
      </c>
      <c r="D80" s="17">
        <v>85</v>
      </c>
    </row>
    <row r="81" spans="1:4" ht="18" customHeight="1" x14ac:dyDescent="0.2">
      <c r="A81" s="14">
        <v>63</v>
      </c>
      <c r="B81" s="15">
        <v>49</v>
      </c>
      <c r="C81" s="16">
        <v>53</v>
      </c>
      <c r="D81" s="17">
        <v>102</v>
      </c>
    </row>
    <row r="82" spans="1:4" ht="18" customHeight="1" x14ac:dyDescent="0.2">
      <c r="A82" s="14">
        <v>64</v>
      </c>
      <c r="B82" s="15">
        <v>50</v>
      </c>
      <c r="C82" s="16">
        <v>51</v>
      </c>
      <c r="D82" s="17">
        <v>101</v>
      </c>
    </row>
    <row r="83" spans="1:4" ht="18" customHeight="1" x14ac:dyDescent="0.2">
      <c r="A83" s="18" t="s">
        <v>61</v>
      </c>
      <c r="B83" s="15">
        <v>255</v>
      </c>
      <c r="C83" s="16">
        <v>236</v>
      </c>
      <c r="D83" s="17">
        <v>491</v>
      </c>
    </row>
    <row r="84" spans="1:4" ht="18" customHeight="1" x14ac:dyDescent="0.2">
      <c r="A84" s="18" t="s">
        <v>62</v>
      </c>
      <c r="B84" s="15">
        <v>2591</v>
      </c>
      <c r="C84" s="16">
        <v>2273</v>
      </c>
      <c r="D84" s="17">
        <v>4864</v>
      </c>
    </row>
    <row r="85" spans="1:4" ht="18" customHeight="1" x14ac:dyDescent="0.2">
      <c r="A85" s="14">
        <v>65</v>
      </c>
      <c r="B85" s="15">
        <v>49</v>
      </c>
      <c r="C85" s="16">
        <v>52</v>
      </c>
      <c r="D85" s="17">
        <v>101</v>
      </c>
    </row>
    <row r="86" spans="1:4" ht="18" customHeight="1" x14ac:dyDescent="0.2">
      <c r="A86" s="14">
        <v>66</v>
      </c>
      <c r="B86" s="15">
        <v>48</v>
      </c>
      <c r="C86" s="16">
        <v>50</v>
      </c>
      <c r="D86" s="17">
        <v>98</v>
      </c>
    </row>
    <row r="87" spans="1:4" ht="18" customHeight="1" x14ac:dyDescent="0.2">
      <c r="A87" s="14">
        <v>67</v>
      </c>
      <c r="B87" s="15">
        <v>42</v>
      </c>
      <c r="C87" s="16">
        <v>53</v>
      </c>
      <c r="D87" s="17">
        <v>95</v>
      </c>
    </row>
    <row r="88" spans="1:4" ht="18" customHeight="1" x14ac:dyDescent="0.2">
      <c r="A88" s="14">
        <v>68</v>
      </c>
      <c r="B88" s="15">
        <v>51</v>
      </c>
      <c r="C88" s="16">
        <v>64</v>
      </c>
      <c r="D88" s="17">
        <v>115</v>
      </c>
    </row>
    <row r="89" spans="1:4" ht="18" customHeight="1" x14ac:dyDescent="0.2">
      <c r="A89" s="14">
        <v>69</v>
      </c>
      <c r="B89" s="15">
        <v>60</v>
      </c>
      <c r="C89" s="16">
        <v>78</v>
      </c>
      <c r="D89" s="17">
        <v>138</v>
      </c>
    </row>
    <row r="90" spans="1:4" ht="18" customHeight="1" x14ac:dyDescent="0.2">
      <c r="A90" s="18" t="s">
        <v>63</v>
      </c>
      <c r="B90" s="15">
        <v>250</v>
      </c>
      <c r="C90" s="16">
        <v>297</v>
      </c>
      <c r="D90" s="17">
        <v>547</v>
      </c>
    </row>
    <row r="91" spans="1:4" ht="18" customHeight="1" x14ac:dyDescent="0.2">
      <c r="A91" s="14">
        <v>70</v>
      </c>
      <c r="B91" s="15">
        <v>54</v>
      </c>
      <c r="C91" s="16">
        <v>84</v>
      </c>
      <c r="D91" s="17">
        <v>138</v>
      </c>
    </row>
    <row r="92" spans="1:4" ht="18" customHeight="1" x14ac:dyDescent="0.2">
      <c r="A92" s="14">
        <v>71</v>
      </c>
      <c r="B92" s="15">
        <v>75</v>
      </c>
      <c r="C92" s="16">
        <v>78</v>
      </c>
      <c r="D92" s="17">
        <v>153</v>
      </c>
    </row>
    <row r="93" spans="1:4" ht="18" customHeight="1" x14ac:dyDescent="0.2">
      <c r="A93" s="14">
        <v>72</v>
      </c>
      <c r="B93" s="15">
        <v>87</v>
      </c>
      <c r="C93" s="16">
        <v>96</v>
      </c>
      <c r="D93" s="17">
        <v>183</v>
      </c>
    </row>
    <row r="94" spans="1:4" ht="18" customHeight="1" x14ac:dyDescent="0.2">
      <c r="A94" s="14">
        <v>73</v>
      </c>
      <c r="B94" s="15">
        <v>45</v>
      </c>
      <c r="C94" s="16">
        <v>49</v>
      </c>
      <c r="D94" s="17">
        <v>94</v>
      </c>
    </row>
    <row r="95" spans="1:4" ht="18" customHeight="1" x14ac:dyDescent="0.2">
      <c r="A95" s="14">
        <v>74</v>
      </c>
      <c r="B95" s="15">
        <v>49</v>
      </c>
      <c r="C95" s="16">
        <v>43</v>
      </c>
      <c r="D95" s="17">
        <v>92</v>
      </c>
    </row>
    <row r="96" spans="1:4" ht="18" customHeight="1" x14ac:dyDescent="0.2">
      <c r="A96" s="18" t="s">
        <v>64</v>
      </c>
      <c r="B96" s="15">
        <v>310</v>
      </c>
      <c r="C96" s="16">
        <v>350</v>
      </c>
      <c r="D96" s="17">
        <v>660</v>
      </c>
    </row>
    <row r="97" spans="1:4" ht="18" customHeight="1" x14ac:dyDescent="0.2">
      <c r="A97" s="14">
        <v>75</v>
      </c>
      <c r="B97" s="15">
        <v>53</v>
      </c>
      <c r="C97" s="16">
        <v>51</v>
      </c>
      <c r="D97" s="17">
        <v>104</v>
      </c>
    </row>
    <row r="98" spans="1:4" ht="18" customHeight="1" x14ac:dyDescent="0.2">
      <c r="A98" s="14">
        <v>76</v>
      </c>
      <c r="B98" s="15">
        <v>40</v>
      </c>
      <c r="C98" s="16">
        <v>79</v>
      </c>
      <c r="D98" s="17">
        <v>119</v>
      </c>
    </row>
    <row r="99" spans="1:4" ht="18" customHeight="1" x14ac:dyDescent="0.2">
      <c r="A99" s="14">
        <v>77</v>
      </c>
      <c r="B99" s="15">
        <v>60</v>
      </c>
      <c r="C99" s="16">
        <v>64</v>
      </c>
      <c r="D99" s="17">
        <v>124</v>
      </c>
    </row>
    <row r="100" spans="1:4" ht="18" customHeight="1" x14ac:dyDescent="0.2">
      <c r="A100" s="14">
        <v>78</v>
      </c>
      <c r="B100" s="15">
        <v>49</v>
      </c>
      <c r="C100" s="16">
        <v>63</v>
      </c>
      <c r="D100" s="17">
        <v>112</v>
      </c>
    </row>
    <row r="101" spans="1:4" ht="18" customHeight="1" x14ac:dyDescent="0.2">
      <c r="A101" s="14">
        <v>79</v>
      </c>
      <c r="B101" s="15">
        <v>43</v>
      </c>
      <c r="C101" s="16">
        <v>51</v>
      </c>
      <c r="D101" s="17">
        <v>94</v>
      </c>
    </row>
    <row r="102" spans="1:4" ht="18" customHeight="1" x14ac:dyDescent="0.2">
      <c r="A102" s="18" t="s">
        <v>65</v>
      </c>
      <c r="B102" s="15">
        <v>245</v>
      </c>
      <c r="C102" s="16">
        <v>308</v>
      </c>
      <c r="D102" s="17">
        <v>553</v>
      </c>
    </row>
    <row r="103" spans="1:4" ht="18" customHeight="1" x14ac:dyDescent="0.2">
      <c r="A103" s="14">
        <v>80</v>
      </c>
      <c r="B103" s="15">
        <v>36</v>
      </c>
      <c r="C103" s="16">
        <v>46</v>
      </c>
      <c r="D103" s="17">
        <v>82</v>
      </c>
    </row>
    <row r="104" spans="1:4" ht="18" customHeight="1" x14ac:dyDescent="0.2">
      <c r="A104" s="14">
        <v>81</v>
      </c>
      <c r="B104" s="15">
        <v>33</v>
      </c>
      <c r="C104" s="16">
        <v>52</v>
      </c>
      <c r="D104" s="17">
        <v>85</v>
      </c>
    </row>
    <row r="105" spans="1:4" ht="18" customHeight="1" x14ac:dyDescent="0.2">
      <c r="A105" s="14">
        <v>82</v>
      </c>
      <c r="B105" s="15">
        <v>31</v>
      </c>
      <c r="C105" s="16">
        <v>46</v>
      </c>
      <c r="D105" s="17">
        <v>77</v>
      </c>
    </row>
    <row r="106" spans="1:4" ht="18" customHeight="1" x14ac:dyDescent="0.2">
      <c r="A106" s="14">
        <v>83</v>
      </c>
      <c r="B106" s="15">
        <v>31</v>
      </c>
      <c r="C106" s="16">
        <v>52</v>
      </c>
      <c r="D106" s="17">
        <v>83</v>
      </c>
    </row>
    <row r="107" spans="1:4" ht="18" customHeight="1" x14ac:dyDescent="0.2">
      <c r="A107" s="14">
        <v>84</v>
      </c>
      <c r="B107" s="15">
        <v>31</v>
      </c>
      <c r="C107" s="16">
        <v>37</v>
      </c>
      <c r="D107" s="17">
        <v>68</v>
      </c>
    </row>
    <row r="108" spans="1:4" ht="18" customHeight="1" x14ac:dyDescent="0.2">
      <c r="A108" s="18" t="s">
        <v>66</v>
      </c>
      <c r="B108" s="15">
        <v>162</v>
      </c>
      <c r="C108" s="16">
        <v>233</v>
      </c>
      <c r="D108" s="17">
        <v>395</v>
      </c>
    </row>
    <row r="109" spans="1:4" ht="18" customHeight="1" x14ac:dyDescent="0.2">
      <c r="A109" s="14">
        <v>85</v>
      </c>
      <c r="B109" s="15">
        <v>27</v>
      </c>
      <c r="C109" s="16">
        <v>55</v>
      </c>
      <c r="D109" s="17">
        <v>82</v>
      </c>
    </row>
    <row r="110" spans="1:4" ht="18" customHeight="1" x14ac:dyDescent="0.2">
      <c r="A110" s="14">
        <v>86</v>
      </c>
      <c r="B110" s="15">
        <v>27</v>
      </c>
      <c r="C110" s="16">
        <v>37</v>
      </c>
      <c r="D110" s="17">
        <v>64</v>
      </c>
    </row>
    <row r="111" spans="1:4" ht="18" customHeight="1" x14ac:dyDescent="0.2">
      <c r="A111" s="14">
        <v>87</v>
      </c>
      <c r="B111" s="15">
        <v>23</v>
      </c>
      <c r="C111" s="16">
        <v>45</v>
      </c>
      <c r="D111" s="17">
        <v>68</v>
      </c>
    </row>
    <row r="112" spans="1:4" ht="18" customHeight="1" x14ac:dyDescent="0.2">
      <c r="A112" s="14">
        <v>88</v>
      </c>
      <c r="B112" s="15">
        <v>13</v>
      </c>
      <c r="C112" s="16">
        <v>27</v>
      </c>
      <c r="D112" s="17">
        <v>40</v>
      </c>
    </row>
    <row r="113" spans="1:4" ht="18" customHeight="1" x14ac:dyDescent="0.2">
      <c r="A113" s="14">
        <v>89</v>
      </c>
      <c r="B113" s="15">
        <v>11</v>
      </c>
      <c r="C113" s="16">
        <v>33</v>
      </c>
      <c r="D113" s="17">
        <v>44</v>
      </c>
    </row>
    <row r="114" spans="1:4" ht="18" customHeight="1" x14ac:dyDescent="0.2">
      <c r="A114" s="18" t="s">
        <v>67</v>
      </c>
      <c r="B114" s="15">
        <v>101</v>
      </c>
      <c r="C114" s="16">
        <v>197</v>
      </c>
      <c r="D114" s="17">
        <v>298</v>
      </c>
    </row>
    <row r="115" spans="1:4" ht="18" customHeight="1" x14ac:dyDescent="0.2">
      <c r="A115" s="14">
        <v>90</v>
      </c>
      <c r="B115" s="15">
        <v>10</v>
      </c>
      <c r="C115" s="16">
        <v>35</v>
      </c>
      <c r="D115" s="17">
        <v>45</v>
      </c>
    </row>
    <row r="116" spans="1:4" ht="18" customHeight="1" x14ac:dyDescent="0.2">
      <c r="A116" s="14">
        <v>91</v>
      </c>
      <c r="B116" s="15">
        <v>13</v>
      </c>
      <c r="C116" s="16">
        <v>23</v>
      </c>
      <c r="D116" s="17">
        <v>36</v>
      </c>
    </row>
    <row r="117" spans="1:4" ht="18" customHeight="1" x14ac:dyDescent="0.2">
      <c r="A117" s="14">
        <v>92</v>
      </c>
      <c r="B117" s="15">
        <v>4</v>
      </c>
      <c r="C117" s="16">
        <v>14</v>
      </c>
      <c r="D117" s="17">
        <v>18</v>
      </c>
    </row>
    <row r="118" spans="1:4" ht="18" customHeight="1" x14ac:dyDescent="0.2">
      <c r="A118" s="14">
        <v>93</v>
      </c>
      <c r="B118" s="15">
        <v>2</v>
      </c>
      <c r="C118" s="16">
        <v>17</v>
      </c>
      <c r="D118" s="17">
        <v>19</v>
      </c>
    </row>
    <row r="119" spans="1:4" ht="18" customHeight="1" x14ac:dyDescent="0.2">
      <c r="A119" s="14">
        <v>94</v>
      </c>
      <c r="B119" s="15">
        <v>6</v>
      </c>
      <c r="C119" s="16">
        <v>18</v>
      </c>
      <c r="D119" s="17">
        <v>24</v>
      </c>
    </row>
    <row r="120" spans="1:4" ht="18" customHeight="1" x14ac:dyDescent="0.2">
      <c r="A120" s="18" t="s">
        <v>68</v>
      </c>
      <c r="B120" s="15">
        <v>35</v>
      </c>
      <c r="C120" s="16">
        <v>107</v>
      </c>
      <c r="D120" s="17">
        <v>142</v>
      </c>
    </row>
    <row r="121" spans="1:4" ht="18" customHeight="1" x14ac:dyDescent="0.2">
      <c r="A121" s="14">
        <v>95</v>
      </c>
      <c r="B121" s="15">
        <v>3</v>
      </c>
      <c r="C121" s="16">
        <v>5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13</v>
      </c>
      <c r="D122" s="17">
        <v>14</v>
      </c>
    </row>
    <row r="123" spans="1:4" ht="18" customHeight="1" x14ac:dyDescent="0.2">
      <c r="A123" s="14">
        <v>97</v>
      </c>
      <c r="B123" s="15">
        <v>4</v>
      </c>
      <c r="C123" s="16">
        <v>12</v>
      </c>
      <c r="D123" s="17">
        <v>16</v>
      </c>
    </row>
    <row r="124" spans="1:4" ht="18" customHeight="1" x14ac:dyDescent="0.2">
      <c r="A124" s="14">
        <v>98</v>
      </c>
      <c r="B124" s="15">
        <v>2</v>
      </c>
      <c r="C124" s="16">
        <v>10</v>
      </c>
      <c r="D124" s="17">
        <v>12</v>
      </c>
    </row>
    <row r="125" spans="1:4" ht="18" customHeight="1" x14ac:dyDescent="0.2">
      <c r="A125" s="14">
        <v>99</v>
      </c>
      <c r="B125" s="15">
        <v>1</v>
      </c>
      <c r="C125" s="16">
        <v>10</v>
      </c>
      <c r="D125" s="17">
        <v>11</v>
      </c>
    </row>
    <row r="126" spans="1:4" ht="18" customHeight="1" x14ac:dyDescent="0.2">
      <c r="A126" s="18" t="s">
        <v>69</v>
      </c>
      <c r="B126" s="15">
        <v>11</v>
      </c>
      <c r="C126" s="16">
        <v>50</v>
      </c>
      <c r="D126" s="17">
        <v>6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1115</v>
      </c>
      <c r="C130" s="5">
        <v>1545</v>
      </c>
      <c r="D130" s="6">
        <v>2660</v>
      </c>
    </row>
    <row r="131" spans="1:4" ht="18" customHeight="1" x14ac:dyDescent="0.2">
      <c r="A131" s="20" t="s">
        <v>47</v>
      </c>
      <c r="B131" s="7">
        <v>4117</v>
      </c>
      <c r="C131" s="8">
        <v>4228</v>
      </c>
      <c r="D131" s="9">
        <v>834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7</v>
      </c>
      <c r="C5" s="12">
        <v>36</v>
      </c>
      <c r="D5" s="13">
        <v>83</v>
      </c>
    </row>
    <row r="6" spans="1:4" ht="18" customHeight="1" x14ac:dyDescent="0.2">
      <c r="A6" s="14">
        <v>1</v>
      </c>
      <c r="B6" s="15">
        <v>46</v>
      </c>
      <c r="C6" s="16">
        <v>25</v>
      </c>
      <c r="D6" s="17">
        <v>71</v>
      </c>
    </row>
    <row r="7" spans="1:4" ht="18" customHeight="1" x14ac:dyDescent="0.2">
      <c r="A7" s="14">
        <v>2</v>
      </c>
      <c r="B7" s="15">
        <v>32</v>
      </c>
      <c r="C7" s="16">
        <v>42</v>
      </c>
      <c r="D7" s="17">
        <v>74</v>
      </c>
    </row>
    <row r="8" spans="1:4" ht="18" customHeight="1" x14ac:dyDescent="0.2">
      <c r="A8" s="14">
        <v>3</v>
      </c>
      <c r="B8" s="15">
        <v>38</v>
      </c>
      <c r="C8" s="16">
        <v>43</v>
      </c>
      <c r="D8" s="17">
        <v>81</v>
      </c>
    </row>
    <row r="9" spans="1:4" ht="18" customHeight="1" x14ac:dyDescent="0.2">
      <c r="A9" s="14">
        <v>4</v>
      </c>
      <c r="B9" s="15">
        <v>38</v>
      </c>
      <c r="C9" s="16">
        <v>42</v>
      </c>
      <c r="D9" s="17">
        <v>80</v>
      </c>
    </row>
    <row r="10" spans="1:4" ht="18" customHeight="1" x14ac:dyDescent="0.2">
      <c r="A10" s="18" t="s">
        <v>48</v>
      </c>
      <c r="B10" s="15">
        <v>201</v>
      </c>
      <c r="C10" s="16">
        <v>188</v>
      </c>
      <c r="D10" s="17">
        <v>389</v>
      </c>
    </row>
    <row r="11" spans="1:4" ht="18" customHeight="1" x14ac:dyDescent="0.2">
      <c r="A11" s="14">
        <v>5</v>
      </c>
      <c r="B11" s="15">
        <v>50</v>
      </c>
      <c r="C11" s="16">
        <v>38</v>
      </c>
      <c r="D11" s="17">
        <v>88</v>
      </c>
    </row>
    <row r="12" spans="1:4" ht="18" customHeight="1" x14ac:dyDescent="0.2">
      <c r="A12" s="14">
        <v>6</v>
      </c>
      <c r="B12" s="15">
        <v>37</v>
      </c>
      <c r="C12" s="16">
        <v>38</v>
      </c>
      <c r="D12" s="17">
        <v>75</v>
      </c>
    </row>
    <row r="13" spans="1:4" ht="18" customHeight="1" x14ac:dyDescent="0.2">
      <c r="A13" s="14">
        <v>7</v>
      </c>
      <c r="B13" s="15">
        <v>39</v>
      </c>
      <c r="C13" s="16">
        <v>38</v>
      </c>
      <c r="D13" s="17">
        <v>77</v>
      </c>
    </row>
    <row r="14" spans="1:4" ht="18" customHeight="1" x14ac:dyDescent="0.2">
      <c r="A14" s="14">
        <v>8</v>
      </c>
      <c r="B14" s="15">
        <v>43</v>
      </c>
      <c r="C14" s="16">
        <v>32</v>
      </c>
      <c r="D14" s="17">
        <v>75</v>
      </c>
    </row>
    <row r="15" spans="1:4" ht="18" customHeight="1" x14ac:dyDescent="0.2">
      <c r="A15" s="14">
        <v>9</v>
      </c>
      <c r="B15" s="15">
        <v>43</v>
      </c>
      <c r="C15" s="16">
        <v>42</v>
      </c>
      <c r="D15" s="17">
        <v>85</v>
      </c>
    </row>
    <row r="16" spans="1:4" ht="18" customHeight="1" x14ac:dyDescent="0.2">
      <c r="A16" s="18" t="s">
        <v>49</v>
      </c>
      <c r="B16" s="15">
        <v>212</v>
      </c>
      <c r="C16" s="16">
        <v>188</v>
      </c>
      <c r="D16" s="17">
        <v>400</v>
      </c>
    </row>
    <row r="17" spans="1:4" ht="18" customHeight="1" x14ac:dyDescent="0.2">
      <c r="A17" s="14">
        <v>10</v>
      </c>
      <c r="B17" s="15">
        <v>48</v>
      </c>
      <c r="C17" s="16">
        <v>42</v>
      </c>
      <c r="D17" s="17">
        <v>90</v>
      </c>
    </row>
    <row r="18" spans="1:4" ht="18" customHeight="1" x14ac:dyDescent="0.2">
      <c r="A18" s="14">
        <v>11</v>
      </c>
      <c r="B18" s="15">
        <v>51</v>
      </c>
      <c r="C18" s="16">
        <v>40</v>
      </c>
      <c r="D18" s="17">
        <v>91</v>
      </c>
    </row>
    <row r="19" spans="1:4" ht="18" customHeight="1" x14ac:dyDescent="0.2">
      <c r="A19" s="14">
        <v>12</v>
      </c>
      <c r="B19" s="15">
        <v>43</v>
      </c>
      <c r="C19" s="16">
        <v>38</v>
      </c>
      <c r="D19" s="17">
        <v>81</v>
      </c>
    </row>
    <row r="20" spans="1:4" ht="18" customHeight="1" x14ac:dyDescent="0.2">
      <c r="A20" s="14">
        <v>13</v>
      </c>
      <c r="B20" s="15">
        <v>50</v>
      </c>
      <c r="C20" s="16">
        <v>48</v>
      </c>
      <c r="D20" s="17">
        <v>98</v>
      </c>
    </row>
    <row r="21" spans="1:4" ht="18" customHeight="1" x14ac:dyDescent="0.2">
      <c r="A21" s="14">
        <v>14</v>
      </c>
      <c r="B21" s="15">
        <v>52</v>
      </c>
      <c r="C21" s="16">
        <v>28</v>
      </c>
      <c r="D21" s="17">
        <v>80</v>
      </c>
    </row>
    <row r="22" spans="1:4" ht="18" customHeight="1" x14ac:dyDescent="0.2">
      <c r="A22" s="18" t="s">
        <v>50</v>
      </c>
      <c r="B22" s="15">
        <v>244</v>
      </c>
      <c r="C22" s="16">
        <v>196</v>
      </c>
      <c r="D22" s="17">
        <v>440</v>
      </c>
    </row>
    <row r="23" spans="1:4" ht="18" customHeight="1" x14ac:dyDescent="0.2">
      <c r="A23" s="18" t="s">
        <v>51</v>
      </c>
      <c r="B23" s="15">
        <v>657</v>
      </c>
      <c r="C23" s="16">
        <v>572</v>
      </c>
      <c r="D23" s="17">
        <v>1229</v>
      </c>
    </row>
    <row r="24" spans="1:4" ht="18" customHeight="1" x14ac:dyDescent="0.2">
      <c r="A24" s="14">
        <v>15</v>
      </c>
      <c r="B24" s="15">
        <v>52</v>
      </c>
      <c r="C24" s="16">
        <v>54</v>
      </c>
      <c r="D24" s="17">
        <v>106</v>
      </c>
    </row>
    <row r="25" spans="1:4" ht="18" customHeight="1" x14ac:dyDescent="0.2">
      <c r="A25" s="14">
        <v>16</v>
      </c>
      <c r="B25" s="15">
        <v>37</v>
      </c>
      <c r="C25" s="16">
        <v>40</v>
      </c>
      <c r="D25" s="17">
        <v>77</v>
      </c>
    </row>
    <row r="26" spans="1:4" ht="18" customHeight="1" x14ac:dyDescent="0.2">
      <c r="A26" s="14">
        <v>17</v>
      </c>
      <c r="B26" s="15">
        <v>51</v>
      </c>
      <c r="C26" s="16">
        <v>54</v>
      </c>
      <c r="D26" s="17">
        <v>105</v>
      </c>
    </row>
    <row r="27" spans="1:4" ht="18" customHeight="1" x14ac:dyDescent="0.2">
      <c r="A27" s="14">
        <v>18</v>
      </c>
      <c r="B27" s="15">
        <v>51</v>
      </c>
      <c r="C27" s="16">
        <v>45</v>
      </c>
      <c r="D27" s="17">
        <v>96</v>
      </c>
    </row>
    <row r="28" spans="1:4" ht="18" customHeight="1" x14ac:dyDescent="0.2">
      <c r="A28" s="14">
        <v>19</v>
      </c>
      <c r="B28" s="15">
        <v>36</v>
      </c>
      <c r="C28" s="16">
        <v>59</v>
      </c>
      <c r="D28" s="17">
        <v>95</v>
      </c>
    </row>
    <row r="29" spans="1:4" ht="18" customHeight="1" x14ac:dyDescent="0.2">
      <c r="A29" s="18" t="s">
        <v>52</v>
      </c>
      <c r="B29" s="15">
        <v>227</v>
      </c>
      <c r="C29" s="16">
        <v>252</v>
      </c>
      <c r="D29" s="17">
        <v>479</v>
      </c>
    </row>
    <row r="30" spans="1:4" ht="18" customHeight="1" x14ac:dyDescent="0.2">
      <c r="A30" s="14">
        <v>20</v>
      </c>
      <c r="B30" s="15">
        <v>57</v>
      </c>
      <c r="C30" s="16">
        <v>60</v>
      </c>
      <c r="D30" s="17">
        <v>117</v>
      </c>
    </row>
    <row r="31" spans="1:4" ht="18" customHeight="1" x14ac:dyDescent="0.2">
      <c r="A31" s="14">
        <v>21</v>
      </c>
      <c r="B31" s="15">
        <v>44</v>
      </c>
      <c r="C31" s="16">
        <v>40</v>
      </c>
      <c r="D31" s="17">
        <v>84</v>
      </c>
    </row>
    <row r="32" spans="1:4" ht="18" customHeight="1" x14ac:dyDescent="0.2">
      <c r="A32" s="14">
        <v>22</v>
      </c>
      <c r="B32" s="15">
        <v>49</v>
      </c>
      <c r="C32" s="16">
        <v>31</v>
      </c>
      <c r="D32" s="17">
        <v>80</v>
      </c>
    </row>
    <row r="33" spans="1:4" ht="18" customHeight="1" x14ac:dyDescent="0.2">
      <c r="A33" s="14">
        <v>23</v>
      </c>
      <c r="B33" s="15">
        <v>61</v>
      </c>
      <c r="C33" s="16">
        <v>45</v>
      </c>
      <c r="D33" s="17">
        <v>106</v>
      </c>
    </row>
    <row r="34" spans="1:4" ht="18" customHeight="1" x14ac:dyDescent="0.2">
      <c r="A34" s="14">
        <v>24</v>
      </c>
      <c r="B34" s="15">
        <v>69</v>
      </c>
      <c r="C34" s="16">
        <v>42</v>
      </c>
      <c r="D34" s="17">
        <v>111</v>
      </c>
    </row>
    <row r="35" spans="1:4" ht="18" customHeight="1" x14ac:dyDescent="0.2">
      <c r="A35" s="18" t="s">
        <v>53</v>
      </c>
      <c r="B35" s="15">
        <v>280</v>
      </c>
      <c r="C35" s="16">
        <v>218</v>
      </c>
      <c r="D35" s="17">
        <v>498</v>
      </c>
    </row>
    <row r="36" spans="1:4" ht="18" customHeight="1" x14ac:dyDescent="0.2">
      <c r="A36" s="14">
        <v>25</v>
      </c>
      <c r="B36" s="15">
        <v>71</v>
      </c>
      <c r="C36" s="16">
        <v>49</v>
      </c>
      <c r="D36" s="17">
        <v>120</v>
      </c>
    </row>
    <row r="37" spans="1:4" ht="18" customHeight="1" x14ac:dyDescent="0.2">
      <c r="A37" s="14">
        <v>26</v>
      </c>
      <c r="B37" s="15">
        <v>54</v>
      </c>
      <c r="C37" s="16">
        <v>55</v>
      </c>
      <c r="D37" s="17">
        <v>109</v>
      </c>
    </row>
    <row r="38" spans="1:4" ht="18" customHeight="1" x14ac:dyDescent="0.2">
      <c r="A38" s="14">
        <v>27</v>
      </c>
      <c r="B38" s="15">
        <v>61</v>
      </c>
      <c r="C38" s="16">
        <v>43</v>
      </c>
      <c r="D38" s="17">
        <v>104</v>
      </c>
    </row>
    <row r="39" spans="1:4" ht="18" customHeight="1" x14ac:dyDescent="0.2">
      <c r="A39" s="14">
        <v>28</v>
      </c>
      <c r="B39" s="15">
        <v>46</v>
      </c>
      <c r="C39" s="16">
        <v>50</v>
      </c>
      <c r="D39" s="17">
        <v>96</v>
      </c>
    </row>
    <row r="40" spans="1:4" ht="18" customHeight="1" x14ac:dyDescent="0.2">
      <c r="A40" s="14">
        <v>29</v>
      </c>
      <c r="B40" s="15">
        <v>65</v>
      </c>
      <c r="C40" s="16">
        <v>47</v>
      </c>
      <c r="D40" s="17">
        <v>112</v>
      </c>
    </row>
    <row r="41" spans="1:4" ht="18" customHeight="1" x14ac:dyDescent="0.2">
      <c r="A41" s="18" t="s">
        <v>54</v>
      </c>
      <c r="B41" s="15">
        <v>297</v>
      </c>
      <c r="C41" s="16">
        <v>244</v>
      </c>
      <c r="D41" s="17">
        <v>541</v>
      </c>
    </row>
    <row r="42" spans="1:4" ht="18" customHeight="1" x14ac:dyDescent="0.2">
      <c r="A42" s="14">
        <v>30</v>
      </c>
      <c r="B42" s="15">
        <v>48</v>
      </c>
      <c r="C42" s="16">
        <v>48</v>
      </c>
      <c r="D42" s="17">
        <v>96</v>
      </c>
    </row>
    <row r="43" spans="1:4" ht="18" customHeight="1" x14ac:dyDescent="0.2">
      <c r="A43" s="14">
        <v>31</v>
      </c>
      <c r="B43" s="15">
        <v>57</v>
      </c>
      <c r="C43" s="16">
        <v>55</v>
      </c>
      <c r="D43" s="17">
        <v>112</v>
      </c>
    </row>
    <row r="44" spans="1:4" ht="18" customHeight="1" x14ac:dyDescent="0.2">
      <c r="A44" s="14">
        <v>32</v>
      </c>
      <c r="B44" s="15">
        <v>49</v>
      </c>
      <c r="C44" s="16">
        <v>37</v>
      </c>
      <c r="D44" s="17">
        <v>86</v>
      </c>
    </row>
    <row r="45" spans="1:4" ht="18" customHeight="1" x14ac:dyDescent="0.2">
      <c r="A45" s="14">
        <v>33</v>
      </c>
      <c r="B45" s="15">
        <v>49</v>
      </c>
      <c r="C45" s="16">
        <v>50</v>
      </c>
      <c r="D45" s="17">
        <v>99</v>
      </c>
    </row>
    <row r="46" spans="1:4" ht="18" customHeight="1" x14ac:dyDescent="0.2">
      <c r="A46" s="14">
        <v>34</v>
      </c>
      <c r="B46" s="15">
        <v>58</v>
      </c>
      <c r="C46" s="16">
        <v>45</v>
      </c>
      <c r="D46" s="17">
        <v>103</v>
      </c>
    </row>
    <row r="47" spans="1:4" ht="18" customHeight="1" x14ac:dyDescent="0.2">
      <c r="A47" s="18" t="s">
        <v>55</v>
      </c>
      <c r="B47" s="15">
        <v>261</v>
      </c>
      <c r="C47" s="16">
        <v>235</v>
      </c>
      <c r="D47" s="17">
        <v>496</v>
      </c>
    </row>
    <row r="48" spans="1:4" ht="18" customHeight="1" x14ac:dyDescent="0.2">
      <c r="A48" s="14">
        <v>35</v>
      </c>
      <c r="B48" s="15">
        <v>65</v>
      </c>
      <c r="C48" s="16">
        <v>54</v>
      </c>
      <c r="D48" s="17">
        <v>119</v>
      </c>
    </row>
    <row r="49" spans="1:4" ht="18" customHeight="1" x14ac:dyDescent="0.2">
      <c r="A49" s="14">
        <v>36</v>
      </c>
      <c r="B49" s="15">
        <v>51</v>
      </c>
      <c r="C49" s="16">
        <v>68</v>
      </c>
      <c r="D49" s="17">
        <v>119</v>
      </c>
    </row>
    <row r="50" spans="1:4" ht="18" customHeight="1" x14ac:dyDescent="0.2">
      <c r="A50" s="14">
        <v>37</v>
      </c>
      <c r="B50" s="15">
        <v>60</v>
      </c>
      <c r="C50" s="16">
        <v>36</v>
      </c>
      <c r="D50" s="17">
        <v>96</v>
      </c>
    </row>
    <row r="51" spans="1:4" ht="18" customHeight="1" x14ac:dyDescent="0.2">
      <c r="A51" s="14">
        <v>38</v>
      </c>
      <c r="B51" s="15">
        <v>53</v>
      </c>
      <c r="C51" s="16">
        <v>44</v>
      </c>
      <c r="D51" s="17">
        <v>97</v>
      </c>
    </row>
    <row r="52" spans="1:4" ht="18" customHeight="1" x14ac:dyDescent="0.2">
      <c r="A52" s="14">
        <v>39</v>
      </c>
      <c r="B52" s="15">
        <v>68</v>
      </c>
      <c r="C52" s="16">
        <v>64</v>
      </c>
      <c r="D52" s="17">
        <v>132</v>
      </c>
    </row>
    <row r="53" spans="1:4" ht="18" customHeight="1" x14ac:dyDescent="0.2">
      <c r="A53" s="18" t="s">
        <v>56</v>
      </c>
      <c r="B53" s="15">
        <v>297</v>
      </c>
      <c r="C53" s="16">
        <v>266</v>
      </c>
      <c r="D53" s="17">
        <v>563</v>
      </c>
    </row>
    <row r="54" spans="1:4" ht="18" customHeight="1" x14ac:dyDescent="0.2">
      <c r="A54" s="14">
        <v>40</v>
      </c>
      <c r="B54" s="15">
        <v>63</v>
      </c>
      <c r="C54" s="16">
        <v>56</v>
      </c>
      <c r="D54" s="17">
        <v>119</v>
      </c>
    </row>
    <row r="55" spans="1:4" ht="18" customHeight="1" x14ac:dyDescent="0.2">
      <c r="A55" s="14">
        <v>41</v>
      </c>
      <c r="B55" s="15">
        <v>61</v>
      </c>
      <c r="C55" s="16">
        <v>56</v>
      </c>
      <c r="D55" s="17">
        <v>117</v>
      </c>
    </row>
    <row r="56" spans="1:4" ht="18" customHeight="1" x14ac:dyDescent="0.2">
      <c r="A56" s="14">
        <v>42</v>
      </c>
      <c r="B56" s="15">
        <v>85</v>
      </c>
      <c r="C56" s="16">
        <v>65</v>
      </c>
      <c r="D56" s="17">
        <v>150</v>
      </c>
    </row>
    <row r="57" spans="1:4" ht="18" customHeight="1" x14ac:dyDescent="0.2">
      <c r="A57" s="14">
        <v>43</v>
      </c>
      <c r="B57" s="15">
        <v>65</v>
      </c>
      <c r="C57" s="16">
        <v>74</v>
      </c>
      <c r="D57" s="17">
        <v>139</v>
      </c>
    </row>
    <row r="58" spans="1:4" ht="18" customHeight="1" x14ac:dyDescent="0.2">
      <c r="A58" s="14">
        <v>44</v>
      </c>
      <c r="B58" s="15">
        <v>89</v>
      </c>
      <c r="C58" s="16">
        <v>99</v>
      </c>
      <c r="D58" s="17">
        <v>188</v>
      </c>
    </row>
    <row r="59" spans="1:4" ht="18" customHeight="1" x14ac:dyDescent="0.2">
      <c r="A59" s="18" t="s">
        <v>57</v>
      </c>
      <c r="B59" s="15">
        <v>363</v>
      </c>
      <c r="C59" s="16">
        <v>350</v>
      </c>
      <c r="D59" s="17">
        <v>713</v>
      </c>
    </row>
    <row r="60" spans="1:4" ht="18" customHeight="1" x14ac:dyDescent="0.2">
      <c r="A60" s="14">
        <v>45</v>
      </c>
      <c r="B60" s="15">
        <v>94</v>
      </c>
      <c r="C60" s="16">
        <v>74</v>
      </c>
      <c r="D60" s="17">
        <v>168</v>
      </c>
    </row>
    <row r="61" spans="1:4" ht="18" customHeight="1" x14ac:dyDescent="0.2">
      <c r="A61" s="14">
        <v>46</v>
      </c>
      <c r="B61" s="15">
        <v>99</v>
      </c>
      <c r="C61" s="16">
        <v>91</v>
      </c>
      <c r="D61" s="17">
        <v>190</v>
      </c>
    </row>
    <row r="62" spans="1:4" ht="18" customHeight="1" x14ac:dyDescent="0.2">
      <c r="A62" s="14">
        <v>47</v>
      </c>
      <c r="B62" s="15">
        <v>95</v>
      </c>
      <c r="C62" s="16">
        <v>97</v>
      </c>
      <c r="D62" s="17">
        <v>192</v>
      </c>
    </row>
    <row r="63" spans="1:4" ht="18" customHeight="1" x14ac:dyDescent="0.2">
      <c r="A63" s="14">
        <v>48</v>
      </c>
      <c r="B63" s="15">
        <v>95</v>
      </c>
      <c r="C63" s="16">
        <v>91</v>
      </c>
      <c r="D63" s="17">
        <v>186</v>
      </c>
    </row>
    <row r="64" spans="1:4" ht="18" customHeight="1" x14ac:dyDescent="0.2">
      <c r="A64" s="14">
        <v>49</v>
      </c>
      <c r="B64" s="15">
        <v>72</v>
      </c>
      <c r="C64" s="16">
        <v>91</v>
      </c>
      <c r="D64" s="17">
        <v>163</v>
      </c>
    </row>
    <row r="65" spans="1:4" ht="18" customHeight="1" x14ac:dyDescent="0.2">
      <c r="A65" s="18" t="s">
        <v>58</v>
      </c>
      <c r="B65" s="15">
        <v>455</v>
      </c>
      <c r="C65" s="16">
        <v>444</v>
      </c>
      <c r="D65" s="17">
        <v>899</v>
      </c>
    </row>
    <row r="66" spans="1:4" ht="18" customHeight="1" x14ac:dyDescent="0.2">
      <c r="A66" s="14">
        <v>50</v>
      </c>
      <c r="B66" s="15">
        <v>103</v>
      </c>
      <c r="C66" s="16">
        <v>86</v>
      </c>
      <c r="D66" s="17">
        <v>189</v>
      </c>
    </row>
    <row r="67" spans="1:4" ht="18" customHeight="1" x14ac:dyDescent="0.2">
      <c r="A67" s="14">
        <v>51</v>
      </c>
      <c r="B67" s="15">
        <v>71</v>
      </c>
      <c r="C67" s="16">
        <v>72</v>
      </c>
      <c r="D67" s="17">
        <v>143</v>
      </c>
    </row>
    <row r="68" spans="1:4" ht="18" customHeight="1" x14ac:dyDescent="0.2">
      <c r="A68" s="14">
        <v>52</v>
      </c>
      <c r="B68" s="15">
        <v>92</v>
      </c>
      <c r="C68" s="16">
        <v>73</v>
      </c>
      <c r="D68" s="17">
        <v>165</v>
      </c>
    </row>
    <row r="69" spans="1:4" ht="18" customHeight="1" x14ac:dyDescent="0.2">
      <c r="A69" s="14">
        <v>53</v>
      </c>
      <c r="B69" s="15">
        <v>66</v>
      </c>
      <c r="C69" s="16">
        <v>47</v>
      </c>
      <c r="D69" s="17">
        <v>113</v>
      </c>
    </row>
    <row r="70" spans="1:4" ht="18" customHeight="1" x14ac:dyDescent="0.2">
      <c r="A70" s="14">
        <v>54</v>
      </c>
      <c r="B70" s="15">
        <v>66</v>
      </c>
      <c r="C70" s="16">
        <v>67</v>
      </c>
      <c r="D70" s="17">
        <v>133</v>
      </c>
    </row>
    <row r="71" spans="1:4" ht="18" customHeight="1" x14ac:dyDescent="0.2">
      <c r="A71" s="18" t="s">
        <v>59</v>
      </c>
      <c r="B71" s="15">
        <v>398</v>
      </c>
      <c r="C71" s="16">
        <v>345</v>
      </c>
      <c r="D71" s="17">
        <v>743</v>
      </c>
    </row>
    <row r="72" spans="1:4" ht="18" customHeight="1" x14ac:dyDescent="0.2">
      <c r="A72" s="14">
        <v>55</v>
      </c>
      <c r="B72" s="15">
        <v>69</v>
      </c>
      <c r="C72" s="16">
        <v>74</v>
      </c>
      <c r="D72" s="17">
        <v>143</v>
      </c>
    </row>
    <row r="73" spans="1:4" ht="18" customHeight="1" x14ac:dyDescent="0.2">
      <c r="A73" s="14">
        <v>56</v>
      </c>
      <c r="B73" s="15">
        <v>71</v>
      </c>
      <c r="C73" s="16">
        <v>60</v>
      </c>
      <c r="D73" s="17">
        <v>131</v>
      </c>
    </row>
    <row r="74" spans="1:4" ht="18" customHeight="1" x14ac:dyDescent="0.2">
      <c r="A74" s="14">
        <v>57</v>
      </c>
      <c r="B74" s="15">
        <v>54</v>
      </c>
      <c r="C74" s="16">
        <v>59</v>
      </c>
      <c r="D74" s="17">
        <v>113</v>
      </c>
    </row>
    <row r="75" spans="1:4" ht="18" customHeight="1" x14ac:dyDescent="0.2">
      <c r="A75" s="14">
        <v>58</v>
      </c>
      <c r="B75" s="15">
        <v>57</v>
      </c>
      <c r="C75" s="16">
        <v>62</v>
      </c>
      <c r="D75" s="17">
        <v>119</v>
      </c>
    </row>
    <row r="76" spans="1:4" ht="18" customHeight="1" x14ac:dyDescent="0.2">
      <c r="A76" s="14">
        <v>59</v>
      </c>
      <c r="B76" s="15">
        <v>60</v>
      </c>
      <c r="C76" s="16">
        <v>80</v>
      </c>
      <c r="D76" s="17">
        <v>140</v>
      </c>
    </row>
    <row r="77" spans="1:4" ht="18" customHeight="1" x14ac:dyDescent="0.2">
      <c r="A77" s="18" t="s">
        <v>60</v>
      </c>
      <c r="B77" s="15">
        <v>311</v>
      </c>
      <c r="C77" s="16">
        <v>335</v>
      </c>
      <c r="D77" s="17">
        <v>646</v>
      </c>
    </row>
    <row r="78" spans="1:4" ht="18" customHeight="1" x14ac:dyDescent="0.2">
      <c r="A78" s="14">
        <v>60</v>
      </c>
      <c r="B78" s="15">
        <v>57</v>
      </c>
      <c r="C78" s="16">
        <v>60</v>
      </c>
      <c r="D78" s="17">
        <v>117</v>
      </c>
    </row>
    <row r="79" spans="1:4" ht="18" customHeight="1" x14ac:dyDescent="0.2">
      <c r="A79" s="14">
        <v>61</v>
      </c>
      <c r="B79" s="15">
        <v>59</v>
      </c>
      <c r="C79" s="16">
        <v>54</v>
      </c>
      <c r="D79" s="17">
        <v>113</v>
      </c>
    </row>
    <row r="80" spans="1:4" ht="18" customHeight="1" x14ac:dyDescent="0.2">
      <c r="A80" s="14">
        <v>62</v>
      </c>
      <c r="B80" s="15">
        <v>62</v>
      </c>
      <c r="C80" s="16">
        <v>63</v>
      </c>
      <c r="D80" s="17">
        <v>125</v>
      </c>
    </row>
    <row r="81" spans="1:4" ht="18" customHeight="1" x14ac:dyDescent="0.2">
      <c r="A81" s="14">
        <v>63</v>
      </c>
      <c r="B81" s="15">
        <v>51</v>
      </c>
      <c r="C81" s="16">
        <v>55</v>
      </c>
      <c r="D81" s="17">
        <v>106</v>
      </c>
    </row>
    <row r="82" spans="1:4" ht="18" customHeight="1" x14ac:dyDescent="0.2">
      <c r="A82" s="14">
        <v>64</v>
      </c>
      <c r="B82" s="15">
        <v>65</v>
      </c>
      <c r="C82" s="16">
        <v>75</v>
      </c>
      <c r="D82" s="17">
        <v>140</v>
      </c>
    </row>
    <row r="83" spans="1:4" ht="18" customHeight="1" x14ac:dyDescent="0.2">
      <c r="A83" s="18" t="s">
        <v>61</v>
      </c>
      <c r="B83" s="15">
        <v>294</v>
      </c>
      <c r="C83" s="16">
        <v>307</v>
      </c>
      <c r="D83" s="17">
        <v>601</v>
      </c>
    </row>
    <row r="84" spans="1:4" ht="18" customHeight="1" x14ac:dyDescent="0.2">
      <c r="A84" s="18" t="s">
        <v>62</v>
      </c>
      <c r="B84" s="15">
        <v>3183</v>
      </c>
      <c r="C84" s="16">
        <v>2996</v>
      </c>
      <c r="D84" s="17">
        <v>6179</v>
      </c>
    </row>
    <row r="85" spans="1:4" ht="18" customHeight="1" x14ac:dyDescent="0.2">
      <c r="A85" s="14">
        <v>65</v>
      </c>
      <c r="B85" s="15">
        <v>51</v>
      </c>
      <c r="C85" s="16">
        <v>65</v>
      </c>
      <c r="D85" s="17">
        <v>116</v>
      </c>
    </row>
    <row r="86" spans="1:4" ht="18" customHeight="1" x14ac:dyDescent="0.2">
      <c r="A86" s="14">
        <v>66</v>
      </c>
      <c r="B86" s="15">
        <v>65</v>
      </c>
      <c r="C86" s="16">
        <v>58</v>
      </c>
      <c r="D86" s="17">
        <v>123</v>
      </c>
    </row>
    <row r="87" spans="1:4" ht="18" customHeight="1" x14ac:dyDescent="0.2">
      <c r="A87" s="14">
        <v>67</v>
      </c>
      <c r="B87" s="15">
        <v>70</v>
      </c>
      <c r="C87" s="16">
        <v>70</v>
      </c>
      <c r="D87" s="17">
        <v>140</v>
      </c>
    </row>
    <row r="88" spans="1:4" ht="18" customHeight="1" x14ac:dyDescent="0.2">
      <c r="A88" s="14">
        <v>68</v>
      </c>
      <c r="B88" s="15">
        <v>58</v>
      </c>
      <c r="C88" s="16">
        <v>83</v>
      </c>
      <c r="D88" s="17">
        <v>141</v>
      </c>
    </row>
    <row r="89" spans="1:4" ht="18" customHeight="1" x14ac:dyDescent="0.2">
      <c r="A89" s="14">
        <v>69</v>
      </c>
      <c r="B89" s="15">
        <v>64</v>
      </c>
      <c r="C89" s="16">
        <v>78</v>
      </c>
      <c r="D89" s="17">
        <v>142</v>
      </c>
    </row>
    <row r="90" spans="1:4" ht="18" customHeight="1" x14ac:dyDescent="0.2">
      <c r="A90" s="18" t="s">
        <v>63</v>
      </c>
      <c r="B90" s="15">
        <v>308</v>
      </c>
      <c r="C90" s="16">
        <v>354</v>
      </c>
      <c r="D90" s="17">
        <v>662</v>
      </c>
    </row>
    <row r="91" spans="1:4" ht="18" customHeight="1" x14ac:dyDescent="0.2">
      <c r="A91" s="14">
        <v>70</v>
      </c>
      <c r="B91" s="15">
        <v>84</v>
      </c>
      <c r="C91" s="16">
        <v>96</v>
      </c>
      <c r="D91" s="17">
        <v>180</v>
      </c>
    </row>
    <row r="92" spans="1:4" ht="18" customHeight="1" x14ac:dyDescent="0.2">
      <c r="A92" s="14">
        <v>71</v>
      </c>
      <c r="B92" s="15">
        <v>65</v>
      </c>
      <c r="C92" s="16">
        <v>94</v>
      </c>
      <c r="D92" s="17">
        <v>159</v>
      </c>
    </row>
    <row r="93" spans="1:4" ht="18" customHeight="1" x14ac:dyDescent="0.2">
      <c r="A93" s="14">
        <v>72</v>
      </c>
      <c r="B93" s="15">
        <v>95</v>
      </c>
      <c r="C93" s="16">
        <v>104</v>
      </c>
      <c r="D93" s="17">
        <v>199</v>
      </c>
    </row>
    <row r="94" spans="1:4" ht="18" customHeight="1" x14ac:dyDescent="0.2">
      <c r="A94" s="14">
        <v>73</v>
      </c>
      <c r="B94" s="15">
        <v>37</v>
      </c>
      <c r="C94" s="16">
        <v>58</v>
      </c>
      <c r="D94" s="17">
        <v>95</v>
      </c>
    </row>
    <row r="95" spans="1:4" ht="18" customHeight="1" x14ac:dyDescent="0.2">
      <c r="A95" s="14">
        <v>74</v>
      </c>
      <c r="B95" s="15">
        <v>46</v>
      </c>
      <c r="C95" s="16">
        <v>56</v>
      </c>
      <c r="D95" s="17">
        <v>102</v>
      </c>
    </row>
    <row r="96" spans="1:4" ht="18" customHeight="1" x14ac:dyDescent="0.2">
      <c r="A96" s="18" t="s">
        <v>64</v>
      </c>
      <c r="B96" s="15">
        <v>327</v>
      </c>
      <c r="C96" s="16">
        <v>408</v>
      </c>
      <c r="D96" s="17">
        <v>735</v>
      </c>
    </row>
    <row r="97" spans="1:4" ht="18" customHeight="1" x14ac:dyDescent="0.2">
      <c r="A97" s="14">
        <v>75</v>
      </c>
      <c r="B97" s="15">
        <v>66</v>
      </c>
      <c r="C97" s="16">
        <v>83</v>
      </c>
      <c r="D97" s="17">
        <v>149</v>
      </c>
    </row>
    <row r="98" spans="1:4" ht="18" customHeight="1" x14ac:dyDescent="0.2">
      <c r="A98" s="14">
        <v>76</v>
      </c>
      <c r="B98" s="15">
        <v>57</v>
      </c>
      <c r="C98" s="16">
        <v>63</v>
      </c>
      <c r="D98" s="17">
        <v>120</v>
      </c>
    </row>
    <row r="99" spans="1:4" ht="18" customHeight="1" x14ac:dyDescent="0.2">
      <c r="A99" s="14">
        <v>77</v>
      </c>
      <c r="B99" s="15">
        <v>61</v>
      </c>
      <c r="C99" s="16">
        <v>67</v>
      </c>
      <c r="D99" s="17">
        <v>128</v>
      </c>
    </row>
    <row r="100" spans="1:4" ht="18" customHeight="1" x14ac:dyDescent="0.2">
      <c r="A100" s="14">
        <v>78</v>
      </c>
      <c r="B100" s="15">
        <v>53</v>
      </c>
      <c r="C100" s="16">
        <v>75</v>
      </c>
      <c r="D100" s="17">
        <v>128</v>
      </c>
    </row>
    <row r="101" spans="1:4" ht="18" customHeight="1" x14ac:dyDescent="0.2">
      <c r="A101" s="14">
        <v>79</v>
      </c>
      <c r="B101" s="15">
        <v>35</v>
      </c>
      <c r="C101" s="16">
        <v>61</v>
      </c>
      <c r="D101" s="17">
        <v>96</v>
      </c>
    </row>
    <row r="102" spans="1:4" ht="18" customHeight="1" x14ac:dyDescent="0.2">
      <c r="A102" s="18" t="s">
        <v>65</v>
      </c>
      <c r="B102" s="15">
        <v>272</v>
      </c>
      <c r="C102" s="16">
        <v>349</v>
      </c>
      <c r="D102" s="17">
        <v>621</v>
      </c>
    </row>
    <row r="103" spans="1:4" ht="18" customHeight="1" x14ac:dyDescent="0.2">
      <c r="A103" s="14">
        <v>80</v>
      </c>
      <c r="B103" s="15">
        <v>31</v>
      </c>
      <c r="C103" s="16">
        <v>58</v>
      </c>
      <c r="D103" s="17">
        <v>89</v>
      </c>
    </row>
    <row r="104" spans="1:4" ht="18" customHeight="1" x14ac:dyDescent="0.2">
      <c r="A104" s="14">
        <v>81</v>
      </c>
      <c r="B104" s="15">
        <v>45</v>
      </c>
      <c r="C104" s="16">
        <v>60</v>
      </c>
      <c r="D104" s="17">
        <v>105</v>
      </c>
    </row>
    <row r="105" spans="1:4" ht="18" customHeight="1" x14ac:dyDescent="0.2">
      <c r="A105" s="14">
        <v>82</v>
      </c>
      <c r="B105" s="15">
        <v>42</v>
      </c>
      <c r="C105" s="16">
        <v>60</v>
      </c>
      <c r="D105" s="17">
        <v>102</v>
      </c>
    </row>
    <row r="106" spans="1:4" ht="18" customHeight="1" x14ac:dyDescent="0.2">
      <c r="A106" s="14">
        <v>83</v>
      </c>
      <c r="B106" s="15">
        <v>39</v>
      </c>
      <c r="C106" s="16">
        <v>65</v>
      </c>
      <c r="D106" s="17">
        <v>104</v>
      </c>
    </row>
    <row r="107" spans="1:4" ht="18" customHeight="1" x14ac:dyDescent="0.2">
      <c r="A107" s="14">
        <v>84</v>
      </c>
      <c r="B107" s="15">
        <v>32</v>
      </c>
      <c r="C107" s="16">
        <v>47</v>
      </c>
      <c r="D107" s="17">
        <v>79</v>
      </c>
    </row>
    <row r="108" spans="1:4" ht="18" customHeight="1" x14ac:dyDescent="0.2">
      <c r="A108" s="18" t="s">
        <v>66</v>
      </c>
      <c r="B108" s="15">
        <v>189</v>
      </c>
      <c r="C108" s="16">
        <v>290</v>
      </c>
      <c r="D108" s="17">
        <v>479</v>
      </c>
    </row>
    <row r="109" spans="1:4" ht="18" customHeight="1" x14ac:dyDescent="0.2">
      <c r="A109" s="14">
        <v>85</v>
      </c>
      <c r="B109" s="15">
        <v>34</v>
      </c>
      <c r="C109" s="16">
        <v>61</v>
      </c>
      <c r="D109" s="17">
        <v>95</v>
      </c>
    </row>
    <row r="110" spans="1:4" ht="18" customHeight="1" x14ac:dyDescent="0.2">
      <c r="A110" s="14">
        <v>86</v>
      </c>
      <c r="B110" s="15">
        <v>30</v>
      </c>
      <c r="C110" s="16">
        <v>59</v>
      </c>
      <c r="D110" s="17">
        <v>89</v>
      </c>
    </row>
    <row r="111" spans="1:4" ht="18" customHeight="1" x14ac:dyDescent="0.2">
      <c r="A111" s="14">
        <v>87</v>
      </c>
      <c r="B111" s="15">
        <v>24</v>
      </c>
      <c r="C111" s="16">
        <v>47</v>
      </c>
      <c r="D111" s="17">
        <v>71</v>
      </c>
    </row>
    <row r="112" spans="1:4" ht="18" customHeight="1" x14ac:dyDescent="0.2">
      <c r="A112" s="14">
        <v>88</v>
      </c>
      <c r="B112" s="15">
        <v>23</v>
      </c>
      <c r="C112" s="16">
        <v>44</v>
      </c>
      <c r="D112" s="17">
        <v>67</v>
      </c>
    </row>
    <row r="113" spans="1:4" ht="18" customHeight="1" x14ac:dyDescent="0.2">
      <c r="A113" s="14">
        <v>89</v>
      </c>
      <c r="B113" s="15">
        <v>21</v>
      </c>
      <c r="C113" s="16">
        <v>44</v>
      </c>
      <c r="D113" s="17">
        <v>65</v>
      </c>
    </row>
    <row r="114" spans="1:4" ht="18" customHeight="1" x14ac:dyDescent="0.2">
      <c r="A114" s="18" t="s">
        <v>67</v>
      </c>
      <c r="B114" s="15">
        <v>132</v>
      </c>
      <c r="C114" s="16">
        <v>255</v>
      </c>
      <c r="D114" s="17">
        <v>387</v>
      </c>
    </row>
    <row r="115" spans="1:4" ht="18" customHeight="1" x14ac:dyDescent="0.2">
      <c r="A115" s="14">
        <v>90</v>
      </c>
      <c r="B115" s="15">
        <v>11</v>
      </c>
      <c r="C115" s="16">
        <v>29</v>
      </c>
      <c r="D115" s="17">
        <v>40</v>
      </c>
    </row>
    <row r="116" spans="1:4" ht="18" customHeight="1" x14ac:dyDescent="0.2">
      <c r="A116" s="14">
        <v>91</v>
      </c>
      <c r="B116" s="15">
        <v>9</v>
      </c>
      <c r="C116" s="16">
        <v>28</v>
      </c>
      <c r="D116" s="17">
        <v>37</v>
      </c>
    </row>
    <row r="117" spans="1:4" ht="18" customHeight="1" x14ac:dyDescent="0.2">
      <c r="A117" s="14">
        <v>92</v>
      </c>
      <c r="B117" s="15">
        <v>9</v>
      </c>
      <c r="C117" s="16">
        <v>24</v>
      </c>
      <c r="D117" s="17">
        <v>33</v>
      </c>
    </row>
    <row r="118" spans="1:4" ht="18" customHeight="1" x14ac:dyDescent="0.2">
      <c r="A118" s="14">
        <v>93</v>
      </c>
      <c r="B118" s="15">
        <v>5</v>
      </c>
      <c r="C118" s="16">
        <v>27</v>
      </c>
      <c r="D118" s="17">
        <v>32</v>
      </c>
    </row>
    <row r="119" spans="1:4" ht="18" customHeight="1" x14ac:dyDescent="0.2">
      <c r="A119" s="14">
        <v>94</v>
      </c>
      <c r="B119" s="15">
        <v>8</v>
      </c>
      <c r="C119" s="16">
        <v>15</v>
      </c>
      <c r="D119" s="17">
        <v>23</v>
      </c>
    </row>
    <row r="120" spans="1:4" ht="18" customHeight="1" x14ac:dyDescent="0.2">
      <c r="A120" s="18" t="s">
        <v>68</v>
      </c>
      <c r="B120" s="15">
        <v>42</v>
      </c>
      <c r="C120" s="16">
        <v>123</v>
      </c>
      <c r="D120" s="17">
        <v>165</v>
      </c>
    </row>
    <row r="121" spans="1:4" ht="18" customHeight="1" x14ac:dyDescent="0.2">
      <c r="A121" s="14">
        <v>95</v>
      </c>
      <c r="B121" s="15">
        <v>5</v>
      </c>
      <c r="C121" s="16">
        <v>16</v>
      </c>
      <c r="D121" s="17">
        <v>21</v>
      </c>
    </row>
    <row r="122" spans="1:4" ht="18" customHeight="1" x14ac:dyDescent="0.2">
      <c r="A122" s="14">
        <v>96</v>
      </c>
      <c r="B122" s="15">
        <v>2</v>
      </c>
      <c r="C122" s="16">
        <v>14</v>
      </c>
      <c r="D122" s="17">
        <v>16</v>
      </c>
    </row>
    <row r="123" spans="1:4" ht="18" customHeight="1" x14ac:dyDescent="0.2">
      <c r="A123" s="14">
        <v>97</v>
      </c>
      <c r="B123" s="15">
        <v>2</v>
      </c>
      <c r="C123" s="16">
        <v>6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7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10</v>
      </c>
      <c r="C126" s="16">
        <v>50</v>
      </c>
      <c r="D126" s="17">
        <v>60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1</v>
      </c>
      <c r="D128" s="17">
        <v>11</v>
      </c>
    </row>
    <row r="129" spans="1:4" ht="18" customHeight="1" x14ac:dyDescent="0.2">
      <c r="A129" s="18" t="s">
        <v>71</v>
      </c>
      <c r="B129" s="15">
        <v>0</v>
      </c>
      <c r="C129" s="16">
        <v>14</v>
      </c>
      <c r="D129" s="17">
        <v>14</v>
      </c>
    </row>
    <row r="130" spans="1:4" ht="18" customHeight="1" x14ac:dyDescent="0.2">
      <c r="A130" s="18" t="s">
        <v>72</v>
      </c>
      <c r="B130" s="4">
        <v>1280</v>
      </c>
      <c r="C130" s="5">
        <v>1843</v>
      </c>
      <c r="D130" s="6">
        <v>3123</v>
      </c>
    </row>
    <row r="131" spans="1:4" ht="18" customHeight="1" x14ac:dyDescent="0.2">
      <c r="A131" s="20" t="s">
        <v>47</v>
      </c>
      <c r="B131" s="7">
        <v>5120</v>
      </c>
      <c r="C131" s="8">
        <v>5411</v>
      </c>
      <c r="D131" s="9">
        <v>105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0</v>
      </c>
      <c r="C5" s="12">
        <v>36</v>
      </c>
      <c r="D5" s="13">
        <v>76</v>
      </c>
    </row>
    <row r="6" spans="1:4" ht="18" customHeight="1" x14ac:dyDescent="0.2">
      <c r="A6" s="14">
        <v>1</v>
      </c>
      <c r="B6" s="15">
        <v>38</v>
      </c>
      <c r="C6" s="16">
        <v>40</v>
      </c>
      <c r="D6" s="17">
        <v>78</v>
      </c>
    </row>
    <row r="7" spans="1:4" ht="18" customHeight="1" x14ac:dyDescent="0.2">
      <c r="A7" s="14">
        <v>2</v>
      </c>
      <c r="B7" s="15">
        <v>23</v>
      </c>
      <c r="C7" s="16">
        <v>40</v>
      </c>
      <c r="D7" s="17">
        <v>63</v>
      </c>
    </row>
    <row r="8" spans="1:4" ht="18" customHeight="1" x14ac:dyDescent="0.2">
      <c r="A8" s="14">
        <v>3</v>
      </c>
      <c r="B8" s="15">
        <v>38</v>
      </c>
      <c r="C8" s="16">
        <v>35</v>
      </c>
      <c r="D8" s="17">
        <v>73</v>
      </c>
    </row>
    <row r="9" spans="1:4" ht="18" customHeight="1" x14ac:dyDescent="0.2">
      <c r="A9" s="14">
        <v>4</v>
      </c>
      <c r="B9" s="15">
        <v>32</v>
      </c>
      <c r="C9" s="16">
        <v>32</v>
      </c>
      <c r="D9" s="17">
        <v>64</v>
      </c>
    </row>
    <row r="10" spans="1:4" ht="18" customHeight="1" x14ac:dyDescent="0.2">
      <c r="A10" s="18" t="s">
        <v>48</v>
      </c>
      <c r="B10" s="15">
        <v>171</v>
      </c>
      <c r="C10" s="16">
        <v>183</v>
      </c>
      <c r="D10" s="17">
        <v>354</v>
      </c>
    </row>
    <row r="11" spans="1:4" ht="18" customHeight="1" x14ac:dyDescent="0.2">
      <c r="A11" s="14">
        <v>5</v>
      </c>
      <c r="B11" s="15">
        <v>35</v>
      </c>
      <c r="C11" s="16">
        <v>33</v>
      </c>
      <c r="D11" s="17">
        <v>68</v>
      </c>
    </row>
    <row r="12" spans="1:4" ht="18" customHeight="1" x14ac:dyDescent="0.2">
      <c r="A12" s="14">
        <v>6</v>
      </c>
      <c r="B12" s="15">
        <v>26</v>
      </c>
      <c r="C12" s="16">
        <v>31</v>
      </c>
      <c r="D12" s="17">
        <v>57</v>
      </c>
    </row>
    <row r="13" spans="1:4" ht="18" customHeight="1" x14ac:dyDescent="0.2">
      <c r="A13" s="14">
        <v>7</v>
      </c>
      <c r="B13" s="15">
        <v>29</v>
      </c>
      <c r="C13" s="16">
        <v>34</v>
      </c>
      <c r="D13" s="17">
        <v>63</v>
      </c>
    </row>
    <row r="14" spans="1:4" ht="18" customHeight="1" x14ac:dyDescent="0.2">
      <c r="A14" s="14">
        <v>8</v>
      </c>
      <c r="B14" s="15">
        <v>37</v>
      </c>
      <c r="C14" s="16">
        <v>24</v>
      </c>
      <c r="D14" s="17">
        <v>61</v>
      </c>
    </row>
    <row r="15" spans="1:4" ht="18" customHeight="1" x14ac:dyDescent="0.2">
      <c r="A15" s="14">
        <v>9</v>
      </c>
      <c r="B15" s="15">
        <v>38</v>
      </c>
      <c r="C15" s="16">
        <v>33</v>
      </c>
      <c r="D15" s="17">
        <v>71</v>
      </c>
    </row>
    <row r="16" spans="1:4" ht="18" customHeight="1" x14ac:dyDescent="0.2">
      <c r="A16" s="18" t="s">
        <v>49</v>
      </c>
      <c r="B16" s="15">
        <v>165</v>
      </c>
      <c r="C16" s="16">
        <v>155</v>
      </c>
      <c r="D16" s="17">
        <v>320</v>
      </c>
    </row>
    <row r="17" spans="1:4" ht="18" customHeight="1" x14ac:dyDescent="0.2">
      <c r="A17" s="14">
        <v>10</v>
      </c>
      <c r="B17" s="15">
        <v>33</v>
      </c>
      <c r="C17" s="16">
        <v>22</v>
      </c>
      <c r="D17" s="17">
        <v>55</v>
      </c>
    </row>
    <row r="18" spans="1:4" ht="18" customHeight="1" x14ac:dyDescent="0.2">
      <c r="A18" s="14">
        <v>11</v>
      </c>
      <c r="B18" s="15">
        <v>37</v>
      </c>
      <c r="C18" s="16">
        <v>28</v>
      </c>
      <c r="D18" s="17">
        <v>65</v>
      </c>
    </row>
    <row r="19" spans="1:4" ht="18" customHeight="1" x14ac:dyDescent="0.2">
      <c r="A19" s="14">
        <v>12</v>
      </c>
      <c r="B19" s="15">
        <v>29</v>
      </c>
      <c r="C19" s="16">
        <v>21</v>
      </c>
      <c r="D19" s="17">
        <v>50</v>
      </c>
    </row>
    <row r="20" spans="1:4" ht="18" customHeight="1" x14ac:dyDescent="0.2">
      <c r="A20" s="14">
        <v>13</v>
      </c>
      <c r="B20" s="15">
        <v>38</v>
      </c>
      <c r="C20" s="16">
        <v>35</v>
      </c>
      <c r="D20" s="17">
        <v>73</v>
      </c>
    </row>
    <row r="21" spans="1:4" ht="18" customHeight="1" x14ac:dyDescent="0.2">
      <c r="A21" s="14">
        <v>14</v>
      </c>
      <c r="B21" s="15">
        <v>33</v>
      </c>
      <c r="C21" s="16">
        <v>27</v>
      </c>
      <c r="D21" s="17">
        <v>60</v>
      </c>
    </row>
    <row r="22" spans="1:4" ht="18" customHeight="1" x14ac:dyDescent="0.2">
      <c r="A22" s="18" t="s">
        <v>50</v>
      </c>
      <c r="B22" s="15">
        <v>170</v>
      </c>
      <c r="C22" s="16">
        <v>133</v>
      </c>
      <c r="D22" s="17">
        <v>303</v>
      </c>
    </row>
    <row r="23" spans="1:4" ht="18" customHeight="1" x14ac:dyDescent="0.2">
      <c r="A23" s="18" t="s">
        <v>51</v>
      </c>
      <c r="B23" s="15">
        <v>506</v>
      </c>
      <c r="C23" s="16">
        <v>471</v>
      </c>
      <c r="D23" s="17">
        <v>977</v>
      </c>
    </row>
    <row r="24" spans="1:4" ht="18" customHeight="1" x14ac:dyDescent="0.2">
      <c r="A24" s="14">
        <v>15</v>
      </c>
      <c r="B24" s="15">
        <v>24</v>
      </c>
      <c r="C24" s="16">
        <v>36</v>
      </c>
      <c r="D24" s="17">
        <v>60</v>
      </c>
    </row>
    <row r="25" spans="1:4" ht="18" customHeight="1" x14ac:dyDescent="0.2">
      <c r="A25" s="14">
        <v>16</v>
      </c>
      <c r="B25" s="15">
        <v>36</v>
      </c>
      <c r="C25" s="16">
        <v>27</v>
      </c>
      <c r="D25" s="17">
        <v>63</v>
      </c>
    </row>
    <row r="26" spans="1:4" ht="18" customHeight="1" x14ac:dyDescent="0.2">
      <c r="A26" s="14">
        <v>17</v>
      </c>
      <c r="B26" s="15">
        <v>32</v>
      </c>
      <c r="C26" s="16">
        <v>27</v>
      </c>
      <c r="D26" s="17">
        <v>59</v>
      </c>
    </row>
    <row r="27" spans="1:4" ht="18" customHeight="1" x14ac:dyDescent="0.2">
      <c r="A27" s="14">
        <v>18</v>
      </c>
      <c r="B27" s="15">
        <v>34</v>
      </c>
      <c r="C27" s="16">
        <v>30</v>
      </c>
      <c r="D27" s="17">
        <v>64</v>
      </c>
    </row>
    <row r="28" spans="1:4" ht="18" customHeight="1" x14ac:dyDescent="0.2">
      <c r="A28" s="14">
        <v>19</v>
      </c>
      <c r="B28" s="15">
        <v>37</v>
      </c>
      <c r="C28" s="16">
        <v>37</v>
      </c>
      <c r="D28" s="17">
        <v>74</v>
      </c>
    </row>
    <row r="29" spans="1:4" ht="18" customHeight="1" x14ac:dyDescent="0.2">
      <c r="A29" s="18" t="s">
        <v>52</v>
      </c>
      <c r="B29" s="15">
        <v>163</v>
      </c>
      <c r="C29" s="16">
        <v>157</v>
      </c>
      <c r="D29" s="17">
        <v>320</v>
      </c>
    </row>
    <row r="30" spans="1:4" ht="18" customHeight="1" x14ac:dyDescent="0.2">
      <c r="A30" s="14">
        <v>20</v>
      </c>
      <c r="B30" s="15">
        <v>33</v>
      </c>
      <c r="C30" s="16">
        <v>37</v>
      </c>
      <c r="D30" s="17">
        <v>70</v>
      </c>
    </row>
    <row r="31" spans="1:4" ht="18" customHeight="1" x14ac:dyDescent="0.2">
      <c r="A31" s="14">
        <v>21</v>
      </c>
      <c r="B31" s="15">
        <v>32</v>
      </c>
      <c r="C31" s="16">
        <v>45</v>
      </c>
      <c r="D31" s="17">
        <v>77</v>
      </c>
    </row>
    <row r="32" spans="1:4" ht="18" customHeight="1" x14ac:dyDescent="0.2">
      <c r="A32" s="14">
        <v>22</v>
      </c>
      <c r="B32" s="15">
        <v>29</v>
      </c>
      <c r="C32" s="16">
        <v>39</v>
      </c>
      <c r="D32" s="17">
        <v>68</v>
      </c>
    </row>
    <row r="33" spans="1:4" ht="18" customHeight="1" x14ac:dyDescent="0.2">
      <c r="A33" s="14">
        <v>23</v>
      </c>
      <c r="B33" s="15">
        <v>28</v>
      </c>
      <c r="C33" s="16">
        <v>32</v>
      </c>
      <c r="D33" s="17">
        <v>60</v>
      </c>
    </row>
    <row r="34" spans="1:4" ht="18" customHeight="1" x14ac:dyDescent="0.2">
      <c r="A34" s="14">
        <v>24</v>
      </c>
      <c r="B34" s="15">
        <v>37</v>
      </c>
      <c r="C34" s="16">
        <v>38</v>
      </c>
      <c r="D34" s="17">
        <v>75</v>
      </c>
    </row>
    <row r="35" spans="1:4" ht="18" customHeight="1" x14ac:dyDescent="0.2">
      <c r="A35" s="18" t="s">
        <v>53</v>
      </c>
      <c r="B35" s="15">
        <v>159</v>
      </c>
      <c r="C35" s="16">
        <v>191</v>
      </c>
      <c r="D35" s="17">
        <v>350</v>
      </c>
    </row>
    <row r="36" spans="1:4" ht="18" customHeight="1" x14ac:dyDescent="0.2">
      <c r="A36" s="14">
        <v>25</v>
      </c>
      <c r="B36" s="15">
        <v>31</v>
      </c>
      <c r="C36" s="16">
        <v>32</v>
      </c>
      <c r="D36" s="17">
        <v>63</v>
      </c>
    </row>
    <row r="37" spans="1:4" ht="18" customHeight="1" x14ac:dyDescent="0.2">
      <c r="A37" s="14">
        <v>26</v>
      </c>
      <c r="B37" s="15">
        <v>49</v>
      </c>
      <c r="C37" s="16">
        <v>48</v>
      </c>
      <c r="D37" s="17">
        <v>97</v>
      </c>
    </row>
    <row r="38" spans="1:4" ht="18" customHeight="1" x14ac:dyDescent="0.2">
      <c r="A38" s="14">
        <v>27</v>
      </c>
      <c r="B38" s="15">
        <v>35</v>
      </c>
      <c r="C38" s="16">
        <v>44</v>
      </c>
      <c r="D38" s="17">
        <v>79</v>
      </c>
    </row>
    <row r="39" spans="1:4" ht="18" customHeight="1" x14ac:dyDescent="0.2">
      <c r="A39" s="14">
        <v>28</v>
      </c>
      <c r="B39" s="15">
        <v>47</v>
      </c>
      <c r="C39" s="16">
        <v>30</v>
      </c>
      <c r="D39" s="17">
        <v>77</v>
      </c>
    </row>
    <row r="40" spans="1:4" ht="18" customHeight="1" x14ac:dyDescent="0.2">
      <c r="A40" s="14">
        <v>29</v>
      </c>
      <c r="B40" s="15">
        <v>43</v>
      </c>
      <c r="C40" s="16">
        <v>49</v>
      </c>
      <c r="D40" s="17">
        <v>92</v>
      </c>
    </row>
    <row r="41" spans="1:4" ht="18" customHeight="1" x14ac:dyDescent="0.2">
      <c r="A41" s="18" t="s">
        <v>54</v>
      </c>
      <c r="B41" s="15">
        <v>205</v>
      </c>
      <c r="C41" s="16">
        <v>203</v>
      </c>
      <c r="D41" s="17">
        <v>408</v>
      </c>
    </row>
    <row r="42" spans="1:4" ht="18" customHeight="1" x14ac:dyDescent="0.2">
      <c r="A42" s="14">
        <v>30</v>
      </c>
      <c r="B42" s="15">
        <v>39</v>
      </c>
      <c r="C42" s="16">
        <v>45</v>
      </c>
      <c r="D42" s="17">
        <v>84</v>
      </c>
    </row>
    <row r="43" spans="1:4" ht="18" customHeight="1" x14ac:dyDescent="0.2">
      <c r="A43" s="14">
        <v>31</v>
      </c>
      <c r="B43" s="15">
        <v>46</v>
      </c>
      <c r="C43" s="16">
        <v>37</v>
      </c>
      <c r="D43" s="17">
        <v>83</v>
      </c>
    </row>
    <row r="44" spans="1:4" ht="18" customHeight="1" x14ac:dyDescent="0.2">
      <c r="A44" s="14">
        <v>32</v>
      </c>
      <c r="B44" s="15">
        <v>40</v>
      </c>
      <c r="C44" s="16">
        <v>41</v>
      </c>
      <c r="D44" s="17">
        <v>81</v>
      </c>
    </row>
    <row r="45" spans="1:4" ht="18" customHeight="1" x14ac:dyDescent="0.2">
      <c r="A45" s="14">
        <v>33</v>
      </c>
      <c r="B45" s="15">
        <v>67</v>
      </c>
      <c r="C45" s="16">
        <v>48</v>
      </c>
      <c r="D45" s="17">
        <v>115</v>
      </c>
    </row>
    <row r="46" spans="1:4" ht="18" customHeight="1" x14ac:dyDescent="0.2">
      <c r="A46" s="14">
        <v>34</v>
      </c>
      <c r="B46" s="15">
        <v>40</v>
      </c>
      <c r="C46" s="16">
        <v>47</v>
      </c>
      <c r="D46" s="17">
        <v>87</v>
      </c>
    </row>
    <row r="47" spans="1:4" ht="18" customHeight="1" x14ac:dyDescent="0.2">
      <c r="A47" s="18" t="s">
        <v>55</v>
      </c>
      <c r="B47" s="15">
        <v>232</v>
      </c>
      <c r="C47" s="16">
        <v>218</v>
      </c>
      <c r="D47" s="17">
        <v>450</v>
      </c>
    </row>
    <row r="48" spans="1:4" ht="18" customHeight="1" x14ac:dyDescent="0.2">
      <c r="A48" s="14">
        <v>35</v>
      </c>
      <c r="B48" s="15">
        <v>54</v>
      </c>
      <c r="C48" s="16">
        <v>50</v>
      </c>
      <c r="D48" s="17">
        <v>104</v>
      </c>
    </row>
    <row r="49" spans="1:4" ht="18" customHeight="1" x14ac:dyDescent="0.2">
      <c r="A49" s="14">
        <v>36</v>
      </c>
      <c r="B49" s="15">
        <v>49</v>
      </c>
      <c r="C49" s="16">
        <v>35</v>
      </c>
      <c r="D49" s="17">
        <v>84</v>
      </c>
    </row>
    <row r="50" spans="1:4" ht="18" customHeight="1" x14ac:dyDescent="0.2">
      <c r="A50" s="14">
        <v>37</v>
      </c>
      <c r="B50" s="15">
        <v>53</v>
      </c>
      <c r="C50" s="16">
        <v>48</v>
      </c>
      <c r="D50" s="17">
        <v>101</v>
      </c>
    </row>
    <row r="51" spans="1:4" ht="18" customHeight="1" x14ac:dyDescent="0.2">
      <c r="A51" s="14">
        <v>38</v>
      </c>
      <c r="B51" s="15">
        <v>39</v>
      </c>
      <c r="C51" s="16">
        <v>43</v>
      </c>
      <c r="D51" s="17">
        <v>82</v>
      </c>
    </row>
    <row r="52" spans="1:4" ht="18" customHeight="1" x14ac:dyDescent="0.2">
      <c r="A52" s="14">
        <v>39</v>
      </c>
      <c r="B52" s="15">
        <v>48</v>
      </c>
      <c r="C52" s="16">
        <v>43</v>
      </c>
      <c r="D52" s="17">
        <v>91</v>
      </c>
    </row>
    <row r="53" spans="1:4" ht="18" customHeight="1" x14ac:dyDescent="0.2">
      <c r="A53" s="18" t="s">
        <v>56</v>
      </c>
      <c r="B53" s="15">
        <v>243</v>
      </c>
      <c r="C53" s="16">
        <v>219</v>
      </c>
      <c r="D53" s="17">
        <v>462</v>
      </c>
    </row>
    <row r="54" spans="1:4" ht="18" customHeight="1" x14ac:dyDescent="0.2">
      <c r="A54" s="14">
        <v>40</v>
      </c>
      <c r="B54" s="15">
        <v>38</v>
      </c>
      <c r="C54" s="16">
        <v>43</v>
      </c>
      <c r="D54" s="17">
        <v>81</v>
      </c>
    </row>
    <row r="55" spans="1:4" ht="18" customHeight="1" x14ac:dyDescent="0.2">
      <c r="A55" s="14">
        <v>41</v>
      </c>
      <c r="B55" s="15">
        <v>61</v>
      </c>
      <c r="C55" s="16">
        <v>52</v>
      </c>
      <c r="D55" s="17">
        <v>113</v>
      </c>
    </row>
    <row r="56" spans="1:4" ht="18" customHeight="1" x14ac:dyDescent="0.2">
      <c r="A56" s="14">
        <v>42</v>
      </c>
      <c r="B56" s="15">
        <v>56</v>
      </c>
      <c r="C56" s="16">
        <v>51</v>
      </c>
      <c r="D56" s="17">
        <v>107</v>
      </c>
    </row>
    <row r="57" spans="1:4" ht="18" customHeight="1" x14ac:dyDescent="0.2">
      <c r="A57" s="14">
        <v>43</v>
      </c>
      <c r="B57" s="15">
        <v>55</v>
      </c>
      <c r="C57" s="16">
        <v>49</v>
      </c>
      <c r="D57" s="17">
        <v>104</v>
      </c>
    </row>
    <row r="58" spans="1:4" ht="18" customHeight="1" x14ac:dyDescent="0.2">
      <c r="A58" s="14">
        <v>44</v>
      </c>
      <c r="B58" s="15">
        <v>56</v>
      </c>
      <c r="C58" s="16">
        <v>58</v>
      </c>
      <c r="D58" s="17">
        <v>114</v>
      </c>
    </row>
    <row r="59" spans="1:4" ht="18" customHeight="1" x14ac:dyDescent="0.2">
      <c r="A59" s="18" t="s">
        <v>57</v>
      </c>
      <c r="B59" s="15">
        <v>266</v>
      </c>
      <c r="C59" s="16">
        <v>253</v>
      </c>
      <c r="D59" s="17">
        <v>519</v>
      </c>
    </row>
    <row r="60" spans="1:4" ht="18" customHeight="1" x14ac:dyDescent="0.2">
      <c r="A60" s="14">
        <v>45</v>
      </c>
      <c r="B60" s="15">
        <v>58</v>
      </c>
      <c r="C60" s="16">
        <v>43</v>
      </c>
      <c r="D60" s="17">
        <v>101</v>
      </c>
    </row>
    <row r="61" spans="1:4" ht="18" customHeight="1" x14ac:dyDescent="0.2">
      <c r="A61" s="14">
        <v>46</v>
      </c>
      <c r="B61" s="15">
        <v>79</v>
      </c>
      <c r="C61" s="16">
        <v>64</v>
      </c>
      <c r="D61" s="17">
        <v>143</v>
      </c>
    </row>
    <row r="62" spans="1:4" ht="18" customHeight="1" x14ac:dyDescent="0.2">
      <c r="A62" s="14">
        <v>47</v>
      </c>
      <c r="B62" s="15">
        <v>71</v>
      </c>
      <c r="C62" s="16">
        <v>60</v>
      </c>
      <c r="D62" s="17">
        <v>131</v>
      </c>
    </row>
    <row r="63" spans="1:4" ht="18" customHeight="1" x14ac:dyDescent="0.2">
      <c r="A63" s="14">
        <v>48</v>
      </c>
      <c r="B63" s="15">
        <v>53</v>
      </c>
      <c r="C63" s="16">
        <v>46</v>
      </c>
      <c r="D63" s="17">
        <v>99</v>
      </c>
    </row>
    <row r="64" spans="1:4" ht="18" customHeight="1" x14ac:dyDescent="0.2">
      <c r="A64" s="14">
        <v>49</v>
      </c>
      <c r="B64" s="15">
        <v>52</v>
      </c>
      <c r="C64" s="16">
        <v>53</v>
      </c>
      <c r="D64" s="17">
        <v>105</v>
      </c>
    </row>
    <row r="65" spans="1:4" ht="18" customHeight="1" x14ac:dyDescent="0.2">
      <c r="A65" s="18" t="s">
        <v>58</v>
      </c>
      <c r="B65" s="15">
        <v>313</v>
      </c>
      <c r="C65" s="16">
        <v>266</v>
      </c>
      <c r="D65" s="17">
        <v>579</v>
      </c>
    </row>
    <row r="66" spans="1:4" ht="18" customHeight="1" x14ac:dyDescent="0.2">
      <c r="A66" s="14">
        <v>50</v>
      </c>
      <c r="B66" s="15">
        <v>62</v>
      </c>
      <c r="C66" s="16">
        <v>61</v>
      </c>
      <c r="D66" s="17">
        <v>123</v>
      </c>
    </row>
    <row r="67" spans="1:4" ht="18" customHeight="1" x14ac:dyDescent="0.2">
      <c r="A67" s="14">
        <v>51</v>
      </c>
      <c r="B67" s="15">
        <v>50</v>
      </c>
      <c r="C67" s="16">
        <v>57</v>
      </c>
      <c r="D67" s="17">
        <v>107</v>
      </c>
    </row>
    <row r="68" spans="1:4" ht="18" customHeight="1" x14ac:dyDescent="0.2">
      <c r="A68" s="14">
        <v>52</v>
      </c>
      <c r="B68" s="15">
        <v>62</v>
      </c>
      <c r="C68" s="16">
        <v>58</v>
      </c>
      <c r="D68" s="17">
        <v>120</v>
      </c>
    </row>
    <row r="69" spans="1:4" ht="18" customHeight="1" x14ac:dyDescent="0.2">
      <c r="A69" s="14">
        <v>53</v>
      </c>
      <c r="B69" s="15">
        <v>43</v>
      </c>
      <c r="C69" s="16">
        <v>55</v>
      </c>
      <c r="D69" s="17">
        <v>98</v>
      </c>
    </row>
    <row r="70" spans="1:4" ht="18" customHeight="1" x14ac:dyDescent="0.2">
      <c r="A70" s="14">
        <v>54</v>
      </c>
      <c r="B70" s="15">
        <v>66</v>
      </c>
      <c r="C70" s="16">
        <v>58</v>
      </c>
      <c r="D70" s="17">
        <v>124</v>
      </c>
    </row>
    <row r="71" spans="1:4" ht="18" customHeight="1" x14ac:dyDescent="0.2">
      <c r="A71" s="18" t="s">
        <v>59</v>
      </c>
      <c r="B71" s="15">
        <v>283</v>
      </c>
      <c r="C71" s="16">
        <v>289</v>
      </c>
      <c r="D71" s="17">
        <v>572</v>
      </c>
    </row>
    <row r="72" spans="1:4" ht="18" customHeight="1" x14ac:dyDescent="0.2">
      <c r="A72" s="14">
        <v>55</v>
      </c>
      <c r="B72" s="15">
        <v>60</v>
      </c>
      <c r="C72" s="16">
        <v>64</v>
      </c>
      <c r="D72" s="17">
        <v>124</v>
      </c>
    </row>
    <row r="73" spans="1:4" ht="18" customHeight="1" x14ac:dyDescent="0.2">
      <c r="A73" s="14">
        <v>56</v>
      </c>
      <c r="B73" s="15">
        <v>51</v>
      </c>
      <c r="C73" s="16">
        <v>55</v>
      </c>
      <c r="D73" s="17">
        <v>106</v>
      </c>
    </row>
    <row r="74" spans="1:4" ht="18" customHeight="1" x14ac:dyDescent="0.2">
      <c r="A74" s="14">
        <v>57</v>
      </c>
      <c r="B74" s="15">
        <v>41</v>
      </c>
      <c r="C74" s="16">
        <v>57</v>
      </c>
      <c r="D74" s="17">
        <v>98</v>
      </c>
    </row>
    <row r="75" spans="1:4" ht="18" customHeight="1" x14ac:dyDescent="0.2">
      <c r="A75" s="14">
        <v>58</v>
      </c>
      <c r="B75" s="15">
        <v>46</v>
      </c>
      <c r="C75" s="16">
        <v>42</v>
      </c>
      <c r="D75" s="17">
        <v>88</v>
      </c>
    </row>
    <row r="76" spans="1:4" ht="18" customHeight="1" x14ac:dyDescent="0.2">
      <c r="A76" s="14">
        <v>59</v>
      </c>
      <c r="B76" s="15">
        <v>53</v>
      </c>
      <c r="C76" s="16">
        <v>42</v>
      </c>
      <c r="D76" s="17">
        <v>95</v>
      </c>
    </row>
    <row r="77" spans="1:4" ht="18" customHeight="1" x14ac:dyDescent="0.2">
      <c r="A77" s="18" t="s">
        <v>60</v>
      </c>
      <c r="B77" s="15">
        <v>251</v>
      </c>
      <c r="C77" s="16">
        <v>260</v>
      </c>
      <c r="D77" s="17">
        <v>511</v>
      </c>
    </row>
    <row r="78" spans="1:4" ht="18" customHeight="1" x14ac:dyDescent="0.2">
      <c r="A78" s="14">
        <v>60</v>
      </c>
      <c r="B78" s="15">
        <v>60</v>
      </c>
      <c r="C78" s="16">
        <v>45</v>
      </c>
      <c r="D78" s="17">
        <v>105</v>
      </c>
    </row>
    <row r="79" spans="1:4" ht="18" customHeight="1" x14ac:dyDescent="0.2">
      <c r="A79" s="14">
        <v>61</v>
      </c>
      <c r="B79" s="15">
        <v>56</v>
      </c>
      <c r="C79" s="16">
        <v>42</v>
      </c>
      <c r="D79" s="17">
        <v>98</v>
      </c>
    </row>
    <row r="80" spans="1:4" ht="18" customHeight="1" x14ac:dyDescent="0.2">
      <c r="A80" s="14">
        <v>62</v>
      </c>
      <c r="B80" s="15">
        <v>33</v>
      </c>
      <c r="C80" s="16">
        <v>28</v>
      </c>
      <c r="D80" s="17">
        <v>61</v>
      </c>
    </row>
    <row r="81" spans="1:4" ht="18" customHeight="1" x14ac:dyDescent="0.2">
      <c r="A81" s="14">
        <v>63</v>
      </c>
      <c r="B81" s="15">
        <v>45</v>
      </c>
      <c r="C81" s="16">
        <v>46</v>
      </c>
      <c r="D81" s="17">
        <v>91</v>
      </c>
    </row>
    <row r="82" spans="1:4" ht="18" customHeight="1" x14ac:dyDescent="0.2">
      <c r="A82" s="14">
        <v>64</v>
      </c>
      <c r="B82" s="15">
        <v>39</v>
      </c>
      <c r="C82" s="16">
        <v>52</v>
      </c>
      <c r="D82" s="17">
        <v>91</v>
      </c>
    </row>
    <row r="83" spans="1:4" ht="18" customHeight="1" x14ac:dyDescent="0.2">
      <c r="A83" s="18" t="s">
        <v>61</v>
      </c>
      <c r="B83" s="15">
        <v>233</v>
      </c>
      <c r="C83" s="16">
        <v>213</v>
      </c>
      <c r="D83" s="17">
        <v>446</v>
      </c>
    </row>
    <row r="84" spans="1:4" ht="18" customHeight="1" x14ac:dyDescent="0.2">
      <c r="A84" s="18" t="s">
        <v>62</v>
      </c>
      <c r="B84" s="15">
        <v>2348</v>
      </c>
      <c r="C84" s="16">
        <v>2269</v>
      </c>
      <c r="D84" s="17">
        <v>4617</v>
      </c>
    </row>
    <row r="85" spans="1:4" ht="18" customHeight="1" x14ac:dyDescent="0.2">
      <c r="A85" s="14">
        <v>65</v>
      </c>
      <c r="B85" s="15">
        <v>47</v>
      </c>
      <c r="C85" s="16">
        <v>46</v>
      </c>
      <c r="D85" s="17">
        <v>93</v>
      </c>
    </row>
    <row r="86" spans="1:4" ht="18" customHeight="1" x14ac:dyDescent="0.2">
      <c r="A86" s="14">
        <v>66</v>
      </c>
      <c r="B86" s="15">
        <v>47</v>
      </c>
      <c r="C86" s="16">
        <v>51</v>
      </c>
      <c r="D86" s="17">
        <v>98</v>
      </c>
    </row>
    <row r="87" spans="1:4" ht="18" customHeight="1" x14ac:dyDescent="0.2">
      <c r="A87" s="14">
        <v>67</v>
      </c>
      <c r="B87" s="15">
        <v>34</v>
      </c>
      <c r="C87" s="16">
        <v>60</v>
      </c>
      <c r="D87" s="17">
        <v>94</v>
      </c>
    </row>
    <row r="88" spans="1:4" ht="18" customHeight="1" x14ac:dyDescent="0.2">
      <c r="A88" s="14">
        <v>68</v>
      </c>
      <c r="B88" s="15">
        <v>42</v>
      </c>
      <c r="C88" s="16">
        <v>58</v>
      </c>
      <c r="D88" s="17">
        <v>100</v>
      </c>
    </row>
    <row r="89" spans="1:4" ht="18" customHeight="1" x14ac:dyDescent="0.2">
      <c r="A89" s="14">
        <v>69</v>
      </c>
      <c r="B89" s="15">
        <v>60</v>
      </c>
      <c r="C89" s="16">
        <v>59</v>
      </c>
      <c r="D89" s="17">
        <v>119</v>
      </c>
    </row>
    <row r="90" spans="1:4" ht="18" customHeight="1" x14ac:dyDescent="0.2">
      <c r="A90" s="18" t="s">
        <v>63</v>
      </c>
      <c r="B90" s="15">
        <v>230</v>
      </c>
      <c r="C90" s="16">
        <v>274</v>
      </c>
      <c r="D90" s="17">
        <v>504</v>
      </c>
    </row>
    <row r="91" spans="1:4" ht="18" customHeight="1" x14ac:dyDescent="0.2">
      <c r="A91" s="14">
        <v>70</v>
      </c>
      <c r="B91" s="15">
        <v>76</v>
      </c>
      <c r="C91" s="16">
        <v>76</v>
      </c>
      <c r="D91" s="17">
        <v>152</v>
      </c>
    </row>
    <row r="92" spans="1:4" ht="18" customHeight="1" x14ac:dyDescent="0.2">
      <c r="A92" s="14">
        <v>71</v>
      </c>
      <c r="B92" s="15">
        <v>59</v>
      </c>
      <c r="C92" s="16">
        <v>83</v>
      </c>
      <c r="D92" s="17">
        <v>142</v>
      </c>
    </row>
    <row r="93" spans="1:4" ht="18" customHeight="1" x14ac:dyDescent="0.2">
      <c r="A93" s="14">
        <v>72</v>
      </c>
      <c r="B93" s="15">
        <v>71</v>
      </c>
      <c r="C93" s="16">
        <v>87</v>
      </c>
      <c r="D93" s="17">
        <v>158</v>
      </c>
    </row>
    <row r="94" spans="1:4" ht="18" customHeight="1" x14ac:dyDescent="0.2">
      <c r="A94" s="14">
        <v>73</v>
      </c>
      <c r="B94" s="15">
        <v>33</v>
      </c>
      <c r="C94" s="16">
        <v>49</v>
      </c>
      <c r="D94" s="17">
        <v>82</v>
      </c>
    </row>
    <row r="95" spans="1:4" ht="18" customHeight="1" x14ac:dyDescent="0.2">
      <c r="A95" s="14">
        <v>74</v>
      </c>
      <c r="B95" s="15">
        <v>32</v>
      </c>
      <c r="C95" s="16">
        <v>51</v>
      </c>
      <c r="D95" s="17">
        <v>83</v>
      </c>
    </row>
    <row r="96" spans="1:4" ht="18" customHeight="1" x14ac:dyDescent="0.2">
      <c r="A96" s="18" t="s">
        <v>64</v>
      </c>
      <c r="B96" s="15">
        <v>271</v>
      </c>
      <c r="C96" s="16">
        <v>346</v>
      </c>
      <c r="D96" s="17">
        <v>617</v>
      </c>
    </row>
    <row r="97" spans="1:4" ht="18" customHeight="1" x14ac:dyDescent="0.2">
      <c r="A97" s="14">
        <v>75</v>
      </c>
      <c r="B97" s="15">
        <v>57</v>
      </c>
      <c r="C97" s="16">
        <v>78</v>
      </c>
      <c r="D97" s="17">
        <v>135</v>
      </c>
    </row>
    <row r="98" spans="1:4" ht="18" customHeight="1" x14ac:dyDescent="0.2">
      <c r="A98" s="14">
        <v>76</v>
      </c>
      <c r="B98" s="15">
        <v>50</v>
      </c>
      <c r="C98" s="16">
        <v>61</v>
      </c>
      <c r="D98" s="17">
        <v>111</v>
      </c>
    </row>
    <row r="99" spans="1:4" ht="18" customHeight="1" x14ac:dyDescent="0.2">
      <c r="A99" s="14">
        <v>77</v>
      </c>
      <c r="B99" s="15">
        <v>51</v>
      </c>
      <c r="C99" s="16">
        <v>72</v>
      </c>
      <c r="D99" s="17">
        <v>123</v>
      </c>
    </row>
    <row r="100" spans="1:4" ht="18" customHeight="1" x14ac:dyDescent="0.2">
      <c r="A100" s="14">
        <v>78</v>
      </c>
      <c r="B100" s="15">
        <v>49</v>
      </c>
      <c r="C100" s="16">
        <v>72</v>
      </c>
      <c r="D100" s="17">
        <v>121</v>
      </c>
    </row>
    <row r="101" spans="1:4" ht="18" customHeight="1" x14ac:dyDescent="0.2">
      <c r="A101" s="14">
        <v>79</v>
      </c>
      <c r="B101" s="15">
        <v>42</v>
      </c>
      <c r="C101" s="16">
        <v>59</v>
      </c>
      <c r="D101" s="17">
        <v>101</v>
      </c>
    </row>
    <row r="102" spans="1:4" ht="18" customHeight="1" x14ac:dyDescent="0.2">
      <c r="A102" s="18" t="s">
        <v>65</v>
      </c>
      <c r="B102" s="15">
        <v>249</v>
      </c>
      <c r="C102" s="16">
        <v>342</v>
      </c>
      <c r="D102" s="17">
        <v>591</v>
      </c>
    </row>
    <row r="103" spans="1:4" ht="18" customHeight="1" x14ac:dyDescent="0.2">
      <c r="A103" s="14">
        <v>80</v>
      </c>
      <c r="B103" s="15">
        <v>36</v>
      </c>
      <c r="C103" s="16">
        <v>43</v>
      </c>
      <c r="D103" s="17">
        <v>79</v>
      </c>
    </row>
    <row r="104" spans="1:4" ht="18" customHeight="1" x14ac:dyDescent="0.2">
      <c r="A104" s="14">
        <v>81</v>
      </c>
      <c r="B104" s="15">
        <v>41</v>
      </c>
      <c r="C104" s="16">
        <v>51</v>
      </c>
      <c r="D104" s="17">
        <v>92</v>
      </c>
    </row>
    <row r="105" spans="1:4" ht="18" customHeight="1" x14ac:dyDescent="0.2">
      <c r="A105" s="14">
        <v>82</v>
      </c>
      <c r="B105" s="15">
        <v>33</v>
      </c>
      <c r="C105" s="16">
        <v>60</v>
      </c>
      <c r="D105" s="17">
        <v>93</v>
      </c>
    </row>
    <row r="106" spans="1:4" ht="18" customHeight="1" x14ac:dyDescent="0.2">
      <c r="A106" s="14">
        <v>83</v>
      </c>
      <c r="B106" s="15">
        <v>41</v>
      </c>
      <c r="C106" s="16">
        <v>53</v>
      </c>
      <c r="D106" s="17">
        <v>94</v>
      </c>
    </row>
    <row r="107" spans="1:4" ht="18" customHeight="1" x14ac:dyDescent="0.2">
      <c r="A107" s="14">
        <v>84</v>
      </c>
      <c r="B107" s="15">
        <v>25</v>
      </c>
      <c r="C107" s="16">
        <v>33</v>
      </c>
      <c r="D107" s="17">
        <v>58</v>
      </c>
    </row>
    <row r="108" spans="1:4" ht="18" customHeight="1" x14ac:dyDescent="0.2">
      <c r="A108" s="18" t="s">
        <v>66</v>
      </c>
      <c r="B108" s="15">
        <v>176</v>
      </c>
      <c r="C108" s="16">
        <v>240</v>
      </c>
      <c r="D108" s="17">
        <v>416</v>
      </c>
    </row>
    <row r="109" spans="1:4" ht="18" customHeight="1" x14ac:dyDescent="0.2">
      <c r="A109" s="14">
        <v>85</v>
      </c>
      <c r="B109" s="15">
        <v>34</v>
      </c>
      <c r="C109" s="16">
        <v>40</v>
      </c>
      <c r="D109" s="17">
        <v>74</v>
      </c>
    </row>
    <row r="110" spans="1:4" ht="18" customHeight="1" x14ac:dyDescent="0.2">
      <c r="A110" s="14">
        <v>86</v>
      </c>
      <c r="B110" s="15">
        <v>18</v>
      </c>
      <c r="C110" s="16">
        <v>48</v>
      </c>
      <c r="D110" s="17">
        <v>66</v>
      </c>
    </row>
    <row r="111" spans="1:4" ht="18" customHeight="1" x14ac:dyDescent="0.2">
      <c r="A111" s="14">
        <v>87</v>
      </c>
      <c r="B111" s="15">
        <v>13</v>
      </c>
      <c r="C111" s="16">
        <v>40</v>
      </c>
      <c r="D111" s="17">
        <v>53</v>
      </c>
    </row>
    <row r="112" spans="1:4" ht="18" customHeight="1" x14ac:dyDescent="0.2">
      <c r="A112" s="14">
        <v>88</v>
      </c>
      <c r="B112" s="15">
        <v>22</v>
      </c>
      <c r="C112" s="16">
        <v>39</v>
      </c>
      <c r="D112" s="17">
        <v>61</v>
      </c>
    </row>
    <row r="113" spans="1:4" ht="18" customHeight="1" x14ac:dyDescent="0.2">
      <c r="A113" s="14">
        <v>89</v>
      </c>
      <c r="B113" s="15">
        <v>14</v>
      </c>
      <c r="C113" s="16">
        <v>37</v>
      </c>
      <c r="D113" s="17">
        <v>51</v>
      </c>
    </row>
    <row r="114" spans="1:4" ht="18" customHeight="1" x14ac:dyDescent="0.2">
      <c r="A114" s="18" t="s">
        <v>67</v>
      </c>
      <c r="B114" s="15">
        <v>101</v>
      </c>
      <c r="C114" s="16">
        <v>204</v>
      </c>
      <c r="D114" s="17">
        <v>305</v>
      </c>
    </row>
    <row r="115" spans="1:4" ht="18" customHeight="1" x14ac:dyDescent="0.2">
      <c r="A115" s="14">
        <v>90</v>
      </c>
      <c r="B115" s="15">
        <v>10</v>
      </c>
      <c r="C115" s="16">
        <v>32</v>
      </c>
      <c r="D115" s="17">
        <v>42</v>
      </c>
    </row>
    <row r="116" spans="1:4" ht="18" customHeight="1" x14ac:dyDescent="0.2">
      <c r="A116" s="14">
        <v>91</v>
      </c>
      <c r="B116" s="15">
        <v>8</v>
      </c>
      <c r="C116" s="16">
        <v>18</v>
      </c>
      <c r="D116" s="17">
        <v>26</v>
      </c>
    </row>
    <row r="117" spans="1:4" ht="18" customHeight="1" x14ac:dyDescent="0.2">
      <c r="A117" s="14">
        <v>92</v>
      </c>
      <c r="B117" s="15">
        <v>6</v>
      </c>
      <c r="C117" s="16">
        <v>19</v>
      </c>
      <c r="D117" s="17">
        <v>25</v>
      </c>
    </row>
    <row r="118" spans="1:4" ht="18" customHeight="1" x14ac:dyDescent="0.2">
      <c r="A118" s="14">
        <v>93</v>
      </c>
      <c r="B118" s="15">
        <v>10</v>
      </c>
      <c r="C118" s="16">
        <v>19</v>
      </c>
      <c r="D118" s="17">
        <v>29</v>
      </c>
    </row>
    <row r="119" spans="1:4" ht="18" customHeight="1" x14ac:dyDescent="0.2">
      <c r="A119" s="14">
        <v>94</v>
      </c>
      <c r="B119" s="15">
        <v>2</v>
      </c>
      <c r="C119" s="16">
        <v>14</v>
      </c>
      <c r="D119" s="17">
        <v>16</v>
      </c>
    </row>
    <row r="120" spans="1:4" ht="18" customHeight="1" x14ac:dyDescent="0.2">
      <c r="A120" s="18" t="s">
        <v>68</v>
      </c>
      <c r="B120" s="15">
        <v>36</v>
      </c>
      <c r="C120" s="16">
        <v>102</v>
      </c>
      <c r="D120" s="17">
        <v>138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10</v>
      </c>
      <c r="D123" s="17">
        <v>10</v>
      </c>
    </row>
    <row r="124" spans="1:4" ht="18" customHeight="1" x14ac:dyDescent="0.2">
      <c r="A124" s="14">
        <v>98</v>
      </c>
      <c r="B124" s="15">
        <v>2</v>
      </c>
      <c r="C124" s="16">
        <v>4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35</v>
      </c>
      <c r="D126" s="17">
        <v>38</v>
      </c>
    </row>
    <row r="127" spans="1:4" ht="18" customHeight="1" x14ac:dyDescent="0.2">
      <c r="A127" s="14">
        <v>100</v>
      </c>
      <c r="B127" s="15">
        <v>0</v>
      </c>
      <c r="C127" s="16">
        <v>6</v>
      </c>
      <c r="D127" s="17">
        <v>6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8</v>
      </c>
      <c r="D129" s="17">
        <v>8</v>
      </c>
    </row>
    <row r="130" spans="1:4" ht="18" customHeight="1" x14ac:dyDescent="0.2">
      <c r="A130" s="18" t="s">
        <v>72</v>
      </c>
      <c r="B130" s="4">
        <v>1066</v>
      </c>
      <c r="C130" s="5">
        <v>1551</v>
      </c>
      <c r="D130" s="6">
        <v>2617</v>
      </c>
    </row>
    <row r="131" spans="1:4" ht="18" customHeight="1" x14ac:dyDescent="0.2">
      <c r="A131" s="20" t="s">
        <v>47</v>
      </c>
      <c r="B131" s="7">
        <v>3920</v>
      </c>
      <c r="C131" s="8">
        <v>4291</v>
      </c>
      <c r="D131" s="9">
        <v>82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1</v>
      </c>
      <c r="C5" s="12">
        <v>26</v>
      </c>
      <c r="D5" s="13">
        <v>47</v>
      </c>
    </row>
    <row r="6" spans="1:4" ht="18" customHeight="1" x14ac:dyDescent="0.2">
      <c r="A6" s="14">
        <v>1</v>
      </c>
      <c r="B6" s="15">
        <v>14</v>
      </c>
      <c r="C6" s="16">
        <v>30</v>
      </c>
      <c r="D6" s="17">
        <v>44</v>
      </c>
    </row>
    <row r="7" spans="1:4" ht="18" customHeight="1" x14ac:dyDescent="0.2">
      <c r="A7" s="14">
        <v>2</v>
      </c>
      <c r="B7" s="15">
        <v>24</v>
      </c>
      <c r="C7" s="16">
        <v>25</v>
      </c>
      <c r="D7" s="17">
        <v>49</v>
      </c>
    </row>
    <row r="8" spans="1:4" ht="18" customHeight="1" x14ac:dyDescent="0.2">
      <c r="A8" s="14">
        <v>3</v>
      </c>
      <c r="B8" s="15">
        <v>24</v>
      </c>
      <c r="C8" s="16">
        <v>27</v>
      </c>
      <c r="D8" s="17">
        <v>51</v>
      </c>
    </row>
    <row r="9" spans="1:4" ht="18" customHeight="1" x14ac:dyDescent="0.2">
      <c r="A9" s="14">
        <v>4</v>
      </c>
      <c r="B9" s="15">
        <v>38</v>
      </c>
      <c r="C9" s="16">
        <v>30</v>
      </c>
      <c r="D9" s="17">
        <v>68</v>
      </c>
    </row>
    <row r="10" spans="1:4" ht="18" customHeight="1" x14ac:dyDescent="0.2">
      <c r="A10" s="18" t="s">
        <v>48</v>
      </c>
      <c r="B10" s="15">
        <v>121</v>
      </c>
      <c r="C10" s="16">
        <v>138</v>
      </c>
      <c r="D10" s="17">
        <v>259</v>
      </c>
    </row>
    <row r="11" spans="1:4" ht="18" customHeight="1" x14ac:dyDescent="0.2">
      <c r="A11" s="14">
        <v>5</v>
      </c>
      <c r="B11" s="15">
        <v>21</v>
      </c>
      <c r="C11" s="16">
        <v>23</v>
      </c>
      <c r="D11" s="17">
        <v>44</v>
      </c>
    </row>
    <row r="12" spans="1:4" ht="18" customHeight="1" x14ac:dyDescent="0.2">
      <c r="A12" s="14">
        <v>6</v>
      </c>
      <c r="B12" s="15">
        <v>21</v>
      </c>
      <c r="C12" s="16">
        <v>16</v>
      </c>
      <c r="D12" s="17">
        <v>37</v>
      </c>
    </row>
    <row r="13" spans="1:4" ht="18" customHeight="1" x14ac:dyDescent="0.2">
      <c r="A13" s="14">
        <v>7</v>
      </c>
      <c r="B13" s="15">
        <v>23</v>
      </c>
      <c r="C13" s="16">
        <v>24</v>
      </c>
      <c r="D13" s="17">
        <v>47</v>
      </c>
    </row>
    <row r="14" spans="1:4" ht="18" customHeight="1" x14ac:dyDescent="0.2">
      <c r="A14" s="14">
        <v>8</v>
      </c>
      <c r="B14" s="15">
        <v>23</v>
      </c>
      <c r="C14" s="16">
        <v>24</v>
      </c>
      <c r="D14" s="17">
        <v>47</v>
      </c>
    </row>
    <row r="15" spans="1:4" ht="18" customHeight="1" x14ac:dyDescent="0.2">
      <c r="A15" s="14">
        <v>9</v>
      </c>
      <c r="B15" s="15">
        <v>31</v>
      </c>
      <c r="C15" s="16">
        <v>20</v>
      </c>
      <c r="D15" s="17">
        <v>51</v>
      </c>
    </row>
    <row r="16" spans="1:4" ht="18" customHeight="1" x14ac:dyDescent="0.2">
      <c r="A16" s="18" t="s">
        <v>49</v>
      </c>
      <c r="B16" s="15">
        <v>119</v>
      </c>
      <c r="C16" s="16">
        <v>107</v>
      </c>
      <c r="D16" s="17">
        <v>226</v>
      </c>
    </row>
    <row r="17" spans="1:4" ht="18" customHeight="1" x14ac:dyDescent="0.2">
      <c r="A17" s="14">
        <v>10</v>
      </c>
      <c r="B17" s="15">
        <v>23</v>
      </c>
      <c r="C17" s="16">
        <v>25</v>
      </c>
      <c r="D17" s="17">
        <v>48</v>
      </c>
    </row>
    <row r="18" spans="1:4" ht="18" customHeight="1" x14ac:dyDescent="0.2">
      <c r="A18" s="14">
        <v>11</v>
      </c>
      <c r="B18" s="15">
        <v>28</v>
      </c>
      <c r="C18" s="16">
        <v>31</v>
      </c>
      <c r="D18" s="17">
        <v>59</v>
      </c>
    </row>
    <row r="19" spans="1:4" ht="18" customHeight="1" x14ac:dyDescent="0.2">
      <c r="A19" s="14">
        <v>12</v>
      </c>
      <c r="B19" s="15">
        <v>25</v>
      </c>
      <c r="C19" s="16">
        <v>17</v>
      </c>
      <c r="D19" s="17">
        <v>42</v>
      </c>
    </row>
    <row r="20" spans="1:4" ht="18" customHeight="1" x14ac:dyDescent="0.2">
      <c r="A20" s="14">
        <v>13</v>
      </c>
      <c r="B20" s="15">
        <v>35</v>
      </c>
      <c r="C20" s="16">
        <v>30</v>
      </c>
      <c r="D20" s="17">
        <v>65</v>
      </c>
    </row>
    <row r="21" spans="1:4" ht="18" customHeight="1" x14ac:dyDescent="0.2">
      <c r="A21" s="14">
        <v>14</v>
      </c>
      <c r="B21" s="15">
        <v>32</v>
      </c>
      <c r="C21" s="16">
        <v>26</v>
      </c>
      <c r="D21" s="17">
        <v>58</v>
      </c>
    </row>
    <row r="22" spans="1:4" ht="18" customHeight="1" x14ac:dyDescent="0.2">
      <c r="A22" s="18" t="s">
        <v>50</v>
      </c>
      <c r="B22" s="15">
        <v>143</v>
      </c>
      <c r="C22" s="16">
        <v>129</v>
      </c>
      <c r="D22" s="17">
        <v>272</v>
      </c>
    </row>
    <row r="23" spans="1:4" ht="18" customHeight="1" x14ac:dyDescent="0.2">
      <c r="A23" s="18" t="s">
        <v>51</v>
      </c>
      <c r="B23" s="15">
        <v>383</v>
      </c>
      <c r="C23" s="16">
        <v>374</v>
      </c>
      <c r="D23" s="17">
        <v>757</v>
      </c>
    </row>
    <row r="24" spans="1:4" ht="18" customHeight="1" x14ac:dyDescent="0.2">
      <c r="A24" s="14">
        <v>15</v>
      </c>
      <c r="B24" s="15">
        <v>27</v>
      </c>
      <c r="C24" s="16">
        <v>24</v>
      </c>
      <c r="D24" s="17">
        <v>51</v>
      </c>
    </row>
    <row r="25" spans="1:4" ht="18" customHeight="1" x14ac:dyDescent="0.2">
      <c r="A25" s="14">
        <v>16</v>
      </c>
      <c r="B25" s="15">
        <v>33</v>
      </c>
      <c r="C25" s="16">
        <v>25</v>
      </c>
      <c r="D25" s="17">
        <v>58</v>
      </c>
    </row>
    <row r="26" spans="1:4" ht="18" customHeight="1" x14ac:dyDescent="0.2">
      <c r="A26" s="14">
        <v>17</v>
      </c>
      <c r="B26" s="15">
        <v>31</v>
      </c>
      <c r="C26" s="16">
        <v>30</v>
      </c>
      <c r="D26" s="17">
        <v>61</v>
      </c>
    </row>
    <row r="27" spans="1:4" ht="18" customHeight="1" x14ac:dyDescent="0.2">
      <c r="A27" s="14">
        <v>18</v>
      </c>
      <c r="B27" s="15">
        <v>28</v>
      </c>
      <c r="C27" s="16">
        <v>35</v>
      </c>
      <c r="D27" s="17">
        <v>63</v>
      </c>
    </row>
    <row r="28" spans="1:4" ht="18" customHeight="1" x14ac:dyDescent="0.2">
      <c r="A28" s="14">
        <v>19</v>
      </c>
      <c r="B28" s="15">
        <v>43</v>
      </c>
      <c r="C28" s="16">
        <v>31</v>
      </c>
      <c r="D28" s="17">
        <v>74</v>
      </c>
    </row>
    <row r="29" spans="1:4" ht="18" customHeight="1" x14ac:dyDescent="0.2">
      <c r="A29" s="18" t="s">
        <v>52</v>
      </c>
      <c r="B29" s="15">
        <v>162</v>
      </c>
      <c r="C29" s="16">
        <v>145</v>
      </c>
      <c r="D29" s="17">
        <v>307</v>
      </c>
    </row>
    <row r="30" spans="1:4" ht="18" customHeight="1" x14ac:dyDescent="0.2">
      <c r="A30" s="14">
        <v>20</v>
      </c>
      <c r="B30" s="15">
        <v>40</v>
      </c>
      <c r="C30" s="16">
        <v>24</v>
      </c>
      <c r="D30" s="17">
        <v>64</v>
      </c>
    </row>
    <row r="31" spans="1:4" ht="18" customHeight="1" x14ac:dyDescent="0.2">
      <c r="A31" s="14">
        <v>21</v>
      </c>
      <c r="B31" s="15">
        <v>42</v>
      </c>
      <c r="C31" s="16">
        <v>28</v>
      </c>
      <c r="D31" s="17">
        <v>70</v>
      </c>
    </row>
    <row r="32" spans="1:4" ht="18" customHeight="1" x14ac:dyDescent="0.2">
      <c r="A32" s="14">
        <v>22</v>
      </c>
      <c r="B32" s="15">
        <v>33</v>
      </c>
      <c r="C32" s="16">
        <v>30</v>
      </c>
      <c r="D32" s="17">
        <v>63</v>
      </c>
    </row>
    <row r="33" spans="1:4" ht="18" customHeight="1" x14ac:dyDescent="0.2">
      <c r="A33" s="14">
        <v>23</v>
      </c>
      <c r="B33" s="15">
        <v>22</v>
      </c>
      <c r="C33" s="16">
        <v>27</v>
      </c>
      <c r="D33" s="17">
        <v>49</v>
      </c>
    </row>
    <row r="34" spans="1:4" ht="18" customHeight="1" x14ac:dyDescent="0.2">
      <c r="A34" s="14">
        <v>24</v>
      </c>
      <c r="B34" s="15">
        <v>29</v>
      </c>
      <c r="C34" s="16">
        <v>24</v>
      </c>
      <c r="D34" s="17">
        <v>53</v>
      </c>
    </row>
    <row r="35" spans="1:4" ht="18" customHeight="1" x14ac:dyDescent="0.2">
      <c r="A35" s="18" t="s">
        <v>53</v>
      </c>
      <c r="B35" s="15">
        <v>166</v>
      </c>
      <c r="C35" s="16">
        <v>133</v>
      </c>
      <c r="D35" s="17">
        <v>299</v>
      </c>
    </row>
    <row r="36" spans="1:4" ht="18" customHeight="1" x14ac:dyDescent="0.2">
      <c r="A36" s="14">
        <v>25</v>
      </c>
      <c r="B36" s="15">
        <v>17</v>
      </c>
      <c r="C36" s="16">
        <v>24</v>
      </c>
      <c r="D36" s="17">
        <v>41</v>
      </c>
    </row>
    <row r="37" spans="1:4" ht="18" customHeight="1" x14ac:dyDescent="0.2">
      <c r="A37" s="14">
        <v>26</v>
      </c>
      <c r="B37" s="15">
        <v>20</v>
      </c>
      <c r="C37" s="16">
        <v>22</v>
      </c>
      <c r="D37" s="17">
        <v>42</v>
      </c>
    </row>
    <row r="38" spans="1:4" ht="18" customHeight="1" x14ac:dyDescent="0.2">
      <c r="A38" s="14">
        <v>27</v>
      </c>
      <c r="B38" s="15">
        <v>22</v>
      </c>
      <c r="C38" s="16">
        <v>21</v>
      </c>
      <c r="D38" s="17">
        <v>43</v>
      </c>
    </row>
    <row r="39" spans="1:4" ht="18" customHeight="1" x14ac:dyDescent="0.2">
      <c r="A39" s="14">
        <v>28</v>
      </c>
      <c r="B39" s="15">
        <v>24</v>
      </c>
      <c r="C39" s="16">
        <v>24</v>
      </c>
      <c r="D39" s="17">
        <v>48</v>
      </c>
    </row>
    <row r="40" spans="1:4" ht="18" customHeight="1" x14ac:dyDescent="0.2">
      <c r="A40" s="14">
        <v>29</v>
      </c>
      <c r="B40" s="15">
        <v>42</v>
      </c>
      <c r="C40" s="16">
        <v>29</v>
      </c>
      <c r="D40" s="17">
        <v>71</v>
      </c>
    </row>
    <row r="41" spans="1:4" ht="18" customHeight="1" x14ac:dyDescent="0.2">
      <c r="A41" s="18" t="s">
        <v>54</v>
      </c>
      <c r="B41" s="15">
        <v>125</v>
      </c>
      <c r="C41" s="16">
        <v>120</v>
      </c>
      <c r="D41" s="17">
        <v>245</v>
      </c>
    </row>
    <row r="42" spans="1:4" ht="18" customHeight="1" x14ac:dyDescent="0.2">
      <c r="A42" s="14">
        <v>30</v>
      </c>
      <c r="B42" s="15">
        <v>19</v>
      </c>
      <c r="C42" s="16">
        <v>27</v>
      </c>
      <c r="D42" s="17">
        <v>46</v>
      </c>
    </row>
    <row r="43" spans="1:4" ht="18" customHeight="1" x14ac:dyDescent="0.2">
      <c r="A43" s="14">
        <v>31</v>
      </c>
      <c r="B43" s="15">
        <v>35</v>
      </c>
      <c r="C43" s="16">
        <v>24</v>
      </c>
      <c r="D43" s="17">
        <v>59</v>
      </c>
    </row>
    <row r="44" spans="1:4" ht="18" customHeight="1" x14ac:dyDescent="0.2">
      <c r="A44" s="14">
        <v>32</v>
      </c>
      <c r="B44" s="15">
        <v>28</v>
      </c>
      <c r="C44" s="16">
        <v>35</v>
      </c>
      <c r="D44" s="17">
        <v>63</v>
      </c>
    </row>
    <row r="45" spans="1:4" ht="18" customHeight="1" x14ac:dyDescent="0.2">
      <c r="A45" s="14">
        <v>33</v>
      </c>
      <c r="B45" s="15">
        <v>29</v>
      </c>
      <c r="C45" s="16">
        <v>25</v>
      </c>
      <c r="D45" s="17">
        <v>54</v>
      </c>
    </row>
    <row r="46" spans="1:4" ht="18" customHeight="1" x14ac:dyDescent="0.2">
      <c r="A46" s="14">
        <v>34</v>
      </c>
      <c r="B46" s="15">
        <v>23</v>
      </c>
      <c r="C46" s="16">
        <v>29</v>
      </c>
      <c r="D46" s="17">
        <v>52</v>
      </c>
    </row>
    <row r="47" spans="1:4" ht="18" customHeight="1" x14ac:dyDescent="0.2">
      <c r="A47" s="18" t="s">
        <v>55</v>
      </c>
      <c r="B47" s="15">
        <v>134</v>
      </c>
      <c r="C47" s="16">
        <v>140</v>
      </c>
      <c r="D47" s="17">
        <v>274</v>
      </c>
    </row>
    <row r="48" spans="1:4" ht="18" customHeight="1" x14ac:dyDescent="0.2">
      <c r="A48" s="14">
        <v>35</v>
      </c>
      <c r="B48" s="15">
        <v>30</v>
      </c>
      <c r="C48" s="16">
        <v>33</v>
      </c>
      <c r="D48" s="17">
        <v>63</v>
      </c>
    </row>
    <row r="49" spans="1:4" ht="18" customHeight="1" x14ac:dyDescent="0.2">
      <c r="A49" s="14">
        <v>36</v>
      </c>
      <c r="B49" s="15">
        <v>34</v>
      </c>
      <c r="C49" s="16">
        <v>29</v>
      </c>
      <c r="D49" s="17">
        <v>63</v>
      </c>
    </row>
    <row r="50" spans="1:4" ht="18" customHeight="1" x14ac:dyDescent="0.2">
      <c r="A50" s="14">
        <v>37</v>
      </c>
      <c r="B50" s="15">
        <v>29</v>
      </c>
      <c r="C50" s="16">
        <v>37</v>
      </c>
      <c r="D50" s="17">
        <v>66</v>
      </c>
    </row>
    <row r="51" spans="1:4" ht="18" customHeight="1" x14ac:dyDescent="0.2">
      <c r="A51" s="14">
        <v>38</v>
      </c>
      <c r="B51" s="15">
        <v>25</v>
      </c>
      <c r="C51" s="16">
        <v>39</v>
      </c>
      <c r="D51" s="17">
        <v>64</v>
      </c>
    </row>
    <row r="52" spans="1:4" ht="18" customHeight="1" x14ac:dyDescent="0.2">
      <c r="A52" s="14">
        <v>39</v>
      </c>
      <c r="B52" s="15">
        <v>27</v>
      </c>
      <c r="C52" s="16">
        <v>27</v>
      </c>
      <c r="D52" s="17">
        <v>54</v>
      </c>
    </row>
    <row r="53" spans="1:4" ht="18" customHeight="1" x14ac:dyDescent="0.2">
      <c r="A53" s="18" t="s">
        <v>56</v>
      </c>
      <c r="B53" s="15">
        <v>145</v>
      </c>
      <c r="C53" s="16">
        <v>165</v>
      </c>
      <c r="D53" s="17">
        <v>310</v>
      </c>
    </row>
    <row r="54" spans="1:4" ht="18" customHeight="1" x14ac:dyDescent="0.2">
      <c r="A54" s="14">
        <v>40</v>
      </c>
      <c r="B54" s="15">
        <v>40</v>
      </c>
      <c r="C54" s="16">
        <v>33</v>
      </c>
      <c r="D54" s="17">
        <v>73</v>
      </c>
    </row>
    <row r="55" spans="1:4" ht="18" customHeight="1" x14ac:dyDescent="0.2">
      <c r="A55" s="14">
        <v>41</v>
      </c>
      <c r="B55" s="15">
        <v>32</v>
      </c>
      <c r="C55" s="16">
        <v>40</v>
      </c>
      <c r="D55" s="17">
        <v>72</v>
      </c>
    </row>
    <row r="56" spans="1:4" ht="18" customHeight="1" x14ac:dyDescent="0.2">
      <c r="A56" s="14">
        <v>42</v>
      </c>
      <c r="B56" s="15">
        <v>42</v>
      </c>
      <c r="C56" s="16">
        <v>40</v>
      </c>
      <c r="D56" s="17">
        <v>82</v>
      </c>
    </row>
    <row r="57" spans="1:4" ht="18" customHeight="1" x14ac:dyDescent="0.2">
      <c r="A57" s="14">
        <v>43</v>
      </c>
      <c r="B57" s="15">
        <v>49</v>
      </c>
      <c r="C57" s="16">
        <v>34</v>
      </c>
      <c r="D57" s="17">
        <v>83</v>
      </c>
    </row>
    <row r="58" spans="1:4" ht="18" customHeight="1" x14ac:dyDescent="0.2">
      <c r="A58" s="14">
        <v>44</v>
      </c>
      <c r="B58" s="15">
        <v>43</v>
      </c>
      <c r="C58" s="16">
        <v>46</v>
      </c>
      <c r="D58" s="17">
        <v>89</v>
      </c>
    </row>
    <row r="59" spans="1:4" ht="18" customHeight="1" x14ac:dyDescent="0.2">
      <c r="A59" s="18" t="s">
        <v>57</v>
      </c>
      <c r="B59" s="15">
        <v>206</v>
      </c>
      <c r="C59" s="16">
        <v>193</v>
      </c>
      <c r="D59" s="17">
        <v>399</v>
      </c>
    </row>
    <row r="60" spans="1:4" ht="18" customHeight="1" x14ac:dyDescent="0.2">
      <c r="A60" s="14">
        <v>45</v>
      </c>
      <c r="B60" s="15">
        <v>43</v>
      </c>
      <c r="C60" s="16">
        <v>46</v>
      </c>
      <c r="D60" s="17">
        <v>89</v>
      </c>
    </row>
    <row r="61" spans="1:4" ht="18" customHeight="1" x14ac:dyDescent="0.2">
      <c r="A61" s="14">
        <v>46</v>
      </c>
      <c r="B61" s="15">
        <v>46</v>
      </c>
      <c r="C61" s="16">
        <v>53</v>
      </c>
      <c r="D61" s="17">
        <v>99</v>
      </c>
    </row>
    <row r="62" spans="1:4" ht="18" customHeight="1" x14ac:dyDescent="0.2">
      <c r="A62" s="14">
        <v>47</v>
      </c>
      <c r="B62" s="15">
        <v>49</v>
      </c>
      <c r="C62" s="16">
        <v>49</v>
      </c>
      <c r="D62" s="17">
        <v>98</v>
      </c>
    </row>
    <row r="63" spans="1:4" ht="18" customHeight="1" x14ac:dyDescent="0.2">
      <c r="A63" s="14">
        <v>48</v>
      </c>
      <c r="B63" s="15">
        <v>40</v>
      </c>
      <c r="C63" s="16">
        <v>39</v>
      </c>
      <c r="D63" s="17">
        <v>79</v>
      </c>
    </row>
    <row r="64" spans="1:4" ht="18" customHeight="1" x14ac:dyDescent="0.2">
      <c r="A64" s="14">
        <v>49</v>
      </c>
      <c r="B64" s="15">
        <v>44</v>
      </c>
      <c r="C64" s="16">
        <v>34</v>
      </c>
      <c r="D64" s="17">
        <v>78</v>
      </c>
    </row>
    <row r="65" spans="1:4" ht="18" customHeight="1" x14ac:dyDescent="0.2">
      <c r="A65" s="18" t="s">
        <v>58</v>
      </c>
      <c r="B65" s="15">
        <v>222</v>
      </c>
      <c r="C65" s="16">
        <v>221</v>
      </c>
      <c r="D65" s="17">
        <v>443</v>
      </c>
    </row>
    <row r="66" spans="1:4" ht="18" customHeight="1" x14ac:dyDescent="0.2">
      <c r="A66" s="14">
        <v>50</v>
      </c>
      <c r="B66" s="15">
        <v>42</v>
      </c>
      <c r="C66" s="16">
        <v>44</v>
      </c>
      <c r="D66" s="17">
        <v>86</v>
      </c>
    </row>
    <row r="67" spans="1:4" ht="18" customHeight="1" x14ac:dyDescent="0.2">
      <c r="A67" s="14">
        <v>51</v>
      </c>
      <c r="B67" s="15">
        <v>39</v>
      </c>
      <c r="C67" s="16">
        <v>40</v>
      </c>
      <c r="D67" s="17">
        <v>79</v>
      </c>
    </row>
    <row r="68" spans="1:4" ht="18" customHeight="1" x14ac:dyDescent="0.2">
      <c r="A68" s="14">
        <v>52</v>
      </c>
      <c r="B68" s="15">
        <v>47</v>
      </c>
      <c r="C68" s="16">
        <v>44</v>
      </c>
      <c r="D68" s="17">
        <v>91</v>
      </c>
    </row>
    <row r="69" spans="1:4" ht="18" customHeight="1" x14ac:dyDescent="0.2">
      <c r="A69" s="14">
        <v>53</v>
      </c>
      <c r="B69" s="15">
        <v>34</v>
      </c>
      <c r="C69" s="16">
        <v>27</v>
      </c>
      <c r="D69" s="17">
        <v>61</v>
      </c>
    </row>
    <row r="70" spans="1:4" ht="18" customHeight="1" x14ac:dyDescent="0.2">
      <c r="A70" s="14">
        <v>54</v>
      </c>
      <c r="B70" s="15">
        <v>36</v>
      </c>
      <c r="C70" s="16">
        <v>41</v>
      </c>
      <c r="D70" s="17">
        <v>77</v>
      </c>
    </row>
    <row r="71" spans="1:4" ht="18" customHeight="1" x14ac:dyDescent="0.2">
      <c r="A71" s="18" t="s">
        <v>59</v>
      </c>
      <c r="B71" s="15">
        <v>198</v>
      </c>
      <c r="C71" s="16">
        <v>196</v>
      </c>
      <c r="D71" s="17">
        <v>394</v>
      </c>
    </row>
    <row r="72" spans="1:4" ht="18" customHeight="1" x14ac:dyDescent="0.2">
      <c r="A72" s="14">
        <v>55</v>
      </c>
      <c r="B72" s="15">
        <v>36</v>
      </c>
      <c r="C72" s="16">
        <v>38</v>
      </c>
      <c r="D72" s="17">
        <v>74</v>
      </c>
    </row>
    <row r="73" spans="1:4" ht="18" customHeight="1" x14ac:dyDescent="0.2">
      <c r="A73" s="14">
        <v>56</v>
      </c>
      <c r="B73" s="15">
        <v>38</v>
      </c>
      <c r="C73" s="16">
        <v>31</v>
      </c>
      <c r="D73" s="17">
        <v>69</v>
      </c>
    </row>
    <row r="74" spans="1:4" ht="18" customHeight="1" x14ac:dyDescent="0.2">
      <c r="A74" s="14">
        <v>57</v>
      </c>
      <c r="B74" s="15">
        <v>39</v>
      </c>
      <c r="C74" s="16">
        <v>25</v>
      </c>
      <c r="D74" s="17">
        <v>64</v>
      </c>
    </row>
    <row r="75" spans="1:4" ht="18" customHeight="1" x14ac:dyDescent="0.2">
      <c r="A75" s="14">
        <v>58</v>
      </c>
      <c r="B75" s="15">
        <v>48</v>
      </c>
      <c r="C75" s="16">
        <v>37</v>
      </c>
      <c r="D75" s="17">
        <v>85</v>
      </c>
    </row>
    <row r="76" spans="1:4" ht="18" customHeight="1" x14ac:dyDescent="0.2">
      <c r="A76" s="14">
        <v>59</v>
      </c>
      <c r="B76" s="15">
        <v>35</v>
      </c>
      <c r="C76" s="16">
        <v>33</v>
      </c>
      <c r="D76" s="17">
        <v>68</v>
      </c>
    </row>
    <row r="77" spans="1:4" ht="18" customHeight="1" x14ac:dyDescent="0.2">
      <c r="A77" s="18" t="s">
        <v>60</v>
      </c>
      <c r="B77" s="15">
        <v>196</v>
      </c>
      <c r="C77" s="16">
        <v>164</v>
      </c>
      <c r="D77" s="17">
        <v>360</v>
      </c>
    </row>
    <row r="78" spans="1:4" ht="18" customHeight="1" x14ac:dyDescent="0.2">
      <c r="A78" s="14">
        <v>60</v>
      </c>
      <c r="B78" s="15">
        <v>27</v>
      </c>
      <c r="C78" s="16">
        <v>34</v>
      </c>
      <c r="D78" s="17">
        <v>61</v>
      </c>
    </row>
    <row r="79" spans="1:4" ht="18" customHeight="1" x14ac:dyDescent="0.2">
      <c r="A79" s="14">
        <v>61</v>
      </c>
      <c r="B79" s="15">
        <v>29</v>
      </c>
      <c r="C79" s="16">
        <v>37</v>
      </c>
      <c r="D79" s="17">
        <v>66</v>
      </c>
    </row>
    <row r="80" spans="1:4" ht="18" customHeight="1" x14ac:dyDescent="0.2">
      <c r="A80" s="14">
        <v>62</v>
      </c>
      <c r="B80" s="15">
        <v>29</v>
      </c>
      <c r="C80" s="16">
        <v>33</v>
      </c>
      <c r="D80" s="17">
        <v>62</v>
      </c>
    </row>
    <row r="81" spans="1:4" ht="18" customHeight="1" x14ac:dyDescent="0.2">
      <c r="A81" s="14">
        <v>63</v>
      </c>
      <c r="B81" s="15">
        <v>29</v>
      </c>
      <c r="C81" s="16">
        <v>36</v>
      </c>
      <c r="D81" s="17">
        <v>65</v>
      </c>
    </row>
    <row r="82" spans="1:4" ht="18" customHeight="1" x14ac:dyDescent="0.2">
      <c r="A82" s="14">
        <v>64</v>
      </c>
      <c r="B82" s="15">
        <v>41</v>
      </c>
      <c r="C82" s="16">
        <v>37</v>
      </c>
      <c r="D82" s="17">
        <v>78</v>
      </c>
    </row>
    <row r="83" spans="1:4" ht="18" customHeight="1" x14ac:dyDescent="0.2">
      <c r="A83" s="18" t="s">
        <v>61</v>
      </c>
      <c r="B83" s="15">
        <v>155</v>
      </c>
      <c r="C83" s="16">
        <v>177</v>
      </c>
      <c r="D83" s="17">
        <v>332</v>
      </c>
    </row>
    <row r="84" spans="1:4" ht="18" customHeight="1" x14ac:dyDescent="0.2">
      <c r="A84" s="18" t="s">
        <v>62</v>
      </c>
      <c r="B84" s="15">
        <v>1709</v>
      </c>
      <c r="C84" s="16">
        <v>1654</v>
      </c>
      <c r="D84" s="17">
        <v>3363</v>
      </c>
    </row>
    <row r="85" spans="1:4" ht="18" customHeight="1" x14ac:dyDescent="0.2">
      <c r="A85" s="14">
        <v>65</v>
      </c>
      <c r="B85" s="15">
        <v>33</v>
      </c>
      <c r="C85" s="16">
        <v>27</v>
      </c>
      <c r="D85" s="17">
        <v>60</v>
      </c>
    </row>
    <row r="86" spans="1:4" ht="18" customHeight="1" x14ac:dyDescent="0.2">
      <c r="A86" s="14">
        <v>66</v>
      </c>
      <c r="B86" s="15">
        <v>36</v>
      </c>
      <c r="C86" s="16">
        <v>37</v>
      </c>
      <c r="D86" s="17">
        <v>73</v>
      </c>
    </row>
    <row r="87" spans="1:4" ht="18" customHeight="1" x14ac:dyDescent="0.2">
      <c r="A87" s="14">
        <v>67</v>
      </c>
      <c r="B87" s="15">
        <v>36</v>
      </c>
      <c r="C87" s="16">
        <v>38</v>
      </c>
      <c r="D87" s="17">
        <v>74</v>
      </c>
    </row>
    <row r="88" spans="1:4" ht="18" customHeight="1" x14ac:dyDescent="0.2">
      <c r="A88" s="14">
        <v>68</v>
      </c>
      <c r="B88" s="15">
        <v>31</v>
      </c>
      <c r="C88" s="16">
        <v>39</v>
      </c>
      <c r="D88" s="17">
        <v>70</v>
      </c>
    </row>
    <row r="89" spans="1:4" ht="18" customHeight="1" x14ac:dyDescent="0.2">
      <c r="A89" s="14">
        <v>69</v>
      </c>
      <c r="B89" s="15">
        <v>38</v>
      </c>
      <c r="C89" s="16">
        <v>43</v>
      </c>
      <c r="D89" s="17">
        <v>81</v>
      </c>
    </row>
    <row r="90" spans="1:4" ht="18" customHeight="1" x14ac:dyDescent="0.2">
      <c r="A90" s="18" t="s">
        <v>63</v>
      </c>
      <c r="B90" s="15">
        <v>174</v>
      </c>
      <c r="C90" s="16">
        <v>184</v>
      </c>
      <c r="D90" s="17">
        <v>358</v>
      </c>
    </row>
    <row r="91" spans="1:4" ht="18" customHeight="1" x14ac:dyDescent="0.2">
      <c r="A91" s="14">
        <v>70</v>
      </c>
      <c r="B91" s="15">
        <v>38</v>
      </c>
      <c r="C91" s="16">
        <v>44</v>
      </c>
      <c r="D91" s="17">
        <v>82</v>
      </c>
    </row>
    <row r="92" spans="1:4" ht="18" customHeight="1" x14ac:dyDescent="0.2">
      <c r="A92" s="14">
        <v>71</v>
      </c>
      <c r="B92" s="15">
        <v>38</v>
      </c>
      <c r="C92" s="16">
        <v>49</v>
      </c>
      <c r="D92" s="17">
        <v>87</v>
      </c>
    </row>
    <row r="93" spans="1:4" ht="18" customHeight="1" x14ac:dyDescent="0.2">
      <c r="A93" s="14">
        <v>72</v>
      </c>
      <c r="B93" s="15">
        <v>43</v>
      </c>
      <c r="C93" s="16">
        <v>56</v>
      </c>
      <c r="D93" s="17">
        <v>99</v>
      </c>
    </row>
    <row r="94" spans="1:4" ht="18" customHeight="1" x14ac:dyDescent="0.2">
      <c r="A94" s="14">
        <v>73</v>
      </c>
      <c r="B94" s="15">
        <v>18</v>
      </c>
      <c r="C94" s="16">
        <v>28</v>
      </c>
      <c r="D94" s="17">
        <v>46</v>
      </c>
    </row>
    <row r="95" spans="1:4" ht="18" customHeight="1" x14ac:dyDescent="0.2">
      <c r="A95" s="14">
        <v>74</v>
      </c>
      <c r="B95" s="15">
        <v>31</v>
      </c>
      <c r="C95" s="16">
        <v>24</v>
      </c>
      <c r="D95" s="17">
        <v>55</v>
      </c>
    </row>
    <row r="96" spans="1:4" ht="18" customHeight="1" x14ac:dyDescent="0.2">
      <c r="A96" s="18" t="s">
        <v>64</v>
      </c>
      <c r="B96" s="15">
        <v>168</v>
      </c>
      <c r="C96" s="16">
        <v>201</v>
      </c>
      <c r="D96" s="17">
        <v>369</v>
      </c>
    </row>
    <row r="97" spans="1:4" ht="18" customHeight="1" x14ac:dyDescent="0.2">
      <c r="A97" s="14">
        <v>75</v>
      </c>
      <c r="B97" s="15">
        <v>30</v>
      </c>
      <c r="C97" s="16">
        <v>42</v>
      </c>
      <c r="D97" s="17">
        <v>72</v>
      </c>
    </row>
    <row r="98" spans="1:4" ht="18" customHeight="1" x14ac:dyDescent="0.2">
      <c r="A98" s="14">
        <v>76</v>
      </c>
      <c r="B98" s="15">
        <v>31</v>
      </c>
      <c r="C98" s="16">
        <v>40</v>
      </c>
      <c r="D98" s="17">
        <v>71</v>
      </c>
    </row>
    <row r="99" spans="1:4" ht="18" customHeight="1" x14ac:dyDescent="0.2">
      <c r="A99" s="14">
        <v>77</v>
      </c>
      <c r="B99" s="15">
        <v>35</v>
      </c>
      <c r="C99" s="16">
        <v>36</v>
      </c>
      <c r="D99" s="17">
        <v>71</v>
      </c>
    </row>
    <row r="100" spans="1:4" ht="18" customHeight="1" x14ac:dyDescent="0.2">
      <c r="A100" s="14">
        <v>78</v>
      </c>
      <c r="B100" s="15">
        <v>32</v>
      </c>
      <c r="C100" s="16">
        <v>34</v>
      </c>
      <c r="D100" s="17">
        <v>66</v>
      </c>
    </row>
    <row r="101" spans="1:4" ht="18" customHeight="1" x14ac:dyDescent="0.2">
      <c r="A101" s="14">
        <v>79</v>
      </c>
      <c r="B101" s="15">
        <v>20</v>
      </c>
      <c r="C101" s="16">
        <v>32</v>
      </c>
      <c r="D101" s="17">
        <v>52</v>
      </c>
    </row>
    <row r="102" spans="1:4" ht="18" customHeight="1" x14ac:dyDescent="0.2">
      <c r="A102" s="18" t="s">
        <v>65</v>
      </c>
      <c r="B102" s="15">
        <v>148</v>
      </c>
      <c r="C102" s="16">
        <v>184</v>
      </c>
      <c r="D102" s="17">
        <v>332</v>
      </c>
    </row>
    <row r="103" spans="1:4" ht="18" customHeight="1" x14ac:dyDescent="0.2">
      <c r="A103" s="14">
        <v>80</v>
      </c>
      <c r="B103" s="15">
        <v>22</v>
      </c>
      <c r="C103" s="16">
        <v>20</v>
      </c>
      <c r="D103" s="17">
        <v>42</v>
      </c>
    </row>
    <row r="104" spans="1:4" ht="18" customHeight="1" x14ac:dyDescent="0.2">
      <c r="A104" s="14">
        <v>81</v>
      </c>
      <c r="B104" s="15">
        <v>12</v>
      </c>
      <c r="C104" s="16">
        <v>34</v>
      </c>
      <c r="D104" s="17">
        <v>46</v>
      </c>
    </row>
    <row r="105" spans="1:4" ht="18" customHeight="1" x14ac:dyDescent="0.2">
      <c r="A105" s="14">
        <v>82</v>
      </c>
      <c r="B105" s="15">
        <v>21</v>
      </c>
      <c r="C105" s="16">
        <v>28</v>
      </c>
      <c r="D105" s="17">
        <v>49</v>
      </c>
    </row>
    <row r="106" spans="1:4" ht="18" customHeight="1" x14ac:dyDescent="0.2">
      <c r="A106" s="14">
        <v>83</v>
      </c>
      <c r="B106" s="15">
        <v>19</v>
      </c>
      <c r="C106" s="16">
        <v>35</v>
      </c>
      <c r="D106" s="17">
        <v>54</v>
      </c>
    </row>
    <row r="107" spans="1:4" ht="18" customHeight="1" x14ac:dyDescent="0.2">
      <c r="A107" s="14">
        <v>84</v>
      </c>
      <c r="B107" s="15">
        <v>7</v>
      </c>
      <c r="C107" s="16">
        <v>23</v>
      </c>
      <c r="D107" s="17">
        <v>30</v>
      </c>
    </row>
    <row r="108" spans="1:4" ht="18" customHeight="1" x14ac:dyDescent="0.2">
      <c r="A108" s="18" t="s">
        <v>66</v>
      </c>
      <c r="B108" s="15">
        <v>81</v>
      </c>
      <c r="C108" s="16">
        <v>140</v>
      </c>
      <c r="D108" s="17">
        <v>221</v>
      </c>
    </row>
    <row r="109" spans="1:4" ht="18" customHeight="1" x14ac:dyDescent="0.2">
      <c r="A109" s="14">
        <v>85</v>
      </c>
      <c r="B109" s="15">
        <v>12</v>
      </c>
      <c r="C109" s="16">
        <v>33</v>
      </c>
      <c r="D109" s="17">
        <v>45</v>
      </c>
    </row>
    <row r="110" spans="1:4" ht="18" customHeight="1" x14ac:dyDescent="0.2">
      <c r="A110" s="14">
        <v>86</v>
      </c>
      <c r="B110" s="15">
        <v>19</v>
      </c>
      <c r="C110" s="16">
        <v>33</v>
      </c>
      <c r="D110" s="17">
        <v>52</v>
      </c>
    </row>
    <row r="111" spans="1:4" ht="18" customHeight="1" x14ac:dyDescent="0.2">
      <c r="A111" s="14">
        <v>87</v>
      </c>
      <c r="B111" s="15">
        <v>10</v>
      </c>
      <c r="C111" s="16">
        <v>24</v>
      </c>
      <c r="D111" s="17">
        <v>34</v>
      </c>
    </row>
    <row r="112" spans="1:4" ht="18" customHeight="1" x14ac:dyDescent="0.2">
      <c r="A112" s="14">
        <v>88</v>
      </c>
      <c r="B112" s="15">
        <v>19</v>
      </c>
      <c r="C112" s="16">
        <v>24</v>
      </c>
      <c r="D112" s="17">
        <v>43</v>
      </c>
    </row>
    <row r="113" spans="1:4" ht="18" customHeight="1" x14ac:dyDescent="0.2">
      <c r="A113" s="14">
        <v>89</v>
      </c>
      <c r="B113" s="15">
        <v>4</v>
      </c>
      <c r="C113" s="16">
        <v>20</v>
      </c>
      <c r="D113" s="17">
        <v>24</v>
      </c>
    </row>
    <row r="114" spans="1:4" ht="18" customHeight="1" x14ac:dyDescent="0.2">
      <c r="A114" s="18" t="s">
        <v>67</v>
      </c>
      <c r="B114" s="15">
        <v>64</v>
      </c>
      <c r="C114" s="16">
        <v>134</v>
      </c>
      <c r="D114" s="17">
        <v>198</v>
      </c>
    </row>
    <row r="115" spans="1:4" ht="18" customHeight="1" x14ac:dyDescent="0.2">
      <c r="A115" s="14">
        <v>90</v>
      </c>
      <c r="B115" s="15">
        <v>8</v>
      </c>
      <c r="C115" s="16">
        <v>17</v>
      </c>
      <c r="D115" s="17">
        <v>25</v>
      </c>
    </row>
    <row r="116" spans="1:4" ht="18" customHeight="1" x14ac:dyDescent="0.2">
      <c r="A116" s="14">
        <v>91</v>
      </c>
      <c r="B116" s="15">
        <v>7</v>
      </c>
      <c r="C116" s="16">
        <v>11</v>
      </c>
      <c r="D116" s="17">
        <v>18</v>
      </c>
    </row>
    <row r="117" spans="1:4" ht="18" customHeight="1" x14ac:dyDescent="0.2">
      <c r="A117" s="14">
        <v>92</v>
      </c>
      <c r="B117" s="15">
        <v>3</v>
      </c>
      <c r="C117" s="16">
        <v>14</v>
      </c>
      <c r="D117" s="17">
        <v>17</v>
      </c>
    </row>
    <row r="118" spans="1:4" ht="18" customHeight="1" x14ac:dyDescent="0.2">
      <c r="A118" s="14">
        <v>93</v>
      </c>
      <c r="B118" s="15">
        <v>4</v>
      </c>
      <c r="C118" s="16">
        <v>8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10</v>
      </c>
      <c r="D119" s="17">
        <v>11</v>
      </c>
    </row>
    <row r="120" spans="1:4" ht="18" customHeight="1" x14ac:dyDescent="0.2">
      <c r="A120" s="18" t="s">
        <v>68</v>
      </c>
      <c r="B120" s="15">
        <v>23</v>
      </c>
      <c r="C120" s="16">
        <v>60</v>
      </c>
      <c r="D120" s="17">
        <v>83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21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61</v>
      </c>
      <c r="C130" s="5">
        <v>927</v>
      </c>
      <c r="D130" s="6">
        <v>1588</v>
      </c>
    </row>
    <row r="131" spans="1:4" ht="18" customHeight="1" x14ac:dyDescent="0.2">
      <c r="A131" s="20" t="s">
        <v>47</v>
      </c>
      <c r="B131" s="7">
        <v>2753</v>
      </c>
      <c r="C131" s="8">
        <v>2955</v>
      </c>
      <c r="D131" s="9">
        <v>570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26</v>
      </c>
      <c r="D5" s="13">
        <v>52</v>
      </c>
    </row>
    <row r="6" spans="1:4" ht="18" customHeight="1" x14ac:dyDescent="0.2">
      <c r="A6" s="14">
        <v>1</v>
      </c>
      <c r="B6" s="15">
        <v>25</v>
      </c>
      <c r="C6" s="16">
        <v>36</v>
      </c>
      <c r="D6" s="17">
        <v>61</v>
      </c>
    </row>
    <row r="7" spans="1:4" ht="18" customHeight="1" x14ac:dyDescent="0.2">
      <c r="A7" s="14">
        <v>2</v>
      </c>
      <c r="B7" s="15">
        <v>23</v>
      </c>
      <c r="C7" s="16">
        <v>27</v>
      </c>
      <c r="D7" s="17">
        <v>50</v>
      </c>
    </row>
    <row r="8" spans="1:4" ht="18" customHeight="1" x14ac:dyDescent="0.2">
      <c r="A8" s="14">
        <v>3</v>
      </c>
      <c r="B8" s="15">
        <v>28</v>
      </c>
      <c r="C8" s="16">
        <v>23</v>
      </c>
      <c r="D8" s="17">
        <v>51</v>
      </c>
    </row>
    <row r="9" spans="1:4" ht="18" customHeight="1" x14ac:dyDescent="0.2">
      <c r="A9" s="14">
        <v>4</v>
      </c>
      <c r="B9" s="15">
        <v>28</v>
      </c>
      <c r="C9" s="16">
        <v>31</v>
      </c>
      <c r="D9" s="17">
        <v>59</v>
      </c>
    </row>
    <row r="10" spans="1:4" ht="18" customHeight="1" x14ac:dyDescent="0.2">
      <c r="A10" s="18" t="s">
        <v>48</v>
      </c>
      <c r="B10" s="15">
        <v>130</v>
      </c>
      <c r="C10" s="16">
        <v>143</v>
      </c>
      <c r="D10" s="17">
        <v>273</v>
      </c>
    </row>
    <row r="11" spans="1:4" ht="18" customHeight="1" x14ac:dyDescent="0.2">
      <c r="A11" s="14">
        <v>5</v>
      </c>
      <c r="B11" s="15">
        <v>32</v>
      </c>
      <c r="C11" s="16">
        <v>39</v>
      </c>
      <c r="D11" s="17">
        <v>71</v>
      </c>
    </row>
    <row r="12" spans="1:4" ht="18" customHeight="1" x14ac:dyDescent="0.2">
      <c r="A12" s="14">
        <v>6</v>
      </c>
      <c r="B12" s="15">
        <v>30</v>
      </c>
      <c r="C12" s="16">
        <v>30</v>
      </c>
      <c r="D12" s="17">
        <v>60</v>
      </c>
    </row>
    <row r="13" spans="1:4" ht="18" customHeight="1" x14ac:dyDescent="0.2">
      <c r="A13" s="14">
        <v>7</v>
      </c>
      <c r="B13" s="15">
        <v>43</v>
      </c>
      <c r="C13" s="16">
        <v>34</v>
      </c>
      <c r="D13" s="17">
        <v>77</v>
      </c>
    </row>
    <row r="14" spans="1:4" ht="18" customHeight="1" x14ac:dyDescent="0.2">
      <c r="A14" s="14">
        <v>8</v>
      </c>
      <c r="B14" s="15">
        <v>32</v>
      </c>
      <c r="C14" s="16">
        <v>39</v>
      </c>
      <c r="D14" s="17">
        <v>71</v>
      </c>
    </row>
    <row r="15" spans="1:4" ht="18" customHeight="1" x14ac:dyDescent="0.2">
      <c r="A15" s="14">
        <v>9</v>
      </c>
      <c r="B15" s="15">
        <v>31</v>
      </c>
      <c r="C15" s="16">
        <v>40</v>
      </c>
      <c r="D15" s="17">
        <v>71</v>
      </c>
    </row>
    <row r="16" spans="1:4" ht="18" customHeight="1" x14ac:dyDescent="0.2">
      <c r="A16" s="18" t="s">
        <v>49</v>
      </c>
      <c r="B16" s="15">
        <v>168</v>
      </c>
      <c r="C16" s="16">
        <v>182</v>
      </c>
      <c r="D16" s="17">
        <v>350</v>
      </c>
    </row>
    <row r="17" spans="1:4" ht="18" customHeight="1" x14ac:dyDescent="0.2">
      <c r="A17" s="14">
        <v>10</v>
      </c>
      <c r="B17" s="15">
        <v>46</v>
      </c>
      <c r="C17" s="16">
        <v>44</v>
      </c>
      <c r="D17" s="17">
        <v>90</v>
      </c>
    </row>
    <row r="18" spans="1:4" ht="18" customHeight="1" x14ac:dyDescent="0.2">
      <c r="A18" s="14">
        <v>11</v>
      </c>
      <c r="B18" s="15">
        <v>35</v>
      </c>
      <c r="C18" s="16">
        <v>40</v>
      </c>
      <c r="D18" s="17">
        <v>75</v>
      </c>
    </row>
    <row r="19" spans="1:4" ht="18" customHeight="1" x14ac:dyDescent="0.2">
      <c r="A19" s="14">
        <v>12</v>
      </c>
      <c r="B19" s="15">
        <v>40</v>
      </c>
      <c r="C19" s="16">
        <v>49</v>
      </c>
      <c r="D19" s="17">
        <v>89</v>
      </c>
    </row>
    <row r="20" spans="1:4" ht="18" customHeight="1" x14ac:dyDescent="0.2">
      <c r="A20" s="14">
        <v>13</v>
      </c>
      <c r="B20" s="15">
        <v>40</v>
      </c>
      <c r="C20" s="16">
        <v>33</v>
      </c>
      <c r="D20" s="17">
        <v>73</v>
      </c>
    </row>
    <row r="21" spans="1:4" ht="18" customHeight="1" x14ac:dyDescent="0.2">
      <c r="A21" s="14">
        <v>14</v>
      </c>
      <c r="B21" s="15">
        <v>43</v>
      </c>
      <c r="C21" s="16">
        <v>29</v>
      </c>
      <c r="D21" s="17">
        <v>72</v>
      </c>
    </row>
    <row r="22" spans="1:4" ht="18" customHeight="1" x14ac:dyDescent="0.2">
      <c r="A22" s="18" t="s">
        <v>50</v>
      </c>
      <c r="B22" s="15">
        <v>204</v>
      </c>
      <c r="C22" s="16">
        <v>195</v>
      </c>
      <c r="D22" s="17">
        <v>399</v>
      </c>
    </row>
    <row r="23" spans="1:4" ht="18" customHeight="1" x14ac:dyDescent="0.2">
      <c r="A23" s="18" t="s">
        <v>51</v>
      </c>
      <c r="B23" s="15">
        <v>502</v>
      </c>
      <c r="C23" s="16">
        <v>520</v>
      </c>
      <c r="D23" s="17">
        <v>1022</v>
      </c>
    </row>
    <row r="24" spans="1:4" ht="18" customHeight="1" x14ac:dyDescent="0.2">
      <c r="A24" s="14">
        <v>15</v>
      </c>
      <c r="B24" s="15">
        <v>48</v>
      </c>
      <c r="C24" s="16">
        <v>45</v>
      </c>
      <c r="D24" s="17">
        <v>93</v>
      </c>
    </row>
    <row r="25" spans="1:4" ht="18" customHeight="1" x14ac:dyDescent="0.2">
      <c r="A25" s="14">
        <v>16</v>
      </c>
      <c r="B25" s="15">
        <v>46</v>
      </c>
      <c r="C25" s="16">
        <v>37</v>
      </c>
      <c r="D25" s="17">
        <v>83</v>
      </c>
    </row>
    <row r="26" spans="1:4" ht="18" customHeight="1" x14ac:dyDescent="0.2">
      <c r="A26" s="14">
        <v>17</v>
      </c>
      <c r="B26" s="15">
        <v>39</v>
      </c>
      <c r="C26" s="16">
        <v>39</v>
      </c>
      <c r="D26" s="17">
        <v>78</v>
      </c>
    </row>
    <row r="27" spans="1:4" ht="18" customHeight="1" x14ac:dyDescent="0.2">
      <c r="A27" s="14">
        <v>18</v>
      </c>
      <c r="B27" s="15">
        <v>104</v>
      </c>
      <c r="C27" s="16">
        <v>60</v>
      </c>
      <c r="D27" s="17">
        <v>164</v>
      </c>
    </row>
    <row r="28" spans="1:4" ht="18" customHeight="1" x14ac:dyDescent="0.2">
      <c r="A28" s="14">
        <v>19</v>
      </c>
      <c r="B28" s="15">
        <v>154</v>
      </c>
      <c r="C28" s="16">
        <v>84</v>
      </c>
      <c r="D28" s="17">
        <v>238</v>
      </c>
    </row>
    <row r="29" spans="1:4" ht="18" customHeight="1" x14ac:dyDescent="0.2">
      <c r="A29" s="18" t="s">
        <v>52</v>
      </c>
      <c r="B29" s="15">
        <v>391</v>
      </c>
      <c r="C29" s="16">
        <v>265</v>
      </c>
      <c r="D29" s="17">
        <v>656</v>
      </c>
    </row>
    <row r="30" spans="1:4" ht="18" customHeight="1" x14ac:dyDescent="0.2">
      <c r="A30" s="14">
        <v>20</v>
      </c>
      <c r="B30" s="15">
        <v>209</v>
      </c>
      <c r="C30" s="16">
        <v>107</v>
      </c>
      <c r="D30" s="17">
        <v>316</v>
      </c>
    </row>
    <row r="31" spans="1:4" ht="18" customHeight="1" x14ac:dyDescent="0.2">
      <c r="A31" s="14">
        <v>21</v>
      </c>
      <c r="B31" s="15">
        <v>177</v>
      </c>
      <c r="C31" s="16">
        <v>86</v>
      </c>
      <c r="D31" s="17">
        <v>263</v>
      </c>
    </row>
    <row r="32" spans="1:4" ht="18" customHeight="1" x14ac:dyDescent="0.2">
      <c r="A32" s="14">
        <v>22</v>
      </c>
      <c r="B32" s="15">
        <v>166</v>
      </c>
      <c r="C32" s="16">
        <v>94</v>
      </c>
      <c r="D32" s="17">
        <v>260</v>
      </c>
    </row>
    <row r="33" spans="1:4" ht="18" customHeight="1" x14ac:dyDescent="0.2">
      <c r="A33" s="14">
        <v>23</v>
      </c>
      <c r="B33" s="15">
        <v>141</v>
      </c>
      <c r="C33" s="16">
        <v>86</v>
      </c>
      <c r="D33" s="17">
        <v>227</v>
      </c>
    </row>
    <row r="34" spans="1:4" ht="18" customHeight="1" x14ac:dyDescent="0.2">
      <c r="A34" s="14">
        <v>24</v>
      </c>
      <c r="B34" s="15">
        <v>131</v>
      </c>
      <c r="C34" s="16">
        <v>89</v>
      </c>
      <c r="D34" s="17">
        <v>220</v>
      </c>
    </row>
    <row r="35" spans="1:4" ht="18" customHeight="1" x14ac:dyDescent="0.2">
      <c r="A35" s="18" t="s">
        <v>53</v>
      </c>
      <c r="B35" s="15">
        <v>824</v>
      </c>
      <c r="C35" s="16">
        <v>462</v>
      </c>
      <c r="D35" s="17">
        <v>1286</v>
      </c>
    </row>
    <row r="36" spans="1:4" ht="18" customHeight="1" x14ac:dyDescent="0.2">
      <c r="A36" s="14">
        <v>25</v>
      </c>
      <c r="B36" s="15">
        <v>82</v>
      </c>
      <c r="C36" s="16">
        <v>60</v>
      </c>
      <c r="D36" s="17">
        <v>142</v>
      </c>
    </row>
    <row r="37" spans="1:4" ht="18" customHeight="1" x14ac:dyDescent="0.2">
      <c r="A37" s="14">
        <v>26</v>
      </c>
      <c r="B37" s="15">
        <v>61</v>
      </c>
      <c r="C37" s="16">
        <v>58</v>
      </c>
      <c r="D37" s="17">
        <v>119</v>
      </c>
    </row>
    <row r="38" spans="1:4" ht="18" customHeight="1" x14ac:dyDescent="0.2">
      <c r="A38" s="14">
        <v>27</v>
      </c>
      <c r="B38" s="15">
        <v>68</v>
      </c>
      <c r="C38" s="16">
        <v>48</v>
      </c>
      <c r="D38" s="17">
        <v>116</v>
      </c>
    </row>
    <row r="39" spans="1:4" ht="18" customHeight="1" x14ac:dyDescent="0.2">
      <c r="A39" s="14">
        <v>28</v>
      </c>
      <c r="B39" s="15">
        <v>74</v>
      </c>
      <c r="C39" s="16">
        <v>46</v>
      </c>
      <c r="D39" s="17">
        <v>120</v>
      </c>
    </row>
    <row r="40" spans="1:4" ht="18" customHeight="1" x14ac:dyDescent="0.2">
      <c r="A40" s="14">
        <v>29</v>
      </c>
      <c r="B40" s="15">
        <v>65</v>
      </c>
      <c r="C40" s="16">
        <v>36</v>
      </c>
      <c r="D40" s="17">
        <v>101</v>
      </c>
    </row>
    <row r="41" spans="1:4" ht="18" customHeight="1" x14ac:dyDescent="0.2">
      <c r="A41" s="18" t="s">
        <v>54</v>
      </c>
      <c r="B41" s="15">
        <v>350</v>
      </c>
      <c r="C41" s="16">
        <v>248</v>
      </c>
      <c r="D41" s="17">
        <v>598</v>
      </c>
    </row>
    <row r="42" spans="1:4" ht="18" customHeight="1" x14ac:dyDescent="0.2">
      <c r="A42" s="14">
        <v>30</v>
      </c>
      <c r="B42" s="15">
        <v>54</v>
      </c>
      <c r="C42" s="16">
        <v>46</v>
      </c>
      <c r="D42" s="17">
        <v>100</v>
      </c>
    </row>
    <row r="43" spans="1:4" ht="18" customHeight="1" x14ac:dyDescent="0.2">
      <c r="A43" s="14">
        <v>31</v>
      </c>
      <c r="B43" s="15">
        <v>77</v>
      </c>
      <c r="C43" s="16">
        <v>42</v>
      </c>
      <c r="D43" s="17">
        <v>119</v>
      </c>
    </row>
    <row r="44" spans="1:4" ht="18" customHeight="1" x14ac:dyDescent="0.2">
      <c r="A44" s="14">
        <v>32</v>
      </c>
      <c r="B44" s="15">
        <v>76</v>
      </c>
      <c r="C44" s="16">
        <v>47</v>
      </c>
      <c r="D44" s="17">
        <v>123</v>
      </c>
    </row>
    <row r="45" spans="1:4" ht="18" customHeight="1" x14ac:dyDescent="0.2">
      <c r="A45" s="14">
        <v>33</v>
      </c>
      <c r="B45" s="15">
        <v>46</v>
      </c>
      <c r="C45" s="16">
        <v>40</v>
      </c>
      <c r="D45" s="17">
        <v>86</v>
      </c>
    </row>
    <row r="46" spans="1:4" ht="18" customHeight="1" x14ac:dyDescent="0.2">
      <c r="A46" s="14">
        <v>34</v>
      </c>
      <c r="B46" s="15">
        <v>55</v>
      </c>
      <c r="C46" s="16">
        <v>47</v>
      </c>
      <c r="D46" s="17">
        <v>102</v>
      </c>
    </row>
    <row r="47" spans="1:4" ht="18" customHeight="1" x14ac:dyDescent="0.2">
      <c r="A47" s="18" t="s">
        <v>55</v>
      </c>
      <c r="B47" s="15">
        <v>308</v>
      </c>
      <c r="C47" s="16">
        <v>222</v>
      </c>
      <c r="D47" s="17">
        <v>530</v>
      </c>
    </row>
    <row r="48" spans="1:4" ht="18" customHeight="1" x14ac:dyDescent="0.2">
      <c r="A48" s="14">
        <v>35</v>
      </c>
      <c r="B48" s="15">
        <v>51</v>
      </c>
      <c r="C48" s="16">
        <v>43</v>
      </c>
      <c r="D48" s="17">
        <v>94</v>
      </c>
    </row>
    <row r="49" spans="1:4" ht="18" customHeight="1" x14ac:dyDescent="0.2">
      <c r="A49" s="14">
        <v>36</v>
      </c>
      <c r="B49" s="15">
        <v>56</v>
      </c>
      <c r="C49" s="16">
        <v>51</v>
      </c>
      <c r="D49" s="17">
        <v>107</v>
      </c>
    </row>
    <row r="50" spans="1:4" ht="18" customHeight="1" x14ac:dyDescent="0.2">
      <c r="A50" s="14">
        <v>37</v>
      </c>
      <c r="B50" s="15">
        <v>53</v>
      </c>
      <c r="C50" s="16">
        <v>49</v>
      </c>
      <c r="D50" s="17">
        <v>102</v>
      </c>
    </row>
    <row r="51" spans="1:4" ht="18" customHeight="1" x14ac:dyDescent="0.2">
      <c r="A51" s="14">
        <v>38</v>
      </c>
      <c r="B51" s="15">
        <v>49</v>
      </c>
      <c r="C51" s="16">
        <v>56</v>
      </c>
      <c r="D51" s="17">
        <v>105</v>
      </c>
    </row>
    <row r="52" spans="1:4" ht="18" customHeight="1" x14ac:dyDescent="0.2">
      <c r="A52" s="14">
        <v>39</v>
      </c>
      <c r="B52" s="15">
        <v>58</v>
      </c>
      <c r="C52" s="16">
        <v>45</v>
      </c>
      <c r="D52" s="17">
        <v>103</v>
      </c>
    </row>
    <row r="53" spans="1:4" ht="18" customHeight="1" x14ac:dyDescent="0.2">
      <c r="A53" s="18" t="s">
        <v>56</v>
      </c>
      <c r="B53" s="15">
        <v>267</v>
      </c>
      <c r="C53" s="16">
        <v>244</v>
      </c>
      <c r="D53" s="17">
        <v>511</v>
      </c>
    </row>
    <row r="54" spans="1:4" ht="18" customHeight="1" x14ac:dyDescent="0.2">
      <c r="A54" s="14">
        <v>40</v>
      </c>
      <c r="B54" s="15">
        <v>73</v>
      </c>
      <c r="C54" s="16">
        <v>74</v>
      </c>
      <c r="D54" s="17">
        <v>147</v>
      </c>
    </row>
    <row r="55" spans="1:4" ht="18" customHeight="1" x14ac:dyDescent="0.2">
      <c r="A55" s="14">
        <v>41</v>
      </c>
      <c r="B55" s="15">
        <v>66</v>
      </c>
      <c r="C55" s="16">
        <v>59</v>
      </c>
      <c r="D55" s="17">
        <v>125</v>
      </c>
    </row>
    <row r="56" spans="1:4" ht="18" customHeight="1" x14ac:dyDescent="0.2">
      <c r="A56" s="14">
        <v>42</v>
      </c>
      <c r="B56" s="15">
        <v>50</v>
      </c>
      <c r="C56" s="16">
        <v>56</v>
      </c>
      <c r="D56" s="17">
        <v>106</v>
      </c>
    </row>
    <row r="57" spans="1:4" ht="18" customHeight="1" x14ac:dyDescent="0.2">
      <c r="A57" s="14">
        <v>43</v>
      </c>
      <c r="B57" s="15">
        <v>80</v>
      </c>
      <c r="C57" s="16">
        <v>56</v>
      </c>
      <c r="D57" s="17">
        <v>136</v>
      </c>
    </row>
    <row r="58" spans="1:4" ht="18" customHeight="1" x14ac:dyDescent="0.2">
      <c r="A58" s="14">
        <v>44</v>
      </c>
      <c r="B58" s="15">
        <v>63</v>
      </c>
      <c r="C58" s="16">
        <v>71</v>
      </c>
      <c r="D58" s="17">
        <v>134</v>
      </c>
    </row>
    <row r="59" spans="1:4" ht="18" customHeight="1" x14ac:dyDescent="0.2">
      <c r="A59" s="18" t="s">
        <v>57</v>
      </c>
      <c r="B59" s="15">
        <v>332</v>
      </c>
      <c r="C59" s="16">
        <v>316</v>
      </c>
      <c r="D59" s="17">
        <v>648</v>
      </c>
    </row>
    <row r="60" spans="1:4" ht="18" customHeight="1" x14ac:dyDescent="0.2">
      <c r="A60" s="14">
        <v>45</v>
      </c>
      <c r="B60" s="15">
        <v>71</v>
      </c>
      <c r="C60" s="16">
        <v>78</v>
      </c>
      <c r="D60" s="17">
        <v>149</v>
      </c>
    </row>
    <row r="61" spans="1:4" ht="18" customHeight="1" x14ac:dyDescent="0.2">
      <c r="A61" s="14">
        <v>46</v>
      </c>
      <c r="B61" s="15">
        <v>87</v>
      </c>
      <c r="C61" s="16">
        <v>92</v>
      </c>
      <c r="D61" s="17">
        <v>179</v>
      </c>
    </row>
    <row r="62" spans="1:4" ht="18" customHeight="1" x14ac:dyDescent="0.2">
      <c r="A62" s="14">
        <v>47</v>
      </c>
      <c r="B62" s="15">
        <v>95</v>
      </c>
      <c r="C62" s="16">
        <v>79</v>
      </c>
      <c r="D62" s="17">
        <v>174</v>
      </c>
    </row>
    <row r="63" spans="1:4" ht="18" customHeight="1" x14ac:dyDescent="0.2">
      <c r="A63" s="14">
        <v>48</v>
      </c>
      <c r="B63" s="15">
        <v>89</v>
      </c>
      <c r="C63" s="16">
        <v>63</v>
      </c>
      <c r="D63" s="17">
        <v>152</v>
      </c>
    </row>
    <row r="64" spans="1:4" ht="18" customHeight="1" x14ac:dyDescent="0.2">
      <c r="A64" s="14">
        <v>49</v>
      </c>
      <c r="B64" s="15">
        <v>66</v>
      </c>
      <c r="C64" s="16">
        <v>70</v>
      </c>
      <c r="D64" s="17">
        <v>136</v>
      </c>
    </row>
    <row r="65" spans="1:4" ht="18" customHeight="1" x14ac:dyDescent="0.2">
      <c r="A65" s="18" t="s">
        <v>58</v>
      </c>
      <c r="B65" s="15">
        <v>408</v>
      </c>
      <c r="C65" s="16">
        <v>382</v>
      </c>
      <c r="D65" s="17">
        <v>790</v>
      </c>
    </row>
    <row r="66" spans="1:4" ht="18" customHeight="1" x14ac:dyDescent="0.2">
      <c r="A66" s="14">
        <v>50</v>
      </c>
      <c r="B66" s="15">
        <v>65</v>
      </c>
      <c r="C66" s="16">
        <v>71</v>
      </c>
      <c r="D66" s="17">
        <v>136</v>
      </c>
    </row>
    <row r="67" spans="1:4" ht="18" customHeight="1" x14ac:dyDescent="0.2">
      <c r="A67" s="14">
        <v>51</v>
      </c>
      <c r="B67" s="15">
        <v>70</v>
      </c>
      <c r="C67" s="16">
        <v>83</v>
      </c>
      <c r="D67" s="17">
        <v>153</v>
      </c>
    </row>
    <row r="68" spans="1:4" ht="18" customHeight="1" x14ac:dyDescent="0.2">
      <c r="A68" s="14">
        <v>52</v>
      </c>
      <c r="B68" s="15">
        <v>65</v>
      </c>
      <c r="C68" s="16">
        <v>80</v>
      </c>
      <c r="D68" s="17">
        <v>145</v>
      </c>
    </row>
    <row r="69" spans="1:4" ht="18" customHeight="1" x14ac:dyDescent="0.2">
      <c r="A69" s="14">
        <v>53</v>
      </c>
      <c r="B69" s="15">
        <v>49</v>
      </c>
      <c r="C69" s="16">
        <v>36</v>
      </c>
      <c r="D69" s="17">
        <v>85</v>
      </c>
    </row>
    <row r="70" spans="1:4" ht="18" customHeight="1" x14ac:dyDescent="0.2">
      <c r="A70" s="14">
        <v>54</v>
      </c>
      <c r="B70" s="15">
        <v>61</v>
      </c>
      <c r="C70" s="16">
        <v>44</v>
      </c>
      <c r="D70" s="17">
        <v>105</v>
      </c>
    </row>
    <row r="71" spans="1:4" ht="18" customHeight="1" x14ac:dyDescent="0.2">
      <c r="A71" s="18" t="s">
        <v>59</v>
      </c>
      <c r="B71" s="15">
        <v>310</v>
      </c>
      <c r="C71" s="16">
        <v>314</v>
      </c>
      <c r="D71" s="17">
        <v>624</v>
      </c>
    </row>
    <row r="72" spans="1:4" ht="18" customHeight="1" x14ac:dyDescent="0.2">
      <c r="A72" s="14">
        <v>55</v>
      </c>
      <c r="B72" s="15">
        <v>57</v>
      </c>
      <c r="C72" s="16">
        <v>55</v>
      </c>
      <c r="D72" s="17">
        <v>112</v>
      </c>
    </row>
    <row r="73" spans="1:4" ht="18" customHeight="1" x14ac:dyDescent="0.2">
      <c r="A73" s="14">
        <v>56</v>
      </c>
      <c r="B73" s="15">
        <v>73</v>
      </c>
      <c r="C73" s="16">
        <v>52</v>
      </c>
      <c r="D73" s="17">
        <v>125</v>
      </c>
    </row>
    <row r="74" spans="1:4" ht="18" customHeight="1" x14ac:dyDescent="0.2">
      <c r="A74" s="14">
        <v>57</v>
      </c>
      <c r="B74" s="15">
        <v>51</v>
      </c>
      <c r="C74" s="16">
        <v>54</v>
      </c>
      <c r="D74" s="17">
        <v>105</v>
      </c>
    </row>
    <row r="75" spans="1:4" ht="18" customHeight="1" x14ac:dyDescent="0.2">
      <c r="A75" s="14">
        <v>58</v>
      </c>
      <c r="B75" s="15">
        <v>53</v>
      </c>
      <c r="C75" s="16">
        <v>54</v>
      </c>
      <c r="D75" s="17">
        <v>107</v>
      </c>
    </row>
    <row r="76" spans="1:4" ht="18" customHeight="1" x14ac:dyDescent="0.2">
      <c r="A76" s="14">
        <v>59</v>
      </c>
      <c r="B76" s="15">
        <v>62</v>
      </c>
      <c r="C76" s="16">
        <v>62</v>
      </c>
      <c r="D76" s="17">
        <v>124</v>
      </c>
    </row>
    <row r="77" spans="1:4" ht="18" customHeight="1" x14ac:dyDescent="0.2">
      <c r="A77" s="18" t="s">
        <v>60</v>
      </c>
      <c r="B77" s="15">
        <v>296</v>
      </c>
      <c r="C77" s="16">
        <v>277</v>
      </c>
      <c r="D77" s="17">
        <v>573</v>
      </c>
    </row>
    <row r="78" spans="1:4" ht="18" customHeight="1" x14ac:dyDescent="0.2">
      <c r="A78" s="14">
        <v>60</v>
      </c>
      <c r="B78" s="15">
        <v>55</v>
      </c>
      <c r="C78" s="16">
        <v>45</v>
      </c>
      <c r="D78" s="17">
        <v>100</v>
      </c>
    </row>
    <row r="79" spans="1:4" ht="18" customHeight="1" x14ac:dyDescent="0.2">
      <c r="A79" s="14">
        <v>61</v>
      </c>
      <c r="B79" s="15">
        <v>46</v>
      </c>
      <c r="C79" s="16">
        <v>41</v>
      </c>
      <c r="D79" s="17">
        <v>87</v>
      </c>
    </row>
    <row r="80" spans="1:4" ht="18" customHeight="1" x14ac:dyDescent="0.2">
      <c r="A80" s="14">
        <v>62</v>
      </c>
      <c r="B80" s="15">
        <v>52</v>
      </c>
      <c r="C80" s="16">
        <v>42</v>
      </c>
      <c r="D80" s="17">
        <v>94</v>
      </c>
    </row>
    <row r="81" spans="1:4" ht="18" customHeight="1" x14ac:dyDescent="0.2">
      <c r="A81" s="14">
        <v>63</v>
      </c>
      <c r="B81" s="15">
        <v>51</v>
      </c>
      <c r="C81" s="16">
        <v>44</v>
      </c>
      <c r="D81" s="17">
        <v>95</v>
      </c>
    </row>
    <row r="82" spans="1:4" ht="18" customHeight="1" x14ac:dyDescent="0.2">
      <c r="A82" s="14">
        <v>64</v>
      </c>
      <c r="B82" s="15">
        <v>54</v>
      </c>
      <c r="C82" s="16">
        <v>58</v>
      </c>
      <c r="D82" s="17">
        <v>112</v>
      </c>
    </row>
    <row r="83" spans="1:4" ht="18" customHeight="1" x14ac:dyDescent="0.2">
      <c r="A83" s="18" t="s">
        <v>61</v>
      </c>
      <c r="B83" s="15">
        <v>258</v>
      </c>
      <c r="C83" s="16">
        <v>230</v>
      </c>
      <c r="D83" s="17">
        <v>488</v>
      </c>
    </row>
    <row r="84" spans="1:4" ht="18" customHeight="1" x14ac:dyDescent="0.2">
      <c r="A84" s="18" t="s">
        <v>62</v>
      </c>
      <c r="B84" s="15">
        <v>3744</v>
      </c>
      <c r="C84" s="16">
        <v>2960</v>
      </c>
      <c r="D84" s="17">
        <v>6704</v>
      </c>
    </row>
    <row r="85" spans="1:4" ht="18" customHeight="1" x14ac:dyDescent="0.2">
      <c r="A85" s="14">
        <v>65</v>
      </c>
      <c r="B85" s="15">
        <v>38</v>
      </c>
      <c r="C85" s="16">
        <v>48</v>
      </c>
      <c r="D85" s="17">
        <v>86</v>
      </c>
    </row>
    <row r="86" spans="1:4" ht="18" customHeight="1" x14ac:dyDescent="0.2">
      <c r="A86" s="14">
        <v>66</v>
      </c>
      <c r="B86" s="15">
        <v>61</v>
      </c>
      <c r="C86" s="16">
        <v>59</v>
      </c>
      <c r="D86" s="17">
        <v>120</v>
      </c>
    </row>
    <row r="87" spans="1:4" ht="18" customHeight="1" x14ac:dyDescent="0.2">
      <c r="A87" s="14">
        <v>67</v>
      </c>
      <c r="B87" s="15">
        <v>40</v>
      </c>
      <c r="C87" s="16">
        <v>63</v>
      </c>
      <c r="D87" s="17">
        <v>103</v>
      </c>
    </row>
    <row r="88" spans="1:4" ht="18" customHeight="1" x14ac:dyDescent="0.2">
      <c r="A88" s="14">
        <v>68</v>
      </c>
      <c r="B88" s="15">
        <v>57</v>
      </c>
      <c r="C88" s="16">
        <v>49</v>
      </c>
      <c r="D88" s="17">
        <v>106</v>
      </c>
    </row>
    <row r="89" spans="1:4" ht="18" customHeight="1" x14ac:dyDescent="0.2">
      <c r="A89" s="14">
        <v>69</v>
      </c>
      <c r="B89" s="15">
        <v>54</v>
      </c>
      <c r="C89" s="16">
        <v>62</v>
      </c>
      <c r="D89" s="17">
        <v>116</v>
      </c>
    </row>
    <row r="90" spans="1:4" ht="18" customHeight="1" x14ac:dyDescent="0.2">
      <c r="A90" s="18" t="s">
        <v>63</v>
      </c>
      <c r="B90" s="15">
        <v>250</v>
      </c>
      <c r="C90" s="16">
        <v>281</v>
      </c>
      <c r="D90" s="17">
        <v>531</v>
      </c>
    </row>
    <row r="91" spans="1:4" ht="18" customHeight="1" x14ac:dyDescent="0.2">
      <c r="A91" s="14">
        <v>70</v>
      </c>
      <c r="B91" s="15">
        <v>67</v>
      </c>
      <c r="C91" s="16">
        <v>74</v>
      </c>
      <c r="D91" s="17">
        <v>141</v>
      </c>
    </row>
    <row r="92" spans="1:4" ht="18" customHeight="1" x14ac:dyDescent="0.2">
      <c r="A92" s="14">
        <v>71</v>
      </c>
      <c r="B92" s="15">
        <v>74</v>
      </c>
      <c r="C92" s="16">
        <v>84</v>
      </c>
      <c r="D92" s="17">
        <v>158</v>
      </c>
    </row>
    <row r="93" spans="1:4" ht="18" customHeight="1" x14ac:dyDescent="0.2">
      <c r="A93" s="14">
        <v>72</v>
      </c>
      <c r="B93" s="15">
        <v>95</v>
      </c>
      <c r="C93" s="16">
        <v>81</v>
      </c>
      <c r="D93" s="17">
        <v>176</v>
      </c>
    </row>
    <row r="94" spans="1:4" ht="18" customHeight="1" x14ac:dyDescent="0.2">
      <c r="A94" s="14">
        <v>73</v>
      </c>
      <c r="B94" s="15">
        <v>42</v>
      </c>
      <c r="C94" s="16">
        <v>42</v>
      </c>
      <c r="D94" s="17">
        <v>84</v>
      </c>
    </row>
    <row r="95" spans="1:4" ht="18" customHeight="1" x14ac:dyDescent="0.2">
      <c r="A95" s="14">
        <v>74</v>
      </c>
      <c r="B95" s="15">
        <v>37</v>
      </c>
      <c r="C95" s="16">
        <v>41</v>
      </c>
      <c r="D95" s="17">
        <v>78</v>
      </c>
    </row>
    <row r="96" spans="1:4" ht="18" customHeight="1" x14ac:dyDescent="0.2">
      <c r="A96" s="18" t="s">
        <v>64</v>
      </c>
      <c r="B96" s="15">
        <v>315</v>
      </c>
      <c r="C96" s="16">
        <v>322</v>
      </c>
      <c r="D96" s="17">
        <v>637</v>
      </c>
    </row>
    <row r="97" spans="1:4" ht="18" customHeight="1" x14ac:dyDescent="0.2">
      <c r="A97" s="14">
        <v>75</v>
      </c>
      <c r="B97" s="15">
        <v>51</v>
      </c>
      <c r="C97" s="16">
        <v>58</v>
      </c>
      <c r="D97" s="17">
        <v>109</v>
      </c>
    </row>
    <row r="98" spans="1:4" ht="18" customHeight="1" x14ac:dyDescent="0.2">
      <c r="A98" s="14">
        <v>76</v>
      </c>
      <c r="B98" s="15">
        <v>41</v>
      </c>
      <c r="C98" s="16">
        <v>55</v>
      </c>
      <c r="D98" s="17">
        <v>96</v>
      </c>
    </row>
    <row r="99" spans="1:4" ht="18" customHeight="1" x14ac:dyDescent="0.2">
      <c r="A99" s="14">
        <v>77</v>
      </c>
      <c r="B99" s="15">
        <v>54</v>
      </c>
      <c r="C99" s="16">
        <v>56</v>
      </c>
      <c r="D99" s="17">
        <v>110</v>
      </c>
    </row>
    <row r="100" spans="1:4" ht="18" customHeight="1" x14ac:dyDescent="0.2">
      <c r="A100" s="14">
        <v>78</v>
      </c>
      <c r="B100" s="15">
        <v>43</v>
      </c>
      <c r="C100" s="16">
        <v>38</v>
      </c>
      <c r="D100" s="17">
        <v>81</v>
      </c>
    </row>
    <row r="101" spans="1:4" ht="18" customHeight="1" x14ac:dyDescent="0.2">
      <c r="A101" s="14">
        <v>79</v>
      </c>
      <c r="B101" s="15">
        <v>29</v>
      </c>
      <c r="C101" s="16">
        <v>34</v>
      </c>
      <c r="D101" s="17">
        <v>63</v>
      </c>
    </row>
    <row r="102" spans="1:4" ht="18" customHeight="1" x14ac:dyDescent="0.2">
      <c r="A102" s="18" t="s">
        <v>65</v>
      </c>
      <c r="B102" s="15">
        <v>218</v>
      </c>
      <c r="C102" s="16">
        <v>241</v>
      </c>
      <c r="D102" s="17">
        <v>459</v>
      </c>
    </row>
    <row r="103" spans="1:4" ht="18" customHeight="1" x14ac:dyDescent="0.2">
      <c r="A103" s="14">
        <v>80</v>
      </c>
      <c r="B103" s="15">
        <v>25</v>
      </c>
      <c r="C103" s="16">
        <v>35</v>
      </c>
      <c r="D103" s="17">
        <v>60</v>
      </c>
    </row>
    <row r="104" spans="1:4" ht="18" customHeight="1" x14ac:dyDescent="0.2">
      <c r="A104" s="14">
        <v>81</v>
      </c>
      <c r="B104" s="15">
        <v>18</v>
      </c>
      <c r="C104" s="16">
        <v>45</v>
      </c>
      <c r="D104" s="17">
        <v>63</v>
      </c>
    </row>
    <row r="105" spans="1:4" ht="18" customHeight="1" x14ac:dyDescent="0.2">
      <c r="A105" s="14">
        <v>82</v>
      </c>
      <c r="B105" s="15">
        <v>29</v>
      </c>
      <c r="C105" s="16">
        <v>40</v>
      </c>
      <c r="D105" s="17">
        <v>69</v>
      </c>
    </row>
    <row r="106" spans="1:4" ht="18" customHeight="1" x14ac:dyDescent="0.2">
      <c r="A106" s="14">
        <v>83</v>
      </c>
      <c r="B106" s="15">
        <v>19</v>
      </c>
      <c r="C106" s="16">
        <v>51</v>
      </c>
      <c r="D106" s="17">
        <v>70</v>
      </c>
    </row>
    <row r="107" spans="1:4" ht="18" customHeight="1" x14ac:dyDescent="0.2">
      <c r="A107" s="14">
        <v>84</v>
      </c>
      <c r="B107" s="15">
        <v>19</v>
      </c>
      <c r="C107" s="16">
        <v>29</v>
      </c>
      <c r="D107" s="17">
        <v>48</v>
      </c>
    </row>
    <row r="108" spans="1:4" ht="18" customHeight="1" x14ac:dyDescent="0.2">
      <c r="A108" s="18" t="s">
        <v>66</v>
      </c>
      <c r="B108" s="15">
        <v>110</v>
      </c>
      <c r="C108" s="16">
        <v>200</v>
      </c>
      <c r="D108" s="17">
        <v>310</v>
      </c>
    </row>
    <row r="109" spans="1:4" ht="18" customHeight="1" x14ac:dyDescent="0.2">
      <c r="A109" s="14">
        <v>85</v>
      </c>
      <c r="B109" s="15">
        <v>23</v>
      </c>
      <c r="C109" s="16">
        <v>53</v>
      </c>
      <c r="D109" s="17">
        <v>76</v>
      </c>
    </row>
    <row r="110" spans="1:4" ht="18" customHeight="1" x14ac:dyDescent="0.2">
      <c r="A110" s="14">
        <v>86</v>
      </c>
      <c r="B110" s="15">
        <v>21</v>
      </c>
      <c r="C110" s="16">
        <v>39</v>
      </c>
      <c r="D110" s="17">
        <v>60</v>
      </c>
    </row>
    <row r="111" spans="1:4" ht="18" customHeight="1" x14ac:dyDescent="0.2">
      <c r="A111" s="14">
        <v>87</v>
      </c>
      <c r="B111" s="15">
        <v>13</v>
      </c>
      <c r="C111" s="16">
        <v>38</v>
      </c>
      <c r="D111" s="17">
        <v>51</v>
      </c>
    </row>
    <row r="112" spans="1:4" ht="18" customHeight="1" x14ac:dyDescent="0.2">
      <c r="A112" s="14">
        <v>88</v>
      </c>
      <c r="B112" s="15">
        <v>14</v>
      </c>
      <c r="C112" s="16">
        <v>24</v>
      </c>
      <c r="D112" s="17">
        <v>38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79</v>
      </c>
      <c r="C114" s="16">
        <v>173</v>
      </c>
      <c r="D114" s="17">
        <v>252</v>
      </c>
    </row>
    <row r="115" spans="1:4" ht="18" customHeight="1" x14ac:dyDescent="0.2">
      <c r="A115" s="14">
        <v>90</v>
      </c>
      <c r="B115" s="15">
        <v>11</v>
      </c>
      <c r="C115" s="16">
        <v>14</v>
      </c>
      <c r="D115" s="17">
        <v>25</v>
      </c>
    </row>
    <row r="116" spans="1:4" ht="18" customHeight="1" x14ac:dyDescent="0.2">
      <c r="A116" s="14">
        <v>91</v>
      </c>
      <c r="B116" s="15">
        <v>10</v>
      </c>
      <c r="C116" s="16">
        <v>14</v>
      </c>
      <c r="D116" s="17">
        <v>24</v>
      </c>
    </row>
    <row r="117" spans="1:4" ht="18" customHeight="1" x14ac:dyDescent="0.2">
      <c r="A117" s="14">
        <v>92</v>
      </c>
      <c r="B117" s="15">
        <v>6</v>
      </c>
      <c r="C117" s="16">
        <v>16</v>
      </c>
      <c r="D117" s="17">
        <v>22</v>
      </c>
    </row>
    <row r="118" spans="1:4" ht="18" customHeight="1" x14ac:dyDescent="0.2">
      <c r="A118" s="14">
        <v>93</v>
      </c>
      <c r="B118" s="15">
        <v>6</v>
      </c>
      <c r="C118" s="16">
        <v>20</v>
      </c>
      <c r="D118" s="17">
        <v>26</v>
      </c>
    </row>
    <row r="119" spans="1:4" ht="18" customHeight="1" x14ac:dyDescent="0.2">
      <c r="A119" s="14">
        <v>94</v>
      </c>
      <c r="B119" s="15">
        <v>2</v>
      </c>
      <c r="C119" s="16">
        <v>16</v>
      </c>
      <c r="D119" s="17">
        <v>18</v>
      </c>
    </row>
    <row r="120" spans="1:4" ht="18" customHeight="1" x14ac:dyDescent="0.2">
      <c r="A120" s="18" t="s">
        <v>68</v>
      </c>
      <c r="B120" s="15">
        <v>35</v>
      </c>
      <c r="C120" s="16">
        <v>80</v>
      </c>
      <c r="D120" s="17">
        <v>115</v>
      </c>
    </row>
    <row r="121" spans="1:4" ht="18" customHeight="1" x14ac:dyDescent="0.2">
      <c r="A121" s="14">
        <v>95</v>
      </c>
      <c r="B121" s="15">
        <v>6</v>
      </c>
      <c r="C121" s="16">
        <v>13</v>
      </c>
      <c r="D121" s="17">
        <v>19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8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8</v>
      </c>
      <c r="C126" s="16">
        <v>35</v>
      </c>
      <c r="D126" s="17">
        <v>4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015</v>
      </c>
      <c r="C130" s="5">
        <v>1338</v>
      </c>
      <c r="D130" s="6">
        <v>2353</v>
      </c>
    </row>
    <row r="131" spans="1:4" ht="18" customHeight="1" x14ac:dyDescent="0.2">
      <c r="A131" s="20" t="s">
        <v>47</v>
      </c>
      <c r="B131" s="7">
        <v>5261</v>
      </c>
      <c r="C131" s="8">
        <v>4818</v>
      </c>
      <c r="D131" s="9">
        <v>100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13</v>
      </c>
      <c r="D5" s="13">
        <v>31</v>
      </c>
    </row>
    <row r="6" spans="1:4" ht="18" customHeight="1" x14ac:dyDescent="0.2">
      <c r="A6" s="14">
        <v>1</v>
      </c>
      <c r="B6" s="15">
        <v>17</v>
      </c>
      <c r="C6" s="16">
        <v>17</v>
      </c>
      <c r="D6" s="17">
        <v>34</v>
      </c>
    </row>
    <row r="7" spans="1:4" ht="18" customHeight="1" x14ac:dyDescent="0.2">
      <c r="A7" s="14">
        <v>2</v>
      </c>
      <c r="B7" s="15">
        <v>16</v>
      </c>
      <c r="C7" s="16">
        <v>19</v>
      </c>
      <c r="D7" s="17">
        <v>35</v>
      </c>
    </row>
    <row r="8" spans="1:4" ht="18" customHeight="1" x14ac:dyDescent="0.2">
      <c r="A8" s="14">
        <v>3</v>
      </c>
      <c r="B8" s="15">
        <v>12</v>
      </c>
      <c r="C8" s="16">
        <v>21</v>
      </c>
      <c r="D8" s="17">
        <v>33</v>
      </c>
    </row>
    <row r="9" spans="1:4" ht="18" customHeight="1" x14ac:dyDescent="0.2">
      <c r="A9" s="14">
        <v>4</v>
      </c>
      <c r="B9" s="15">
        <v>14</v>
      </c>
      <c r="C9" s="16">
        <v>18</v>
      </c>
      <c r="D9" s="17">
        <v>32</v>
      </c>
    </row>
    <row r="10" spans="1:4" ht="18" customHeight="1" x14ac:dyDescent="0.2">
      <c r="A10" s="18" t="s">
        <v>48</v>
      </c>
      <c r="B10" s="15">
        <v>77</v>
      </c>
      <c r="C10" s="16">
        <v>88</v>
      </c>
      <c r="D10" s="17">
        <v>165</v>
      </c>
    </row>
    <row r="11" spans="1:4" ht="18" customHeight="1" x14ac:dyDescent="0.2">
      <c r="A11" s="14">
        <v>5</v>
      </c>
      <c r="B11" s="15">
        <v>15</v>
      </c>
      <c r="C11" s="16">
        <v>12</v>
      </c>
      <c r="D11" s="17">
        <v>27</v>
      </c>
    </row>
    <row r="12" spans="1:4" ht="18" customHeight="1" x14ac:dyDescent="0.2">
      <c r="A12" s="14">
        <v>6</v>
      </c>
      <c r="B12" s="15">
        <v>10</v>
      </c>
      <c r="C12" s="16">
        <v>24</v>
      </c>
      <c r="D12" s="17">
        <v>34</v>
      </c>
    </row>
    <row r="13" spans="1:4" ht="18" customHeight="1" x14ac:dyDescent="0.2">
      <c r="A13" s="14">
        <v>7</v>
      </c>
      <c r="B13" s="15">
        <v>24</v>
      </c>
      <c r="C13" s="16">
        <v>15</v>
      </c>
      <c r="D13" s="17">
        <v>39</v>
      </c>
    </row>
    <row r="14" spans="1:4" ht="18" customHeight="1" x14ac:dyDescent="0.2">
      <c r="A14" s="14">
        <v>8</v>
      </c>
      <c r="B14" s="15">
        <v>14</v>
      </c>
      <c r="C14" s="16">
        <v>16</v>
      </c>
      <c r="D14" s="17">
        <v>30</v>
      </c>
    </row>
    <row r="15" spans="1:4" ht="18" customHeight="1" x14ac:dyDescent="0.2">
      <c r="A15" s="14">
        <v>9</v>
      </c>
      <c r="B15" s="15">
        <v>16</v>
      </c>
      <c r="C15" s="16">
        <v>17</v>
      </c>
      <c r="D15" s="17">
        <v>33</v>
      </c>
    </row>
    <row r="16" spans="1:4" ht="18" customHeight="1" x14ac:dyDescent="0.2">
      <c r="A16" s="18" t="s">
        <v>49</v>
      </c>
      <c r="B16" s="15">
        <v>79</v>
      </c>
      <c r="C16" s="16">
        <v>84</v>
      </c>
      <c r="D16" s="17">
        <v>163</v>
      </c>
    </row>
    <row r="17" spans="1:4" ht="18" customHeight="1" x14ac:dyDescent="0.2">
      <c r="A17" s="14">
        <v>10</v>
      </c>
      <c r="B17" s="15">
        <v>16</v>
      </c>
      <c r="C17" s="16">
        <v>17</v>
      </c>
      <c r="D17" s="17">
        <v>33</v>
      </c>
    </row>
    <row r="18" spans="1:4" ht="18" customHeight="1" x14ac:dyDescent="0.2">
      <c r="A18" s="14">
        <v>11</v>
      </c>
      <c r="B18" s="15">
        <v>20</v>
      </c>
      <c r="C18" s="16">
        <v>15</v>
      </c>
      <c r="D18" s="17">
        <v>35</v>
      </c>
    </row>
    <row r="19" spans="1:4" ht="18" customHeight="1" x14ac:dyDescent="0.2">
      <c r="A19" s="14">
        <v>12</v>
      </c>
      <c r="B19" s="15">
        <v>24</v>
      </c>
      <c r="C19" s="16">
        <v>19</v>
      </c>
      <c r="D19" s="17">
        <v>43</v>
      </c>
    </row>
    <row r="20" spans="1:4" ht="18" customHeight="1" x14ac:dyDescent="0.2">
      <c r="A20" s="14">
        <v>13</v>
      </c>
      <c r="B20" s="15">
        <v>16</v>
      </c>
      <c r="C20" s="16">
        <v>19</v>
      </c>
      <c r="D20" s="17">
        <v>35</v>
      </c>
    </row>
    <row r="21" spans="1:4" ht="18" customHeight="1" x14ac:dyDescent="0.2">
      <c r="A21" s="14">
        <v>14</v>
      </c>
      <c r="B21" s="15">
        <v>23</v>
      </c>
      <c r="C21" s="16">
        <v>26</v>
      </c>
      <c r="D21" s="17">
        <v>49</v>
      </c>
    </row>
    <row r="22" spans="1:4" ht="18" customHeight="1" x14ac:dyDescent="0.2">
      <c r="A22" s="18" t="s">
        <v>50</v>
      </c>
      <c r="B22" s="15">
        <v>99</v>
      </c>
      <c r="C22" s="16">
        <v>96</v>
      </c>
      <c r="D22" s="17">
        <v>195</v>
      </c>
    </row>
    <row r="23" spans="1:4" ht="18" customHeight="1" x14ac:dyDescent="0.2">
      <c r="A23" s="18" t="s">
        <v>51</v>
      </c>
      <c r="B23" s="15">
        <v>255</v>
      </c>
      <c r="C23" s="16">
        <v>268</v>
      </c>
      <c r="D23" s="17">
        <v>523</v>
      </c>
    </row>
    <row r="24" spans="1:4" ht="18" customHeight="1" x14ac:dyDescent="0.2">
      <c r="A24" s="14">
        <v>15</v>
      </c>
      <c r="B24" s="15">
        <v>16</v>
      </c>
      <c r="C24" s="16">
        <v>21</v>
      </c>
      <c r="D24" s="17">
        <v>37</v>
      </c>
    </row>
    <row r="25" spans="1:4" ht="18" customHeight="1" x14ac:dyDescent="0.2">
      <c r="A25" s="14">
        <v>16</v>
      </c>
      <c r="B25" s="15">
        <v>29</v>
      </c>
      <c r="C25" s="16">
        <v>28</v>
      </c>
      <c r="D25" s="17">
        <v>57</v>
      </c>
    </row>
    <row r="26" spans="1:4" ht="18" customHeight="1" x14ac:dyDescent="0.2">
      <c r="A26" s="14">
        <v>17</v>
      </c>
      <c r="B26" s="15">
        <v>29</v>
      </c>
      <c r="C26" s="16">
        <v>24</v>
      </c>
      <c r="D26" s="17">
        <v>53</v>
      </c>
    </row>
    <row r="27" spans="1:4" ht="18" customHeight="1" x14ac:dyDescent="0.2">
      <c r="A27" s="14">
        <v>18</v>
      </c>
      <c r="B27" s="15">
        <v>26</v>
      </c>
      <c r="C27" s="16">
        <v>32</v>
      </c>
      <c r="D27" s="17">
        <v>58</v>
      </c>
    </row>
    <row r="28" spans="1:4" ht="18" customHeight="1" x14ac:dyDescent="0.2">
      <c r="A28" s="14">
        <v>19</v>
      </c>
      <c r="B28" s="15">
        <v>23</v>
      </c>
      <c r="C28" s="16">
        <v>25</v>
      </c>
      <c r="D28" s="17">
        <v>48</v>
      </c>
    </row>
    <row r="29" spans="1:4" ht="18" customHeight="1" x14ac:dyDescent="0.2">
      <c r="A29" s="18" t="s">
        <v>52</v>
      </c>
      <c r="B29" s="15">
        <v>123</v>
      </c>
      <c r="C29" s="16">
        <v>130</v>
      </c>
      <c r="D29" s="17">
        <v>253</v>
      </c>
    </row>
    <row r="30" spans="1:4" ht="18" customHeight="1" x14ac:dyDescent="0.2">
      <c r="A30" s="14">
        <v>20</v>
      </c>
      <c r="B30" s="15">
        <v>24</v>
      </c>
      <c r="C30" s="16">
        <v>22</v>
      </c>
      <c r="D30" s="17">
        <v>46</v>
      </c>
    </row>
    <row r="31" spans="1:4" ht="18" customHeight="1" x14ac:dyDescent="0.2">
      <c r="A31" s="14">
        <v>21</v>
      </c>
      <c r="B31" s="15">
        <v>18</v>
      </c>
      <c r="C31" s="16">
        <v>12</v>
      </c>
      <c r="D31" s="17">
        <v>30</v>
      </c>
    </row>
    <row r="32" spans="1:4" ht="18" customHeight="1" x14ac:dyDescent="0.2">
      <c r="A32" s="14">
        <v>22</v>
      </c>
      <c r="B32" s="15">
        <v>22</v>
      </c>
      <c r="C32" s="16">
        <v>22</v>
      </c>
      <c r="D32" s="17">
        <v>44</v>
      </c>
    </row>
    <row r="33" spans="1:4" ht="18" customHeight="1" x14ac:dyDescent="0.2">
      <c r="A33" s="14">
        <v>23</v>
      </c>
      <c r="B33" s="15">
        <v>18</v>
      </c>
      <c r="C33" s="16">
        <v>14</v>
      </c>
      <c r="D33" s="17">
        <v>32</v>
      </c>
    </row>
    <row r="34" spans="1:4" ht="18" customHeight="1" x14ac:dyDescent="0.2">
      <c r="A34" s="14">
        <v>24</v>
      </c>
      <c r="B34" s="15">
        <v>21</v>
      </c>
      <c r="C34" s="16">
        <v>20</v>
      </c>
      <c r="D34" s="17">
        <v>41</v>
      </c>
    </row>
    <row r="35" spans="1:4" ht="18" customHeight="1" x14ac:dyDescent="0.2">
      <c r="A35" s="18" t="s">
        <v>53</v>
      </c>
      <c r="B35" s="15">
        <v>103</v>
      </c>
      <c r="C35" s="16">
        <v>90</v>
      </c>
      <c r="D35" s="17">
        <v>193</v>
      </c>
    </row>
    <row r="36" spans="1:4" ht="18" customHeight="1" x14ac:dyDescent="0.2">
      <c r="A36" s="14">
        <v>25</v>
      </c>
      <c r="B36" s="15">
        <v>13</v>
      </c>
      <c r="C36" s="16">
        <v>17</v>
      </c>
      <c r="D36" s="17">
        <v>30</v>
      </c>
    </row>
    <row r="37" spans="1:4" ht="18" customHeight="1" x14ac:dyDescent="0.2">
      <c r="A37" s="14">
        <v>26</v>
      </c>
      <c r="B37" s="15">
        <v>20</v>
      </c>
      <c r="C37" s="16">
        <v>21</v>
      </c>
      <c r="D37" s="17">
        <v>41</v>
      </c>
    </row>
    <row r="38" spans="1:4" ht="18" customHeight="1" x14ac:dyDescent="0.2">
      <c r="A38" s="14">
        <v>27</v>
      </c>
      <c r="B38" s="15">
        <v>21</v>
      </c>
      <c r="C38" s="16">
        <v>19</v>
      </c>
      <c r="D38" s="17">
        <v>40</v>
      </c>
    </row>
    <row r="39" spans="1:4" ht="18" customHeight="1" x14ac:dyDescent="0.2">
      <c r="A39" s="14">
        <v>28</v>
      </c>
      <c r="B39" s="15">
        <v>29</v>
      </c>
      <c r="C39" s="16">
        <v>25</v>
      </c>
      <c r="D39" s="17">
        <v>54</v>
      </c>
    </row>
    <row r="40" spans="1:4" ht="18" customHeight="1" x14ac:dyDescent="0.2">
      <c r="A40" s="14">
        <v>29</v>
      </c>
      <c r="B40" s="15">
        <v>24</v>
      </c>
      <c r="C40" s="16">
        <v>17</v>
      </c>
      <c r="D40" s="17">
        <v>41</v>
      </c>
    </row>
    <row r="41" spans="1:4" ht="18" customHeight="1" x14ac:dyDescent="0.2">
      <c r="A41" s="18" t="s">
        <v>54</v>
      </c>
      <c r="B41" s="15">
        <v>107</v>
      </c>
      <c r="C41" s="16">
        <v>99</v>
      </c>
      <c r="D41" s="17">
        <v>206</v>
      </c>
    </row>
    <row r="42" spans="1:4" ht="18" customHeight="1" x14ac:dyDescent="0.2">
      <c r="A42" s="14">
        <v>30</v>
      </c>
      <c r="B42" s="15">
        <v>27</v>
      </c>
      <c r="C42" s="16">
        <v>26</v>
      </c>
      <c r="D42" s="17">
        <v>53</v>
      </c>
    </row>
    <row r="43" spans="1:4" ht="18" customHeight="1" x14ac:dyDescent="0.2">
      <c r="A43" s="14">
        <v>31</v>
      </c>
      <c r="B43" s="15">
        <v>23</v>
      </c>
      <c r="C43" s="16">
        <v>16</v>
      </c>
      <c r="D43" s="17">
        <v>39</v>
      </c>
    </row>
    <row r="44" spans="1:4" ht="18" customHeight="1" x14ac:dyDescent="0.2">
      <c r="A44" s="14">
        <v>32</v>
      </c>
      <c r="B44" s="15">
        <v>26</v>
      </c>
      <c r="C44" s="16">
        <v>24</v>
      </c>
      <c r="D44" s="17">
        <v>50</v>
      </c>
    </row>
    <row r="45" spans="1:4" ht="18" customHeight="1" x14ac:dyDescent="0.2">
      <c r="A45" s="14">
        <v>33</v>
      </c>
      <c r="B45" s="15">
        <v>25</v>
      </c>
      <c r="C45" s="16">
        <v>33</v>
      </c>
      <c r="D45" s="17">
        <v>58</v>
      </c>
    </row>
    <row r="46" spans="1:4" ht="18" customHeight="1" x14ac:dyDescent="0.2">
      <c r="A46" s="14">
        <v>34</v>
      </c>
      <c r="B46" s="15">
        <v>16</v>
      </c>
      <c r="C46" s="16">
        <v>23</v>
      </c>
      <c r="D46" s="17">
        <v>39</v>
      </c>
    </row>
    <row r="47" spans="1:4" ht="18" customHeight="1" x14ac:dyDescent="0.2">
      <c r="A47" s="18" t="s">
        <v>55</v>
      </c>
      <c r="B47" s="15">
        <v>117</v>
      </c>
      <c r="C47" s="16">
        <v>122</v>
      </c>
      <c r="D47" s="17">
        <v>239</v>
      </c>
    </row>
    <row r="48" spans="1:4" ht="18" customHeight="1" x14ac:dyDescent="0.2">
      <c r="A48" s="14">
        <v>35</v>
      </c>
      <c r="B48" s="15">
        <v>20</v>
      </c>
      <c r="C48" s="16">
        <v>24</v>
      </c>
      <c r="D48" s="17">
        <v>44</v>
      </c>
    </row>
    <row r="49" spans="1:4" ht="18" customHeight="1" x14ac:dyDescent="0.2">
      <c r="A49" s="14">
        <v>36</v>
      </c>
      <c r="B49" s="15">
        <v>25</v>
      </c>
      <c r="C49" s="16">
        <v>21</v>
      </c>
      <c r="D49" s="17">
        <v>46</v>
      </c>
    </row>
    <row r="50" spans="1:4" ht="18" customHeight="1" x14ac:dyDescent="0.2">
      <c r="A50" s="14">
        <v>37</v>
      </c>
      <c r="B50" s="15">
        <v>24</v>
      </c>
      <c r="C50" s="16">
        <v>16</v>
      </c>
      <c r="D50" s="17">
        <v>40</v>
      </c>
    </row>
    <row r="51" spans="1:4" ht="18" customHeight="1" x14ac:dyDescent="0.2">
      <c r="A51" s="14">
        <v>38</v>
      </c>
      <c r="B51" s="15">
        <v>29</v>
      </c>
      <c r="C51" s="16">
        <v>19</v>
      </c>
      <c r="D51" s="17">
        <v>48</v>
      </c>
    </row>
    <row r="52" spans="1:4" ht="18" customHeight="1" x14ac:dyDescent="0.2">
      <c r="A52" s="14">
        <v>39</v>
      </c>
      <c r="B52" s="15">
        <v>18</v>
      </c>
      <c r="C52" s="16">
        <v>21</v>
      </c>
      <c r="D52" s="17">
        <v>39</v>
      </c>
    </row>
    <row r="53" spans="1:4" ht="18" customHeight="1" x14ac:dyDescent="0.2">
      <c r="A53" s="18" t="s">
        <v>56</v>
      </c>
      <c r="B53" s="15">
        <v>116</v>
      </c>
      <c r="C53" s="16">
        <v>101</v>
      </c>
      <c r="D53" s="17">
        <v>217</v>
      </c>
    </row>
    <row r="54" spans="1:4" ht="18" customHeight="1" x14ac:dyDescent="0.2">
      <c r="A54" s="14">
        <v>40</v>
      </c>
      <c r="B54" s="15">
        <v>23</v>
      </c>
      <c r="C54" s="16">
        <v>32</v>
      </c>
      <c r="D54" s="17">
        <v>55</v>
      </c>
    </row>
    <row r="55" spans="1:4" ht="18" customHeight="1" x14ac:dyDescent="0.2">
      <c r="A55" s="14">
        <v>41</v>
      </c>
      <c r="B55" s="15">
        <v>32</v>
      </c>
      <c r="C55" s="16">
        <v>24</v>
      </c>
      <c r="D55" s="17">
        <v>56</v>
      </c>
    </row>
    <row r="56" spans="1:4" ht="18" customHeight="1" x14ac:dyDescent="0.2">
      <c r="A56" s="14">
        <v>42</v>
      </c>
      <c r="B56" s="15">
        <v>29</v>
      </c>
      <c r="C56" s="16">
        <v>31</v>
      </c>
      <c r="D56" s="17">
        <v>60</v>
      </c>
    </row>
    <row r="57" spans="1:4" ht="18" customHeight="1" x14ac:dyDescent="0.2">
      <c r="A57" s="14">
        <v>43</v>
      </c>
      <c r="B57" s="15">
        <v>28</v>
      </c>
      <c r="C57" s="16">
        <v>32</v>
      </c>
      <c r="D57" s="17">
        <v>60</v>
      </c>
    </row>
    <row r="58" spans="1:4" ht="18" customHeight="1" x14ac:dyDescent="0.2">
      <c r="A58" s="14">
        <v>44</v>
      </c>
      <c r="B58" s="15">
        <v>33</v>
      </c>
      <c r="C58" s="16">
        <v>33</v>
      </c>
      <c r="D58" s="17">
        <v>66</v>
      </c>
    </row>
    <row r="59" spans="1:4" ht="18" customHeight="1" x14ac:dyDescent="0.2">
      <c r="A59" s="18" t="s">
        <v>57</v>
      </c>
      <c r="B59" s="15">
        <v>145</v>
      </c>
      <c r="C59" s="16">
        <v>152</v>
      </c>
      <c r="D59" s="17">
        <v>297</v>
      </c>
    </row>
    <row r="60" spans="1:4" ht="18" customHeight="1" x14ac:dyDescent="0.2">
      <c r="A60" s="14">
        <v>45</v>
      </c>
      <c r="B60" s="15">
        <v>34</v>
      </c>
      <c r="C60" s="16">
        <v>38</v>
      </c>
      <c r="D60" s="17">
        <v>72</v>
      </c>
    </row>
    <row r="61" spans="1:4" ht="18" customHeight="1" x14ac:dyDescent="0.2">
      <c r="A61" s="14">
        <v>46</v>
      </c>
      <c r="B61" s="15">
        <v>41</v>
      </c>
      <c r="C61" s="16">
        <v>42</v>
      </c>
      <c r="D61" s="17">
        <v>83</v>
      </c>
    </row>
    <row r="62" spans="1:4" ht="18" customHeight="1" x14ac:dyDescent="0.2">
      <c r="A62" s="14">
        <v>47</v>
      </c>
      <c r="B62" s="15">
        <v>34</v>
      </c>
      <c r="C62" s="16">
        <v>40</v>
      </c>
      <c r="D62" s="17">
        <v>74</v>
      </c>
    </row>
    <row r="63" spans="1:4" ht="18" customHeight="1" x14ac:dyDescent="0.2">
      <c r="A63" s="14">
        <v>48</v>
      </c>
      <c r="B63" s="15">
        <v>36</v>
      </c>
      <c r="C63" s="16">
        <v>32</v>
      </c>
      <c r="D63" s="17">
        <v>68</v>
      </c>
    </row>
    <row r="64" spans="1:4" ht="18" customHeight="1" x14ac:dyDescent="0.2">
      <c r="A64" s="14">
        <v>49</v>
      </c>
      <c r="B64" s="15">
        <v>28</v>
      </c>
      <c r="C64" s="16">
        <v>32</v>
      </c>
      <c r="D64" s="17">
        <v>60</v>
      </c>
    </row>
    <row r="65" spans="1:4" ht="18" customHeight="1" x14ac:dyDescent="0.2">
      <c r="A65" s="18" t="s">
        <v>58</v>
      </c>
      <c r="B65" s="15">
        <v>173</v>
      </c>
      <c r="C65" s="16">
        <v>184</v>
      </c>
      <c r="D65" s="17">
        <v>357</v>
      </c>
    </row>
    <row r="66" spans="1:4" ht="18" customHeight="1" x14ac:dyDescent="0.2">
      <c r="A66" s="14">
        <v>50</v>
      </c>
      <c r="B66" s="15">
        <v>23</v>
      </c>
      <c r="C66" s="16">
        <v>39</v>
      </c>
      <c r="D66" s="17">
        <v>62</v>
      </c>
    </row>
    <row r="67" spans="1:4" ht="18" customHeight="1" x14ac:dyDescent="0.2">
      <c r="A67" s="14">
        <v>51</v>
      </c>
      <c r="B67" s="15">
        <v>21</v>
      </c>
      <c r="C67" s="16">
        <v>29</v>
      </c>
      <c r="D67" s="17">
        <v>50</v>
      </c>
    </row>
    <row r="68" spans="1:4" ht="18" customHeight="1" x14ac:dyDescent="0.2">
      <c r="A68" s="14">
        <v>52</v>
      </c>
      <c r="B68" s="15">
        <v>39</v>
      </c>
      <c r="C68" s="16">
        <v>33</v>
      </c>
      <c r="D68" s="17">
        <v>72</v>
      </c>
    </row>
    <row r="69" spans="1:4" ht="18" customHeight="1" x14ac:dyDescent="0.2">
      <c r="A69" s="14">
        <v>53</v>
      </c>
      <c r="B69" s="15">
        <v>32</v>
      </c>
      <c r="C69" s="16">
        <v>31</v>
      </c>
      <c r="D69" s="17">
        <v>63</v>
      </c>
    </row>
    <row r="70" spans="1:4" ht="18" customHeight="1" x14ac:dyDescent="0.2">
      <c r="A70" s="14">
        <v>54</v>
      </c>
      <c r="B70" s="15">
        <v>28</v>
      </c>
      <c r="C70" s="16">
        <v>36</v>
      </c>
      <c r="D70" s="17">
        <v>64</v>
      </c>
    </row>
    <row r="71" spans="1:4" ht="18" customHeight="1" x14ac:dyDescent="0.2">
      <c r="A71" s="18" t="s">
        <v>59</v>
      </c>
      <c r="B71" s="15">
        <v>143</v>
      </c>
      <c r="C71" s="16">
        <v>168</v>
      </c>
      <c r="D71" s="17">
        <v>311</v>
      </c>
    </row>
    <row r="72" spans="1:4" ht="18" customHeight="1" x14ac:dyDescent="0.2">
      <c r="A72" s="14">
        <v>55</v>
      </c>
      <c r="B72" s="15">
        <v>30</v>
      </c>
      <c r="C72" s="16">
        <v>30</v>
      </c>
      <c r="D72" s="17">
        <v>60</v>
      </c>
    </row>
    <row r="73" spans="1:4" ht="18" customHeight="1" x14ac:dyDescent="0.2">
      <c r="A73" s="14">
        <v>56</v>
      </c>
      <c r="B73" s="15">
        <v>31</v>
      </c>
      <c r="C73" s="16">
        <v>22</v>
      </c>
      <c r="D73" s="17">
        <v>53</v>
      </c>
    </row>
    <row r="74" spans="1:4" ht="18" customHeight="1" x14ac:dyDescent="0.2">
      <c r="A74" s="14">
        <v>57</v>
      </c>
      <c r="B74" s="15">
        <v>26</v>
      </c>
      <c r="C74" s="16">
        <v>24</v>
      </c>
      <c r="D74" s="17">
        <v>50</v>
      </c>
    </row>
    <row r="75" spans="1:4" ht="18" customHeight="1" x14ac:dyDescent="0.2">
      <c r="A75" s="14">
        <v>58</v>
      </c>
      <c r="B75" s="15">
        <v>27</v>
      </c>
      <c r="C75" s="16">
        <v>34</v>
      </c>
      <c r="D75" s="17">
        <v>61</v>
      </c>
    </row>
    <row r="76" spans="1:4" ht="18" customHeight="1" x14ac:dyDescent="0.2">
      <c r="A76" s="14">
        <v>59</v>
      </c>
      <c r="B76" s="15">
        <v>32</v>
      </c>
      <c r="C76" s="16">
        <v>19</v>
      </c>
      <c r="D76" s="17">
        <v>51</v>
      </c>
    </row>
    <row r="77" spans="1:4" ht="18" customHeight="1" x14ac:dyDescent="0.2">
      <c r="A77" s="18" t="s">
        <v>60</v>
      </c>
      <c r="B77" s="15">
        <v>146</v>
      </c>
      <c r="C77" s="16">
        <v>129</v>
      </c>
      <c r="D77" s="17">
        <v>275</v>
      </c>
    </row>
    <row r="78" spans="1:4" ht="18" customHeight="1" x14ac:dyDescent="0.2">
      <c r="A78" s="14">
        <v>60</v>
      </c>
      <c r="B78" s="15">
        <v>26</v>
      </c>
      <c r="C78" s="16">
        <v>31</v>
      </c>
      <c r="D78" s="17">
        <v>57</v>
      </c>
    </row>
    <row r="79" spans="1:4" ht="18" customHeight="1" x14ac:dyDescent="0.2">
      <c r="A79" s="14">
        <v>61</v>
      </c>
      <c r="B79" s="15">
        <v>12</v>
      </c>
      <c r="C79" s="16">
        <v>23</v>
      </c>
      <c r="D79" s="17">
        <v>35</v>
      </c>
    </row>
    <row r="80" spans="1:4" ht="18" customHeight="1" x14ac:dyDescent="0.2">
      <c r="A80" s="14">
        <v>62</v>
      </c>
      <c r="B80" s="15">
        <v>21</v>
      </c>
      <c r="C80" s="16">
        <v>25</v>
      </c>
      <c r="D80" s="17">
        <v>46</v>
      </c>
    </row>
    <row r="81" spans="1:4" ht="18" customHeight="1" x14ac:dyDescent="0.2">
      <c r="A81" s="14">
        <v>63</v>
      </c>
      <c r="B81" s="15">
        <v>14</v>
      </c>
      <c r="C81" s="16">
        <v>18</v>
      </c>
      <c r="D81" s="17">
        <v>32</v>
      </c>
    </row>
    <row r="82" spans="1:4" ht="18" customHeight="1" x14ac:dyDescent="0.2">
      <c r="A82" s="14">
        <v>64</v>
      </c>
      <c r="B82" s="15">
        <v>26</v>
      </c>
      <c r="C82" s="16">
        <v>29</v>
      </c>
      <c r="D82" s="17">
        <v>55</v>
      </c>
    </row>
    <row r="83" spans="1:4" ht="18" customHeight="1" x14ac:dyDescent="0.2">
      <c r="A83" s="18" t="s">
        <v>61</v>
      </c>
      <c r="B83" s="15">
        <v>99</v>
      </c>
      <c r="C83" s="16">
        <v>126</v>
      </c>
      <c r="D83" s="17">
        <v>225</v>
      </c>
    </row>
    <row r="84" spans="1:4" ht="18" customHeight="1" x14ac:dyDescent="0.2">
      <c r="A84" s="18" t="s">
        <v>62</v>
      </c>
      <c r="B84" s="15">
        <v>1272</v>
      </c>
      <c r="C84" s="16">
        <v>1301</v>
      </c>
      <c r="D84" s="17">
        <v>2573</v>
      </c>
    </row>
    <row r="85" spans="1:4" ht="18" customHeight="1" x14ac:dyDescent="0.2">
      <c r="A85" s="14">
        <v>65</v>
      </c>
      <c r="B85" s="15">
        <v>24</v>
      </c>
      <c r="C85" s="16">
        <v>26</v>
      </c>
      <c r="D85" s="17">
        <v>50</v>
      </c>
    </row>
    <row r="86" spans="1:4" ht="18" customHeight="1" x14ac:dyDescent="0.2">
      <c r="A86" s="14">
        <v>66</v>
      </c>
      <c r="B86" s="15">
        <v>26</v>
      </c>
      <c r="C86" s="16">
        <v>23</v>
      </c>
      <c r="D86" s="17">
        <v>49</v>
      </c>
    </row>
    <row r="87" spans="1:4" ht="18" customHeight="1" x14ac:dyDescent="0.2">
      <c r="A87" s="14">
        <v>67</v>
      </c>
      <c r="B87" s="15">
        <v>26</v>
      </c>
      <c r="C87" s="16">
        <v>32</v>
      </c>
      <c r="D87" s="17">
        <v>58</v>
      </c>
    </row>
    <row r="88" spans="1:4" ht="18" customHeight="1" x14ac:dyDescent="0.2">
      <c r="A88" s="14">
        <v>68</v>
      </c>
      <c r="B88" s="15">
        <v>31</v>
      </c>
      <c r="C88" s="16">
        <v>32</v>
      </c>
      <c r="D88" s="17">
        <v>63</v>
      </c>
    </row>
    <row r="89" spans="1:4" ht="18" customHeight="1" x14ac:dyDescent="0.2">
      <c r="A89" s="14">
        <v>69</v>
      </c>
      <c r="B89" s="15">
        <v>39</v>
      </c>
      <c r="C89" s="16">
        <v>36</v>
      </c>
      <c r="D89" s="17">
        <v>75</v>
      </c>
    </row>
    <row r="90" spans="1:4" ht="18" customHeight="1" x14ac:dyDescent="0.2">
      <c r="A90" s="18" t="s">
        <v>63</v>
      </c>
      <c r="B90" s="15">
        <v>146</v>
      </c>
      <c r="C90" s="16">
        <v>149</v>
      </c>
      <c r="D90" s="17">
        <v>295</v>
      </c>
    </row>
    <row r="91" spans="1:4" ht="18" customHeight="1" x14ac:dyDescent="0.2">
      <c r="A91" s="14">
        <v>70</v>
      </c>
      <c r="B91" s="15">
        <v>30</v>
      </c>
      <c r="C91" s="16">
        <v>44</v>
      </c>
      <c r="D91" s="17">
        <v>74</v>
      </c>
    </row>
    <row r="92" spans="1:4" ht="18" customHeight="1" x14ac:dyDescent="0.2">
      <c r="A92" s="14">
        <v>71</v>
      </c>
      <c r="B92" s="15">
        <v>26</v>
      </c>
      <c r="C92" s="16">
        <v>29</v>
      </c>
      <c r="D92" s="17">
        <v>55</v>
      </c>
    </row>
    <row r="93" spans="1:4" ht="18" customHeight="1" x14ac:dyDescent="0.2">
      <c r="A93" s="14">
        <v>72</v>
      </c>
      <c r="B93" s="15">
        <v>30</v>
      </c>
      <c r="C93" s="16">
        <v>50</v>
      </c>
      <c r="D93" s="17">
        <v>80</v>
      </c>
    </row>
    <row r="94" spans="1:4" ht="18" customHeight="1" x14ac:dyDescent="0.2">
      <c r="A94" s="14">
        <v>73</v>
      </c>
      <c r="B94" s="15">
        <v>15</v>
      </c>
      <c r="C94" s="16">
        <v>21</v>
      </c>
      <c r="D94" s="17">
        <v>36</v>
      </c>
    </row>
    <row r="95" spans="1:4" ht="18" customHeight="1" x14ac:dyDescent="0.2">
      <c r="A95" s="14">
        <v>74</v>
      </c>
      <c r="B95" s="15">
        <v>14</v>
      </c>
      <c r="C95" s="16">
        <v>20</v>
      </c>
      <c r="D95" s="17">
        <v>34</v>
      </c>
    </row>
    <row r="96" spans="1:4" ht="18" customHeight="1" x14ac:dyDescent="0.2">
      <c r="A96" s="18" t="s">
        <v>64</v>
      </c>
      <c r="B96" s="15">
        <v>115</v>
      </c>
      <c r="C96" s="16">
        <v>164</v>
      </c>
      <c r="D96" s="17">
        <v>279</v>
      </c>
    </row>
    <row r="97" spans="1:4" ht="18" customHeight="1" x14ac:dyDescent="0.2">
      <c r="A97" s="14">
        <v>75</v>
      </c>
      <c r="B97" s="15">
        <v>21</v>
      </c>
      <c r="C97" s="16">
        <v>33</v>
      </c>
      <c r="D97" s="17">
        <v>54</v>
      </c>
    </row>
    <row r="98" spans="1:4" ht="18" customHeight="1" x14ac:dyDescent="0.2">
      <c r="A98" s="14">
        <v>76</v>
      </c>
      <c r="B98" s="15">
        <v>21</v>
      </c>
      <c r="C98" s="16">
        <v>35</v>
      </c>
      <c r="D98" s="17">
        <v>56</v>
      </c>
    </row>
    <row r="99" spans="1:4" ht="18" customHeight="1" x14ac:dyDescent="0.2">
      <c r="A99" s="14">
        <v>77</v>
      </c>
      <c r="B99" s="15">
        <v>26</v>
      </c>
      <c r="C99" s="16">
        <v>34</v>
      </c>
      <c r="D99" s="17">
        <v>60</v>
      </c>
    </row>
    <row r="100" spans="1:4" ht="18" customHeight="1" x14ac:dyDescent="0.2">
      <c r="A100" s="14">
        <v>78</v>
      </c>
      <c r="B100" s="15">
        <v>21</v>
      </c>
      <c r="C100" s="16">
        <v>36</v>
      </c>
      <c r="D100" s="17">
        <v>57</v>
      </c>
    </row>
    <row r="101" spans="1:4" ht="18" customHeight="1" x14ac:dyDescent="0.2">
      <c r="A101" s="14">
        <v>79</v>
      </c>
      <c r="B101" s="15">
        <v>26</v>
      </c>
      <c r="C101" s="16">
        <v>31</v>
      </c>
      <c r="D101" s="17">
        <v>57</v>
      </c>
    </row>
    <row r="102" spans="1:4" ht="18" customHeight="1" x14ac:dyDescent="0.2">
      <c r="A102" s="18" t="s">
        <v>65</v>
      </c>
      <c r="B102" s="15">
        <v>115</v>
      </c>
      <c r="C102" s="16">
        <v>169</v>
      </c>
      <c r="D102" s="17">
        <v>284</v>
      </c>
    </row>
    <row r="103" spans="1:4" ht="18" customHeight="1" x14ac:dyDescent="0.2">
      <c r="A103" s="14">
        <v>80</v>
      </c>
      <c r="B103" s="15">
        <v>19</v>
      </c>
      <c r="C103" s="16">
        <v>18</v>
      </c>
      <c r="D103" s="17">
        <v>37</v>
      </c>
    </row>
    <row r="104" spans="1:4" ht="18" customHeight="1" x14ac:dyDescent="0.2">
      <c r="A104" s="14">
        <v>81</v>
      </c>
      <c r="B104" s="15">
        <v>21</v>
      </c>
      <c r="C104" s="16">
        <v>26</v>
      </c>
      <c r="D104" s="17">
        <v>47</v>
      </c>
    </row>
    <row r="105" spans="1:4" ht="18" customHeight="1" x14ac:dyDescent="0.2">
      <c r="A105" s="14">
        <v>82</v>
      </c>
      <c r="B105" s="15">
        <v>10</v>
      </c>
      <c r="C105" s="16">
        <v>12</v>
      </c>
      <c r="D105" s="17">
        <v>22</v>
      </c>
    </row>
    <row r="106" spans="1:4" ht="18" customHeight="1" x14ac:dyDescent="0.2">
      <c r="A106" s="14">
        <v>83</v>
      </c>
      <c r="B106" s="15">
        <v>14</v>
      </c>
      <c r="C106" s="16">
        <v>29</v>
      </c>
      <c r="D106" s="17">
        <v>43</v>
      </c>
    </row>
    <row r="107" spans="1:4" ht="18" customHeight="1" x14ac:dyDescent="0.2">
      <c r="A107" s="14">
        <v>84</v>
      </c>
      <c r="B107" s="15">
        <v>11</v>
      </c>
      <c r="C107" s="16">
        <v>14</v>
      </c>
      <c r="D107" s="17">
        <v>25</v>
      </c>
    </row>
    <row r="108" spans="1:4" ht="18" customHeight="1" x14ac:dyDescent="0.2">
      <c r="A108" s="18" t="s">
        <v>66</v>
      </c>
      <c r="B108" s="15">
        <v>75</v>
      </c>
      <c r="C108" s="16">
        <v>99</v>
      </c>
      <c r="D108" s="17">
        <v>174</v>
      </c>
    </row>
    <row r="109" spans="1:4" ht="18" customHeight="1" x14ac:dyDescent="0.2">
      <c r="A109" s="14">
        <v>85</v>
      </c>
      <c r="B109" s="15">
        <v>8</v>
      </c>
      <c r="C109" s="16">
        <v>16</v>
      </c>
      <c r="D109" s="17">
        <v>24</v>
      </c>
    </row>
    <row r="110" spans="1:4" ht="18" customHeight="1" x14ac:dyDescent="0.2">
      <c r="A110" s="14">
        <v>86</v>
      </c>
      <c r="B110" s="15">
        <v>15</v>
      </c>
      <c r="C110" s="16">
        <v>17</v>
      </c>
      <c r="D110" s="17">
        <v>32</v>
      </c>
    </row>
    <row r="111" spans="1:4" ht="18" customHeight="1" x14ac:dyDescent="0.2">
      <c r="A111" s="14">
        <v>87</v>
      </c>
      <c r="B111" s="15">
        <v>8</v>
      </c>
      <c r="C111" s="16">
        <v>14</v>
      </c>
      <c r="D111" s="17">
        <v>22</v>
      </c>
    </row>
    <row r="112" spans="1:4" ht="18" customHeight="1" x14ac:dyDescent="0.2">
      <c r="A112" s="14">
        <v>88</v>
      </c>
      <c r="B112" s="15">
        <v>9</v>
      </c>
      <c r="C112" s="16">
        <v>12</v>
      </c>
      <c r="D112" s="17">
        <v>21</v>
      </c>
    </row>
    <row r="113" spans="1:4" ht="18" customHeight="1" x14ac:dyDescent="0.2">
      <c r="A113" s="14">
        <v>89</v>
      </c>
      <c r="B113" s="15">
        <v>3</v>
      </c>
      <c r="C113" s="16">
        <v>7</v>
      </c>
      <c r="D113" s="17">
        <v>10</v>
      </c>
    </row>
    <row r="114" spans="1:4" ht="18" customHeight="1" x14ac:dyDescent="0.2">
      <c r="A114" s="18" t="s">
        <v>67</v>
      </c>
      <c r="B114" s="15">
        <v>43</v>
      </c>
      <c r="C114" s="16">
        <v>66</v>
      </c>
      <c r="D114" s="17">
        <v>109</v>
      </c>
    </row>
    <row r="115" spans="1:4" ht="18" customHeight="1" x14ac:dyDescent="0.2">
      <c r="A115" s="14">
        <v>90</v>
      </c>
      <c r="B115" s="15">
        <v>2</v>
      </c>
      <c r="C115" s="16">
        <v>10</v>
      </c>
      <c r="D115" s="17">
        <v>12</v>
      </c>
    </row>
    <row r="116" spans="1:4" ht="18" customHeight="1" x14ac:dyDescent="0.2">
      <c r="A116" s="14">
        <v>91</v>
      </c>
      <c r="B116" s="15">
        <v>3</v>
      </c>
      <c r="C116" s="16">
        <v>15</v>
      </c>
      <c r="D116" s="17">
        <v>18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1</v>
      </c>
      <c r="C120" s="16">
        <v>44</v>
      </c>
      <c r="D120" s="17">
        <v>55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0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07</v>
      </c>
      <c r="C130" s="5">
        <v>702</v>
      </c>
      <c r="D130" s="6">
        <v>1209</v>
      </c>
    </row>
    <row r="131" spans="1:4" ht="18" customHeight="1" x14ac:dyDescent="0.2">
      <c r="A131" s="20" t="s">
        <v>47</v>
      </c>
      <c r="B131" s="7">
        <v>2034</v>
      </c>
      <c r="C131" s="8">
        <v>2271</v>
      </c>
      <c r="D131" s="9">
        <v>430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6</v>
      </c>
      <c r="D5" s="13">
        <v>14</v>
      </c>
    </row>
    <row r="6" spans="1:4" ht="18" customHeight="1" x14ac:dyDescent="0.2">
      <c r="A6" s="14">
        <v>1</v>
      </c>
      <c r="B6" s="15">
        <v>7</v>
      </c>
      <c r="C6" s="16">
        <v>9</v>
      </c>
      <c r="D6" s="17">
        <v>16</v>
      </c>
    </row>
    <row r="7" spans="1:4" ht="18" customHeight="1" x14ac:dyDescent="0.2">
      <c r="A7" s="14">
        <v>2</v>
      </c>
      <c r="B7" s="15">
        <v>8</v>
      </c>
      <c r="C7" s="16">
        <v>9</v>
      </c>
      <c r="D7" s="17">
        <v>17</v>
      </c>
    </row>
    <row r="8" spans="1:4" ht="18" customHeight="1" x14ac:dyDescent="0.2">
      <c r="A8" s="14">
        <v>3</v>
      </c>
      <c r="B8" s="15">
        <v>7</v>
      </c>
      <c r="C8" s="16">
        <v>13</v>
      </c>
      <c r="D8" s="17">
        <v>20</v>
      </c>
    </row>
    <row r="9" spans="1:4" ht="18" customHeight="1" x14ac:dyDescent="0.2">
      <c r="A9" s="14">
        <v>4</v>
      </c>
      <c r="B9" s="15">
        <v>6</v>
      </c>
      <c r="C9" s="16">
        <v>4</v>
      </c>
      <c r="D9" s="17">
        <v>10</v>
      </c>
    </row>
    <row r="10" spans="1:4" ht="18" customHeight="1" x14ac:dyDescent="0.2">
      <c r="A10" s="18" t="s">
        <v>48</v>
      </c>
      <c r="B10" s="15">
        <v>36</v>
      </c>
      <c r="C10" s="16">
        <v>41</v>
      </c>
      <c r="D10" s="17">
        <v>77</v>
      </c>
    </row>
    <row r="11" spans="1:4" ht="18" customHeight="1" x14ac:dyDescent="0.2">
      <c r="A11" s="14">
        <v>5</v>
      </c>
      <c r="B11" s="15">
        <v>7</v>
      </c>
      <c r="C11" s="16">
        <v>8</v>
      </c>
      <c r="D11" s="17">
        <v>15</v>
      </c>
    </row>
    <row r="12" spans="1:4" ht="18" customHeight="1" x14ac:dyDescent="0.2">
      <c r="A12" s="14">
        <v>6</v>
      </c>
      <c r="B12" s="15">
        <v>9</v>
      </c>
      <c r="C12" s="16">
        <v>6</v>
      </c>
      <c r="D12" s="17">
        <v>15</v>
      </c>
    </row>
    <row r="13" spans="1:4" ht="18" customHeight="1" x14ac:dyDescent="0.2">
      <c r="A13" s="14">
        <v>7</v>
      </c>
      <c r="B13" s="15">
        <v>6</v>
      </c>
      <c r="C13" s="16">
        <v>10</v>
      </c>
      <c r="D13" s="17">
        <v>16</v>
      </c>
    </row>
    <row r="14" spans="1:4" ht="18" customHeight="1" x14ac:dyDescent="0.2">
      <c r="A14" s="14">
        <v>8</v>
      </c>
      <c r="B14" s="15">
        <v>13</v>
      </c>
      <c r="C14" s="16">
        <v>14</v>
      </c>
      <c r="D14" s="17">
        <v>27</v>
      </c>
    </row>
    <row r="15" spans="1:4" ht="18" customHeight="1" x14ac:dyDescent="0.2">
      <c r="A15" s="14">
        <v>9</v>
      </c>
      <c r="B15" s="15">
        <v>13</v>
      </c>
      <c r="C15" s="16">
        <v>8</v>
      </c>
      <c r="D15" s="17">
        <v>21</v>
      </c>
    </row>
    <row r="16" spans="1:4" ht="18" customHeight="1" x14ac:dyDescent="0.2">
      <c r="A16" s="18" t="s">
        <v>49</v>
      </c>
      <c r="B16" s="15">
        <v>48</v>
      </c>
      <c r="C16" s="16">
        <v>46</v>
      </c>
      <c r="D16" s="17">
        <v>94</v>
      </c>
    </row>
    <row r="17" spans="1:4" ht="18" customHeight="1" x14ac:dyDescent="0.2">
      <c r="A17" s="14">
        <v>10</v>
      </c>
      <c r="B17" s="15">
        <v>6</v>
      </c>
      <c r="C17" s="16">
        <v>8</v>
      </c>
      <c r="D17" s="17">
        <v>14</v>
      </c>
    </row>
    <row r="18" spans="1:4" ht="18" customHeight="1" x14ac:dyDescent="0.2">
      <c r="A18" s="14">
        <v>11</v>
      </c>
      <c r="B18" s="15">
        <v>9</v>
      </c>
      <c r="C18" s="16">
        <v>8</v>
      </c>
      <c r="D18" s="17">
        <v>17</v>
      </c>
    </row>
    <row r="19" spans="1:4" ht="18" customHeight="1" x14ac:dyDescent="0.2">
      <c r="A19" s="14">
        <v>12</v>
      </c>
      <c r="B19" s="15">
        <v>9</v>
      </c>
      <c r="C19" s="16">
        <v>8</v>
      </c>
      <c r="D19" s="17">
        <v>17</v>
      </c>
    </row>
    <row r="20" spans="1:4" ht="18" customHeight="1" x14ac:dyDescent="0.2">
      <c r="A20" s="14">
        <v>13</v>
      </c>
      <c r="B20" s="15">
        <v>11</v>
      </c>
      <c r="C20" s="16">
        <v>8</v>
      </c>
      <c r="D20" s="17">
        <v>19</v>
      </c>
    </row>
    <row r="21" spans="1:4" ht="18" customHeight="1" x14ac:dyDescent="0.2">
      <c r="A21" s="14">
        <v>14</v>
      </c>
      <c r="B21" s="15">
        <v>10</v>
      </c>
      <c r="C21" s="16">
        <v>11</v>
      </c>
      <c r="D21" s="17">
        <v>21</v>
      </c>
    </row>
    <row r="22" spans="1:4" ht="18" customHeight="1" x14ac:dyDescent="0.2">
      <c r="A22" s="18" t="s">
        <v>50</v>
      </c>
      <c r="B22" s="15">
        <v>45</v>
      </c>
      <c r="C22" s="16">
        <v>43</v>
      </c>
      <c r="D22" s="17">
        <v>88</v>
      </c>
    </row>
    <row r="23" spans="1:4" ht="18" customHeight="1" x14ac:dyDescent="0.2">
      <c r="A23" s="18" t="s">
        <v>51</v>
      </c>
      <c r="B23" s="15">
        <v>129</v>
      </c>
      <c r="C23" s="16">
        <v>130</v>
      </c>
      <c r="D23" s="17">
        <v>259</v>
      </c>
    </row>
    <row r="24" spans="1:4" ht="18" customHeight="1" x14ac:dyDescent="0.2">
      <c r="A24" s="14">
        <v>15</v>
      </c>
      <c r="B24" s="15">
        <v>8</v>
      </c>
      <c r="C24" s="16">
        <v>8</v>
      </c>
      <c r="D24" s="17">
        <v>16</v>
      </c>
    </row>
    <row r="25" spans="1:4" ht="18" customHeight="1" x14ac:dyDescent="0.2">
      <c r="A25" s="14">
        <v>16</v>
      </c>
      <c r="B25" s="15">
        <v>10</v>
      </c>
      <c r="C25" s="16">
        <v>12</v>
      </c>
      <c r="D25" s="17">
        <v>22</v>
      </c>
    </row>
    <row r="26" spans="1:4" ht="18" customHeight="1" x14ac:dyDescent="0.2">
      <c r="A26" s="14">
        <v>17</v>
      </c>
      <c r="B26" s="15">
        <v>15</v>
      </c>
      <c r="C26" s="16">
        <v>9</v>
      </c>
      <c r="D26" s="17">
        <v>24</v>
      </c>
    </row>
    <row r="27" spans="1:4" ht="18" customHeight="1" x14ac:dyDescent="0.2">
      <c r="A27" s="14">
        <v>18</v>
      </c>
      <c r="B27" s="15">
        <v>15</v>
      </c>
      <c r="C27" s="16">
        <v>14</v>
      </c>
      <c r="D27" s="17">
        <v>29</v>
      </c>
    </row>
    <row r="28" spans="1:4" ht="18" customHeight="1" x14ac:dyDescent="0.2">
      <c r="A28" s="14">
        <v>19</v>
      </c>
      <c r="B28" s="15">
        <v>17</v>
      </c>
      <c r="C28" s="16">
        <v>16</v>
      </c>
      <c r="D28" s="17">
        <v>33</v>
      </c>
    </row>
    <row r="29" spans="1:4" ht="18" customHeight="1" x14ac:dyDescent="0.2">
      <c r="A29" s="18" t="s">
        <v>52</v>
      </c>
      <c r="B29" s="15">
        <v>65</v>
      </c>
      <c r="C29" s="16">
        <v>59</v>
      </c>
      <c r="D29" s="17">
        <v>124</v>
      </c>
    </row>
    <row r="30" spans="1:4" ht="18" customHeight="1" x14ac:dyDescent="0.2">
      <c r="A30" s="14">
        <v>20</v>
      </c>
      <c r="B30" s="15">
        <v>14</v>
      </c>
      <c r="C30" s="16">
        <v>13</v>
      </c>
      <c r="D30" s="17">
        <v>27</v>
      </c>
    </row>
    <row r="31" spans="1:4" ht="18" customHeight="1" x14ac:dyDescent="0.2">
      <c r="A31" s="14">
        <v>21</v>
      </c>
      <c r="B31" s="15">
        <v>15</v>
      </c>
      <c r="C31" s="16">
        <v>15</v>
      </c>
      <c r="D31" s="17">
        <v>30</v>
      </c>
    </row>
    <row r="32" spans="1:4" ht="18" customHeight="1" x14ac:dyDescent="0.2">
      <c r="A32" s="14">
        <v>22</v>
      </c>
      <c r="B32" s="15">
        <v>11</v>
      </c>
      <c r="C32" s="16">
        <v>8</v>
      </c>
      <c r="D32" s="17">
        <v>19</v>
      </c>
    </row>
    <row r="33" spans="1:4" ht="18" customHeight="1" x14ac:dyDescent="0.2">
      <c r="A33" s="14">
        <v>23</v>
      </c>
      <c r="B33" s="15">
        <v>17</v>
      </c>
      <c r="C33" s="16">
        <v>8</v>
      </c>
      <c r="D33" s="17">
        <v>25</v>
      </c>
    </row>
    <row r="34" spans="1:4" ht="18" customHeight="1" x14ac:dyDescent="0.2">
      <c r="A34" s="14">
        <v>24</v>
      </c>
      <c r="B34" s="15">
        <v>16</v>
      </c>
      <c r="C34" s="16">
        <v>9</v>
      </c>
      <c r="D34" s="17">
        <v>25</v>
      </c>
    </row>
    <row r="35" spans="1:4" ht="18" customHeight="1" x14ac:dyDescent="0.2">
      <c r="A35" s="18" t="s">
        <v>53</v>
      </c>
      <c r="B35" s="15">
        <v>73</v>
      </c>
      <c r="C35" s="16">
        <v>53</v>
      </c>
      <c r="D35" s="17">
        <v>126</v>
      </c>
    </row>
    <row r="36" spans="1:4" ht="18" customHeight="1" x14ac:dyDescent="0.2">
      <c r="A36" s="14">
        <v>25</v>
      </c>
      <c r="B36" s="15">
        <v>16</v>
      </c>
      <c r="C36" s="16">
        <v>9</v>
      </c>
      <c r="D36" s="17">
        <v>25</v>
      </c>
    </row>
    <row r="37" spans="1:4" ht="18" customHeight="1" x14ac:dyDescent="0.2">
      <c r="A37" s="14">
        <v>26</v>
      </c>
      <c r="B37" s="15">
        <v>11</v>
      </c>
      <c r="C37" s="16">
        <v>8</v>
      </c>
      <c r="D37" s="17">
        <v>19</v>
      </c>
    </row>
    <row r="38" spans="1:4" ht="18" customHeight="1" x14ac:dyDescent="0.2">
      <c r="A38" s="14">
        <v>27</v>
      </c>
      <c r="B38" s="15">
        <v>10</v>
      </c>
      <c r="C38" s="16">
        <v>11</v>
      </c>
      <c r="D38" s="17">
        <v>21</v>
      </c>
    </row>
    <row r="39" spans="1:4" ht="18" customHeight="1" x14ac:dyDescent="0.2">
      <c r="A39" s="14">
        <v>28</v>
      </c>
      <c r="B39" s="15">
        <v>20</v>
      </c>
      <c r="C39" s="16">
        <v>9</v>
      </c>
      <c r="D39" s="17">
        <v>29</v>
      </c>
    </row>
    <row r="40" spans="1:4" ht="18" customHeight="1" x14ac:dyDescent="0.2">
      <c r="A40" s="14">
        <v>29</v>
      </c>
      <c r="B40" s="15">
        <v>11</v>
      </c>
      <c r="C40" s="16">
        <v>11</v>
      </c>
      <c r="D40" s="17">
        <v>22</v>
      </c>
    </row>
    <row r="41" spans="1:4" ht="18" customHeight="1" x14ac:dyDescent="0.2">
      <c r="A41" s="18" t="s">
        <v>54</v>
      </c>
      <c r="B41" s="15">
        <v>68</v>
      </c>
      <c r="C41" s="16">
        <v>48</v>
      </c>
      <c r="D41" s="17">
        <v>116</v>
      </c>
    </row>
    <row r="42" spans="1:4" ht="18" customHeight="1" x14ac:dyDescent="0.2">
      <c r="A42" s="14">
        <v>30</v>
      </c>
      <c r="B42" s="15">
        <v>21</v>
      </c>
      <c r="C42" s="16">
        <v>8</v>
      </c>
      <c r="D42" s="17">
        <v>29</v>
      </c>
    </row>
    <row r="43" spans="1:4" ht="18" customHeight="1" x14ac:dyDescent="0.2">
      <c r="A43" s="14">
        <v>31</v>
      </c>
      <c r="B43" s="15">
        <v>12</v>
      </c>
      <c r="C43" s="16">
        <v>14</v>
      </c>
      <c r="D43" s="17">
        <v>26</v>
      </c>
    </row>
    <row r="44" spans="1:4" ht="18" customHeight="1" x14ac:dyDescent="0.2">
      <c r="A44" s="14">
        <v>32</v>
      </c>
      <c r="B44" s="15">
        <v>8</v>
      </c>
      <c r="C44" s="16">
        <v>14</v>
      </c>
      <c r="D44" s="17">
        <v>22</v>
      </c>
    </row>
    <row r="45" spans="1:4" ht="18" customHeight="1" x14ac:dyDescent="0.2">
      <c r="A45" s="14">
        <v>33</v>
      </c>
      <c r="B45" s="15">
        <v>10</v>
      </c>
      <c r="C45" s="16">
        <v>16</v>
      </c>
      <c r="D45" s="17">
        <v>26</v>
      </c>
    </row>
    <row r="46" spans="1:4" ht="18" customHeight="1" x14ac:dyDescent="0.2">
      <c r="A46" s="14">
        <v>34</v>
      </c>
      <c r="B46" s="15">
        <v>13</v>
      </c>
      <c r="C46" s="16">
        <v>15</v>
      </c>
      <c r="D46" s="17">
        <v>28</v>
      </c>
    </row>
    <row r="47" spans="1:4" ht="18" customHeight="1" x14ac:dyDescent="0.2">
      <c r="A47" s="18" t="s">
        <v>55</v>
      </c>
      <c r="B47" s="15">
        <v>64</v>
      </c>
      <c r="C47" s="16">
        <v>67</v>
      </c>
      <c r="D47" s="17">
        <v>131</v>
      </c>
    </row>
    <row r="48" spans="1:4" ht="18" customHeight="1" x14ac:dyDescent="0.2">
      <c r="A48" s="14">
        <v>35</v>
      </c>
      <c r="B48" s="15">
        <v>11</v>
      </c>
      <c r="C48" s="16">
        <v>14</v>
      </c>
      <c r="D48" s="17">
        <v>25</v>
      </c>
    </row>
    <row r="49" spans="1:4" ht="18" customHeight="1" x14ac:dyDescent="0.2">
      <c r="A49" s="14">
        <v>36</v>
      </c>
      <c r="B49" s="15">
        <v>15</v>
      </c>
      <c r="C49" s="16">
        <v>11</v>
      </c>
      <c r="D49" s="17">
        <v>26</v>
      </c>
    </row>
    <row r="50" spans="1:4" ht="18" customHeight="1" x14ac:dyDescent="0.2">
      <c r="A50" s="14">
        <v>37</v>
      </c>
      <c r="B50" s="15">
        <v>13</v>
      </c>
      <c r="C50" s="16">
        <v>7</v>
      </c>
      <c r="D50" s="17">
        <v>20</v>
      </c>
    </row>
    <row r="51" spans="1:4" ht="18" customHeight="1" x14ac:dyDescent="0.2">
      <c r="A51" s="14">
        <v>38</v>
      </c>
      <c r="B51" s="15">
        <v>15</v>
      </c>
      <c r="C51" s="16">
        <v>11</v>
      </c>
      <c r="D51" s="17">
        <v>26</v>
      </c>
    </row>
    <row r="52" spans="1:4" ht="18" customHeight="1" x14ac:dyDescent="0.2">
      <c r="A52" s="14">
        <v>39</v>
      </c>
      <c r="B52" s="15">
        <v>14</v>
      </c>
      <c r="C52" s="16">
        <v>13</v>
      </c>
      <c r="D52" s="17">
        <v>27</v>
      </c>
    </row>
    <row r="53" spans="1:4" ht="18" customHeight="1" x14ac:dyDescent="0.2">
      <c r="A53" s="18" t="s">
        <v>56</v>
      </c>
      <c r="B53" s="15">
        <v>68</v>
      </c>
      <c r="C53" s="16">
        <v>56</v>
      </c>
      <c r="D53" s="17">
        <v>124</v>
      </c>
    </row>
    <row r="54" spans="1:4" ht="18" customHeight="1" x14ac:dyDescent="0.2">
      <c r="A54" s="14">
        <v>40</v>
      </c>
      <c r="B54" s="15">
        <v>17</v>
      </c>
      <c r="C54" s="16">
        <v>15</v>
      </c>
      <c r="D54" s="17">
        <v>32</v>
      </c>
    </row>
    <row r="55" spans="1:4" ht="18" customHeight="1" x14ac:dyDescent="0.2">
      <c r="A55" s="14">
        <v>41</v>
      </c>
      <c r="B55" s="15">
        <v>28</v>
      </c>
      <c r="C55" s="16">
        <v>15</v>
      </c>
      <c r="D55" s="17">
        <v>43</v>
      </c>
    </row>
    <row r="56" spans="1:4" ht="18" customHeight="1" x14ac:dyDescent="0.2">
      <c r="A56" s="14">
        <v>42</v>
      </c>
      <c r="B56" s="15">
        <v>24</v>
      </c>
      <c r="C56" s="16">
        <v>25</v>
      </c>
      <c r="D56" s="17">
        <v>49</v>
      </c>
    </row>
    <row r="57" spans="1:4" ht="18" customHeight="1" x14ac:dyDescent="0.2">
      <c r="A57" s="14">
        <v>43</v>
      </c>
      <c r="B57" s="15">
        <v>23</v>
      </c>
      <c r="C57" s="16">
        <v>17</v>
      </c>
      <c r="D57" s="17">
        <v>40</v>
      </c>
    </row>
    <row r="58" spans="1:4" ht="18" customHeight="1" x14ac:dyDescent="0.2">
      <c r="A58" s="14">
        <v>44</v>
      </c>
      <c r="B58" s="15">
        <v>23</v>
      </c>
      <c r="C58" s="16">
        <v>15</v>
      </c>
      <c r="D58" s="17">
        <v>38</v>
      </c>
    </row>
    <row r="59" spans="1:4" ht="18" customHeight="1" x14ac:dyDescent="0.2">
      <c r="A59" s="18" t="s">
        <v>57</v>
      </c>
      <c r="B59" s="15">
        <v>115</v>
      </c>
      <c r="C59" s="16">
        <v>87</v>
      </c>
      <c r="D59" s="17">
        <v>202</v>
      </c>
    </row>
    <row r="60" spans="1:4" ht="18" customHeight="1" x14ac:dyDescent="0.2">
      <c r="A60" s="14">
        <v>45</v>
      </c>
      <c r="B60" s="15">
        <v>29</v>
      </c>
      <c r="C60" s="16">
        <v>27</v>
      </c>
      <c r="D60" s="17">
        <v>56</v>
      </c>
    </row>
    <row r="61" spans="1:4" ht="18" customHeight="1" x14ac:dyDescent="0.2">
      <c r="A61" s="14">
        <v>46</v>
      </c>
      <c r="B61" s="15">
        <v>15</v>
      </c>
      <c r="C61" s="16">
        <v>13</v>
      </c>
      <c r="D61" s="17">
        <v>28</v>
      </c>
    </row>
    <row r="62" spans="1:4" ht="18" customHeight="1" x14ac:dyDescent="0.2">
      <c r="A62" s="14">
        <v>47</v>
      </c>
      <c r="B62" s="15">
        <v>24</v>
      </c>
      <c r="C62" s="16">
        <v>24</v>
      </c>
      <c r="D62" s="17">
        <v>48</v>
      </c>
    </row>
    <row r="63" spans="1:4" ht="18" customHeight="1" x14ac:dyDescent="0.2">
      <c r="A63" s="14">
        <v>48</v>
      </c>
      <c r="B63" s="15">
        <v>19</v>
      </c>
      <c r="C63" s="16">
        <v>23</v>
      </c>
      <c r="D63" s="17">
        <v>42</v>
      </c>
    </row>
    <row r="64" spans="1:4" ht="18" customHeight="1" x14ac:dyDescent="0.2">
      <c r="A64" s="14">
        <v>49</v>
      </c>
      <c r="B64" s="15">
        <v>28</v>
      </c>
      <c r="C64" s="16">
        <v>23</v>
      </c>
      <c r="D64" s="17">
        <v>51</v>
      </c>
    </row>
    <row r="65" spans="1:4" ht="18" customHeight="1" x14ac:dyDescent="0.2">
      <c r="A65" s="18" t="s">
        <v>58</v>
      </c>
      <c r="B65" s="15">
        <v>115</v>
      </c>
      <c r="C65" s="16">
        <v>110</v>
      </c>
      <c r="D65" s="17">
        <v>225</v>
      </c>
    </row>
    <row r="66" spans="1:4" ht="18" customHeight="1" x14ac:dyDescent="0.2">
      <c r="A66" s="14">
        <v>50</v>
      </c>
      <c r="B66" s="15">
        <v>28</v>
      </c>
      <c r="C66" s="16">
        <v>16</v>
      </c>
      <c r="D66" s="17">
        <v>44</v>
      </c>
    </row>
    <row r="67" spans="1:4" ht="18" customHeight="1" x14ac:dyDescent="0.2">
      <c r="A67" s="14">
        <v>51</v>
      </c>
      <c r="B67" s="15">
        <v>19</v>
      </c>
      <c r="C67" s="16">
        <v>19</v>
      </c>
      <c r="D67" s="17">
        <v>38</v>
      </c>
    </row>
    <row r="68" spans="1:4" ht="18" customHeight="1" x14ac:dyDescent="0.2">
      <c r="A68" s="14">
        <v>52</v>
      </c>
      <c r="B68" s="15">
        <v>14</v>
      </c>
      <c r="C68" s="16">
        <v>14</v>
      </c>
      <c r="D68" s="17">
        <v>28</v>
      </c>
    </row>
    <row r="69" spans="1:4" ht="18" customHeight="1" x14ac:dyDescent="0.2">
      <c r="A69" s="14">
        <v>53</v>
      </c>
      <c r="B69" s="15">
        <v>21</v>
      </c>
      <c r="C69" s="16">
        <v>19</v>
      </c>
      <c r="D69" s="17">
        <v>40</v>
      </c>
    </row>
    <row r="70" spans="1:4" ht="18" customHeight="1" x14ac:dyDescent="0.2">
      <c r="A70" s="14">
        <v>54</v>
      </c>
      <c r="B70" s="15">
        <v>30</v>
      </c>
      <c r="C70" s="16">
        <v>17</v>
      </c>
      <c r="D70" s="17">
        <v>47</v>
      </c>
    </row>
    <row r="71" spans="1:4" ht="18" customHeight="1" x14ac:dyDescent="0.2">
      <c r="A71" s="18" t="s">
        <v>59</v>
      </c>
      <c r="B71" s="15">
        <v>112</v>
      </c>
      <c r="C71" s="16">
        <v>85</v>
      </c>
      <c r="D71" s="17">
        <v>197</v>
      </c>
    </row>
    <row r="72" spans="1:4" ht="18" customHeight="1" x14ac:dyDescent="0.2">
      <c r="A72" s="14">
        <v>55</v>
      </c>
      <c r="B72" s="15">
        <v>30</v>
      </c>
      <c r="C72" s="16">
        <v>16</v>
      </c>
      <c r="D72" s="17">
        <v>46</v>
      </c>
    </row>
    <row r="73" spans="1:4" ht="18" customHeight="1" x14ac:dyDescent="0.2">
      <c r="A73" s="14">
        <v>56</v>
      </c>
      <c r="B73" s="15">
        <v>16</v>
      </c>
      <c r="C73" s="16">
        <v>30</v>
      </c>
      <c r="D73" s="17">
        <v>46</v>
      </c>
    </row>
    <row r="74" spans="1:4" ht="18" customHeight="1" x14ac:dyDescent="0.2">
      <c r="A74" s="14">
        <v>57</v>
      </c>
      <c r="B74" s="15">
        <v>27</v>
      </c>
      <c r="C74" s="16">
        <v>13</v>
      </c>
      <c r="D74" s="17">
        <v>40</v>
      </c>
    </row>
    <row r="75" spans="1:4" ht="18" customHeight="1" x14ac:dyDescent="0.2">
      <c r="A75" s="14">
        <v>58</v>
      </c>
      <c r="B75" s="15">
        <v>11</v>
      </c>
      <c r="C75" s="16">
        <v>24</v>
      </c>
      <c r="D75" s="17">
        <v>35</v>
      </c>
    </row>
    <row r="76" spans="1:4" ht="18" customHeight="1" x14ac:dyDescent="0.2">
      <c r="A76" s="14">
        <v>59</v>
      </c>
      <c r="B76" s="15">
        <v>21</v>
      </c>
      <c r="C76" s="16">
        <v>18</v>
      </c>
      <c r="D76" s="17">
        <v>39</v>
      </c>
    </row>
    <row r="77" spans="1:4" ht="18" customHeight="1" x14ac:dyDescent="0.2">
      <c r="A77" s="18" t="s">
        <v>60</v>
      </c>
      <c r="B77" s="15">
        <v>105</v>
      </c>
      <c r="C77" s="16">
        <v>101</v>
      </c>
      <c r="D77" s="17">
        <v>206</v>
      </c>
    </row>
    <row r="78" spans="1:4" ht="18" customHeight="1" x14ac:dyDescent="0.2">
      <c r="A78" s="14">
        <v>60</v>
      </c>
      <c r="B78" s="15">
        <v>14</v>
      </c>
      <c r="C78" s="16">
        <v>19</v>
      </c>
      <c r="D78" s="17">
        <v>33</v>
      </c>
    </row>
    <row r="79" spans="1:4" ht="18" customHeight="1" x14ac:dyDescent="0.2">
      <c r="A79" s="14">
        <v>61</v>
      </c>
      <c r="B79" s="15">
        <v>13</v>
      </c>
      <c r="C79" s="16">
        <v>16</v>
      </c>
      <c r="D79" s="17">
        <v>29</v>
      </c>
    </row>
    <row r="80" spans="1:4" ht="18" customHeight="1" x14ac:dyDescent="0.2">
      <c r="A80" s="14">
        <v>62</v>
      </c>
      <c r="B80" s="15">
        <v>12</v>
      </c>
      <c r="C80" s="16">
        <v>15</v>
      </c>
      <c r="D80" s="17">
        <v>27</v>
      </c>
    </row>
    <row r="81" spans="1:4" ht="18" customHeight="1" x14ac:dyDescent="0.2">
      <c r="A81" s="14">
        <v>63</v>
      </c>
      <c r="B81" s="15">
        <v>22</v>
      </c>
      <c r="C81" s="16">
        <v>14</v>
      </c>
      <c r="D81" s="17">
        <v>36</v>
      </c>
    </row>
    <row r="82" spans="1:4" ht="18" customHeight="1" x14ac:dyDescent="0.2">
      <c r="A82" s="14">
        <v>64</v>
      </c>
      <c r="B82" s="15">
        <v>19</v>
      </c>
      <c r="C82" s="16">
        <v>21</v>
      </c>
      <c r="D82" s="17">
        <v>40</v>
      </c>
    </row>
    <row r="83" spans="1:4" ht="18" customHeight="1" x14ac:dyDescent="0.2">
      <c r="A83" s="18" t="s">
        <v>61</v>
      </c>
      <c r="B83" s="15">
        <v>80</v>
      </c>
      <c r="C83" s="16">
        <v>85</v>
      </c>
      <c r="D83" s="17">
        <v>165</v>
      </c>
    </row>
    <row r="84" spans="1:4" ht="18" customHeight="1" x14ac:dyDescent="0.2">
      <c r="A84" s="18" t="s">
        <v>62</v>
      </c>
      <c r="B84" s="15">
        <v>865</v>
      </c>
      <c r="C84" s="16">
        <v>751</v>
      </c>
      <c r="D84" s="17">
        <v>1616</v>
      </c>
    </row>
    <row r="85" spans="1:4" ht="18" customHeight="1" x14ac:dyDescent="0.2">
      <c r="A85" s="14">
        <v>65</v>
      </c>
      <c r="B85" s="15">
        <v>16</v>
      </c>
      <c r="C85" s="16">
        <v>22</v>
      </c>
      <c r="D85" s="17">
        <v>38</v>
      </c>
    </row>
    <row r="86" spans="1:4" ht="18" customHeight="1" x14ac:dyDescent="0.2">
      <c r="A86" s="14">
        <v>66</v>
      </c>
      <c r="B86" s="15">
        <v>17</v>
      </c>
      <c r="C86" s="16">
        <v>34</v>
      </c>
      <c r="D86" s="17">
        <v>51</v>
      </c>
    </row>
    <row r="87" spans="1:4" ht="18" customHeight="1" x14ac:dyDescent="0.2">
      <c r="A87" s="14">
        <v>67</v>
      </c>
      <c r="B87" s="15">
        <v>25</v>
      </c>
      <c r="C87" s="16">
        <v>32</v>
      </c>
      <c r="D87" s="17">
        <v>57</v>
      </c>
    </row>
    <row r="88" spans="1:4" ht="18" customHeight="1" x14ac:dyDescent="0.2">
      <c r="A88" s="14">
        <v>68</v>
      </c>
      <c r="B88" s="15">
        <v>24</v>
      </c>
      <c r="C88" s="16">
        <v>25</v>
      </c>
      <c r="D88" s="17">
        <v>49</v>
      </c>
    </row>
    <row r="89" spans="1:4" ht="18" customHeight="1" x14ac:dyDescent="0.2">
      <c r="A89" s="14">
        <v>69</v>
      </c>
      <c r="B89" s="15">
        <v>28</v>
      </c>
      <c r="C89" s="16">
        <v>39</v>
      </c>
      <c r="D89" s="17">
        <v>67</v>
      </c>
    </row>
    <row r="90" spans="1:4" ht="18" customHeight="1" x14ac:dyDescent="0.2">
      <c r="A90" s="18" t="s">
        <v>63</v>
      </c>
      <c r="B90" s="15">
        <v>110</v>
      </c>
      <c r="C90" s="16">
        <v>152</v>
      </c>
      <c r="D90" s="17">
        <v>262</v>
      </c>
    </row>
    <row r="91" spans="1:4" ht="18" customHeight="1" x14ac:dyDescent="0.2">
      <c r="A91" s="14">
        <v>70</v>
      </c>
      <c r="B91" s="15">
        <v>43</v>
      </c>
      <c r="C91" s="16">
        <v>43</v>
      </c>
      <c r="D91" s="17">
        <v>86</v>
      </c>
    </row>
    <row r="92" spans="1:4" ht="18" customHeight="1" x14ac:dyDescent="0.2">
      <c r="A92" s="14">
        <v>71</v>
      </c>
      <c r="B92" s="15">
        <v>40</v>
      </c>
      <c r="C92" s="16">
        <v>42</v>
      </c>
      <c r="D92" s="17">
        <v>82</v>
      </c>
    </row>
    <row r="93" spans="1:4" ht="18" customHeight="1" x14ac:dyDescent="0.2">
      <c r="A93" s="14">
        <v>72</v>
      </c>
      <c r="B93" s="15">
        <v>44</v>
      </c>
      <c r="C93" s="16">
        <v>51</v>
      </c>
      <c r="D93" s="17">
        <v>95</v>
      </c>
    </row>
    <row r="94" spans="1:4" ht="18" customHeight="1" x14ac:dyDescent="0.2">
      <c r="A94" s="14">
        <v>73</v>
      </c>
      <c r="B94" s="15">
        <v>20</v>
      </c>
      <c r="C94" s="16">
        <v>23</v>
      </c>
      <c r="D94" s="17">
        <v>43</v>
      </c>
    </row>
    <row r="95" spans="1:4" ht="18" customHeight="1" x14ac:dyDescent="0.2">
      <c r="A95" s="14">
        <v>74</v>
      </c>
      <c r="B95" s="15">
        <v>20</v>
      </c>
      <c r="C95" s="16">
        <v>37</v>
      </c>
      <c r="D95" s="17">
        <v>57</v>
      </c>
    </row>
    <row r="96" spans="1:4" ht="18" customHeight="1" x14ac:dyDescent="0.2">
      <c r="A96" s="18" t="s">
        <v>64</v>
      </c>
      <c r="B96" s="15">
        <v>167</v>
      </c>
      <c r="C96" s="16">
        <v>196</v>
      </c>
      <c r="D96" s="17">
        <v>363</v>
      </c>
    </row>
    <row r="97" spans="1:4" ht="18" customHeight="1" x14ac:dyDescent="0.2">
      <c r="A97" s="14">
        <v>75</v>
      </c>
      <c r="B97" s="15">
        <v>22</v>
      </c>
      <c r="C97" s="16">
        <v>33</v>
      </c>
      <c r="D97" s="17">
        <v>55</v>
      </c>
    </row>
    <row r="98" spans="1:4" ht="18" customHeight="1" x14ac:dyDescent="0.2">
      <c r="A98" s="14">
        <v>76</v>
      </c>
      <c r="B98" s="15">
        <v>30</v>
      </c>
      <c r="C98" s="16">
        <v>37</v>
      </c>
      <c r="D98" s="17">
        <v>67</v>
      </c>
    </row>
    <row r="99" spans="1:4" ht="18" customHeight="1" x14ac:dyDescent="0.2">
      <c r="A99" s="14">
        <v>77</v>
      </c>
      <c r="B99" s="15">
        <v>19</v>
      </c>
      <c r="C99" s="16">
        <v>36</v>
      </c>
      <c r="D99" s="17">
        <v>55</v>
      </c>
    </row>
    <row r="100" spans="1:4" ht="18" customHeight="1" x14ac:dyDescent="0.2">
      <c r="A100" s="14">
        <v>78</v>
      </c>
      <c r="B100" s="15">
        <v>25</v>
      </c>
      <c r="C100" s="16">
        <v>38</v>
      </c>
      <c r="D100" s="17">
        <v>63</v>
      </c>
    </row>
    <row r="101" spans="1:4" ht="18" customHeight="1" x14ac:dyDescent="0.2">
      <c r="A101" s="14">
        <v>79</v>
      </c>
      <c r="B101" s="15">
        <v>16</v>
      </c>
      <c r="C101" s="16">
        <v>25</v>
      </c>
      <c r="D101" s="17">
        <v>41</v>
      </c>
    </row>
    <row r="102" spans="1:4" ht="18" customHeight="1" x14ac:dyDescent="0.2">
      <c r="A102" s="18" t="s">
        <v>65</v>
      </c>
      <c r="B102" s="15">
        <v>112</v>
      </c>
      <c r="C102" s="16">
        <v>169</v>
      </c>
      <c r="D102" s="17">
        <v>281</v>
      </c>
    </row>
    <row r="103" spans="1:4" ht="18" customHeight="1" x14ac:dyDescent="0.2">
      <c r="A103" s="14">
        <v>80</v>
      </c>
      <c r="B103" s="15">
        <v>15</v>
      </c>
      <c r="C103" s="16">
        <v>27</v>
      </c>
      <c r="D103" s="17">
        <v>42</v>
      </c>
    </row>
    <row r="104" spans="1:4" ht="18" customHeight="1" x14ac:dyDescent="0.2">
      <c r="A104" s="14">
        <v>81</v>
      </c>
      <c r="B104" s="15">
        <v>18</v>
      </c>
      <c r="C104" s="16">
        <v>32</v>
      </c>
      <c r="D104" s="17">
        <v>50</v>
      </c>
    </row>
    <row r="105" spans="1:4" ht="18" customHeight="1" x14ac:dyDescent="0.2">
      <c r="A105" s="14">
        <v>82</v>
      </c>
      <c r="B105" s="15">
        <v>18</v>
      </c>
      <c r="C105" s="16">
        <v>30</v>
      </c>
      <c r="D105" s="17">
        <v>48</v>
      </c>
    </row>
    <row r="106" spans="1:4" ht="18" customHeight="1" x14ac:dyDescent="0.2">
      <c r="A106" s="14">
        <v>83</v>
      </c>
      <c r="B106" s="15">
        <v>23</v>
      </c>
      <c r="C106" s="16">
        <v>30</v>
      </c>
      <c r="D106" s="17">
        <v>53</v>
      </c>
    </row>
    <row r="107" spans="1:4" ht="18" customHeight="1" x14ac:dyDescent="0.2">
      <c r="A107" s="14">
        <v>84</v>
      </c>
      <c r="B107" s="15">
        <v>15</v>
      </c>
      <c r="C107" s="16">
        <v>28</v>
      </c>
      <c r="D107" s="17">
        <v>43</v>
      </c>
    </row>
    <row r="108" spans="1:4" ht="18" customHeight="1" x14ac:dyDescent="0.2">
      <c r="A108" s="18" t="s">
        <v>66</v>
      </c>
      <c r="B108" s="15">
        <v>89</v>
      </c>
      <c r="C108" s="16">
        <v>147</v>
      </c>
      <c r="D108" s="17">
        <v>236</v>
      </c>
    </row>
    <row r="109" spans="1:4" ht="18" customHeight="1" x14ac:dyDescent="0.2">
      <c r="A109" s="14">
        <v>85</v>
      </c>
      <c r="B109" s="15">
        <v>15</v>
      </c>
      <c r="C109" s="16">
        <v>30</v>
      </c>
      <c r="D109" s="17">
        <v>45</v>
      </c>
    </row>
    <row r="110" spans="1:4" ht="18" customHeight="1" x14ac:dyDescent="0.2">
      <c r="A110" s="14">
        <v>86</v>
      </c>
      <c r="B110" s="15">
        <v>11</v>
      </c>
      <c r="C110" s="16">
        <v>25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24</v>
      </c>
      <c r="D111" s="17">
        <v>34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13</v>
      </c>
      <c r="D113" s="17">
        <v>18</v>
      </c>
    </row>
    <row r="114" spans="1:4" ht="18" customHeight="1" x14ac:dyDescent="0.2">
      <c r="A114" s="18" t="s">
        <v>67</v>
      </c>
      <c r="B114" s="15">
        <v>48</v>
      </c>
      <c r="C114" s="16">
        <v>108</v>
      </c>
      <c r="D114" s="17">
        <v>156</v>
      </c>
    </row>
    <row r="115" spans="1:4" ht="18" customHeight="1" x14ac:dyDescent="0.2">
      <c r="A115" s="14">
        <v>90</v>
      </c>
      <c r="B115" s="15">
        <v>9</v>
      </c>
      <c r="C115" s="16">
        <v>17</v>
      </c>
      <c r="D115" s="17">
        <v>26</v>
      </c>
    </row>
    <row r="116" spans="1:4" ht="18" customHeight="1" x14ac:dyDescent="0.2">
      <c r="A116" s="14">
        <v>91</v>
      </c>
      <c r="B116" s="15">
        <v>2</v>
      </c>
      <c r="C116" s="16">
        <v>19</v>
      </c>
      <c r="D116" s="17">
        <v>21</v>
      </c>
    </row>
    <row r="117" spans="1:4" ht="18" customHeight="1" x14ac:dyDescent="0.2">
      <c r="A117" s="14">
        <v>92</v>
      </c>
      <c r="B117" s="15">
        <v>5</v>
      </c>
      <c r="C117" s="16">
        <v>15</v>
      </c>
      <c r="D117" s="17">
        <v>20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68</v>
      </c>
      <c r="B120" s="15">
        <v>20</v>
      </c>
      <c r="C120" s="16">
        <v>72</v>
      </c>
      <c r="D120" s="17">
        <v>92</v>
      </c>
    </row>
    <row r="121" spans="1:4" ht="18" customHeight="1" x14ac:dyDescent="0.2">
      <c r="A121" s="14">
        <v>95</v>
      </c>
      <c r="B121" s="15">
        <v>5</v>
      </c>
      <c r="C121" s="16">
        <v>10</v>
      </c>
      <c r="D121" s="17">
        <v>15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8</v>
      </c>
      <c r="C126" s="16">
        <v>26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54</v>
      </c>
      <c r="C130" s="5">
        <v>871</v>
      </c>
      <c r="D130" s="6">
        <v>1425</v>
      </c>
    </row>
    <row r="131" spans="1:4" ht="18" customHeight="1" x14ac:dyDescent="0.2">
      <c r="A131" s="20" t="s">
        <v>47</v>
      </c>
      <c r="B131" s="7">
        <v>1548</v>
      </c>
      <c r="C131" s="8">
        <v>1752</v>
      </c>
      <c r="D131" s="9">
        <v>33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7</v>
      </c>
      <c r="C5" s="12">
        <v>8</v>
      </c>
      <c r="D5" s="13">
        <v>15</v>
      </c>
    </row>
    <row r="6" spans="1:4" ht="18" customHeight="1" x14ac:dyDescent="0.2">
      <c r="A6" s="14">
        <v>1</v>
      </c>
      <c r="B6" s="42">
        <v>13</v>
      </c>
      <c r="C6" s="16">
        <v>10</v>
      </c>
      <c r="D6" s="17">
        <v>23</v>
      </c>
    </row>
    <row r="7" spans="1:4" ht="18" customHeight="1" x14ac:dyDescent="0.2">
      <c r="A7" s="14">
        <v>2</v>
      </c>
      <c r="B7" s="42">
        <v>7</v>
      </c>
      <c r="C7" s="16">
        <v>4</v>
      </c>
      <c r="D7" s="17">
        <v>11</v>
      </c>
    </row>
    <row r="8" spans="1:4" ht="18" customHeight="1" x14ac:dyDescent="0.2">
      <c r="A8" s="14">
        <v>3</v>
      </c>
      <c r="B8" s="42">
        <v>6</v>
      </c>
      <c r="C8" s="16">
        <v>10</v>
      </c>
      <c r="D8" s="17">
        <v>16</v>
      </c>
    </row>
    <row r="9" spans="1:4" ht="18" customHeight="1" x14ac:dyDescent="0.2">
      <c r="A9" s="14">
        <v>4</v>
      </c>
      <c r="B9" s="42">
        <v>7</v>
      </c>
      <c r="C9" s="16">
        <v>10</v>
      </c>
      <c r="D9" s="17">
        <v>17</v>
      </c>
    </row>
    <row r="10" spans="1:4" ht="18" customHeight="1" x14ac:dyDescent="0.2">
      <c r="A10" s="18" t="s">
        <v>48</v>
      </c>
      <c r="B10" s="42">
        <v>40</v>
      </c>
      <c r="C10" s="16">
        <v>42</v>
      </c>
      <c r="D10" s="17">
        <v>82</v>
      </c>
    </row>
    <row r="11" spans="1:4" ht="18" customHeight="1" x14ac:dyDescent="0.2">
      <c r="A11" s="14">
        <v>5</v>
      </c>
      <c r="B11" s="41">
        <v>5</v>
      </c>
      <c r="C11" s="28">
        <v>11</v>
      </c>
      <c r="D11" s="29">
        <v>16</v>
      </c>
    </row>
    <row r="12" spans="1:4" ht="18" customHeight="1" x14ac:dyDescent="0.2">
      <c r="A12" s="14">
        <v>6</v>
      </c>
      <c r="B12" s="41">
        <v>9</v>
      </c>
      <c r="C12" s="28">
        <v>10</v>
      </c>
      <c r="D12" s="29">
        <v>19</v>
      </c>
    </row>
    <row r="13" spans="1:4" ht="18" customHeight="1" x14ac:dyDescent="0.2">
      <c r="A13" s="14">
        <v>7</v>
      </c>
      <c r="B13" s="41">
        <v>7</v>
      </c>
      <c r="C13" s="28">
        <v>8</v>
      </c>
      <c r="D13" s="29">
        <v>15</v>
      </c>
    </row>
    <row r="14" spans="1:4" ht="18" customHeight="1" x14ac:dyDescent="0.2">
      <c r="A14" s="14">
        <v>8</v>
      </c>
      <c r="B14" s="41">
        <v>10</v>
      </c>
      <c r="C14" s="28">
        <v>3</v>
      </c>
      <c r="D14" s="29">
        <v>13</v>
      </c>
    </row>
    <row r="15" spans="1:4" ht="18" customHeight="1" x14ac:dyDescent="0.2">
      <c r="A15" s="14">
        <v>9</v>
      </c>
      <c r="B15" s="41">
        <v>11</v>
      </c>
      <c r="C15" s="28">
        <v>4</v>
      </c>
      <c r="D15" s="29">
        <v>15</v>
      </c>
    </row>
    <row r="16" spans="1:4" ht="18" customHeight="1" x14ac:dyDescent="0.2">
      <c r="A16" s="18" t="s">
        <v>49</v>
      </c>
      <c r="B16" s="42">
        <v>42</v>
      </c>
      <c r="C16" s="16">
        <v>36</v>
      </c>
      <c r="D16" s="17">
        <v>78</v>
      </c>
    </row>
    <row r="17" spans="1:4" ht="18" customHeight="1" x14ac:dyDescent="0.2">
      <c r="A17" s="14">
        <v>10</v>
      </c>
      <c r="B17" s="41">
        <v>16</v>
      </c>
      <c r="C17" s="28">
        <v>4</v>
      </c>
      <c r="D17" s="29">
        <v>20</v>
      </c>
    </row>
    <row r="18" spans="1:4" ht="18" customHeight="1" x14ac:dyDescent="0.2">
      <c r="A18" s="14">
        <v>11</v>
      </c>
      <c r="B18" s="41">
        <v>9</v>
      </c>
      <c r="C18" s="28">
        <v>10</v>
      </c>
      <c r="D18" s="29">
        <v>19</v>
      </c>
    </row>
    <row r="19" spans="1:4" ht="18" customHeight="1" x14ac:dyDescent="0.2">
      <c r="A19" s="14">
        <v>12</v>
      </c>
      <c r="B19" s="41">
        <v>8</v>
      </c>
      <c r="C19" s="28">
        <v>7</v>
      </c>
      <c r="D19" s="29">
        <v>15</v>
      </c>
    </row>
    <row r="20" spans="1:4" ht="18" customHeight="1" x14ac:dyDescent="0.2">
      <c r="A20" s="14">
        <v>13</v>
      </c>
      <c r="B20" s="41">
        <v>7</v>
      </c>
      <c r="C20" s="28">
        <v>7</v>
      </c>
      <c r="D20" s="29">
        <v>14</v>
      </c>
    </row>
    <row r="21" spans="1:4" ht="18" customHeight="1" x14ac:dyDescent="0.2">
      <c r="A21" s="14">
        <v>14</v>
      </c>
      <c r="B21" s="41">
        <v>4</v>
      </c>
      <c r="C21" s="28">
        <v>7</v>
      </c>
      <c r="D21" s="29">
        <v>11</v>
      </c>
    </row>
    <row r="22" spans="1:4" ht="18" customHeight="1" x14ac:dyDescent="0.2">
      <c r="A22" s="18" t="s">
        <v>50</v>
      </c>
      <c r="B22" s="42">
        <v>44</v>
      </c>
      <c r="C22" s="16">
        <v>35</v>
      </c>
      <c r="D22" s="17">
        <v>79</v>
      </c>
    </row>
    <row r="23" spans="1:4" ht="18" customHeight="1" x14ac:dyDescent="0.2">
      <c r="A23" s="18" t="s">
        <v>51</v>
      </c>
      <c r="B23" s="42">
        <v>126</v>
      </c>
      <c r="C23" s="16">
        <v>113</v>
      </c>
      <c r="D23" s="17">
        <v>239</v>
      </c>
    </row>
    <row r="24" spans="1:4" ht="18" customHeight="1" x14ac:dyDescent="0.2">
      <c r="A24" s="14">
        <v>15</v>
      </c>
      <c r="B24" s="41">
        <v>6</v>
      </c>
      <c r="C24" s="28">
        <v>7</v>
      </c>
      <c r="D24" s="29">
        <v>13</v>
      </c>
    </row>
    <row r="25" spans="1:4" ht="18" customHeight="1" x14ac:dyDescent="0.2">
      <c r="A25" s="14">
        <v>16</v>
      </c>
      <c r="B25" s="41">
        <v>3</v>
      </c>
      <c r="C25" s="28">
        <v>8</v>
      </c>
      <c r="D25" s="29">
        <v>11</v>
      </c>
    </row>
    <row r="26" spans="1:4" ht="18" customHeight="1" x14ac:dyDescent="0.2">
      <c r="A26" s="14">
        <v>17</v>
      </c>
      <c r="B26" s="41">
        <v>5</v>
      </c>
      <c r="C26" s="28">
        <v>4</v>
      </c>
      <c r="D26" s="29">
        <v>9</v>
      </c>
    </row>
    <row r="27" spans="1:4" ht="18" customHeight="1" x14ac:dyDescent="0.2">
      <c r="A27" s="14">
        <v>18</v>
      </c>
      <c r="B27" s="41">
        <v>5</v>
      </c>
      <c r="C27" s="28">
        <v>6</v>
      </c>
      <c r="D27" s="29">
        <v>11</v>
      </c>
    </row>
    <row r="28" spans="1:4" ht="18" customHeight="1" x14ac:dyDescent="0.2">
      <c r="A28" s="14">
        <v>19</v>
      </c>
      <c r="B28" s="41">
        <v>5</v>
      </c>
      <c r="C28" s="28">
        <v>9</v>
      </c>
      <c r="D28" s="29">
        <v>14</v>
      </c>
    </row>
    <row r="29" spans="1:4" ht="18" customHeight="1" x14ac:dyDescent="0.2">
      <c r="A29" s="18" t="s">
        <v>52</v>
      </c>
      <c r="B29" s="42">
        <v>24</v>
      </c>
      <c r="C29" s="16">
        <v>34</v>
      </c>
      <c r="D29" s="17">
        <v>58</v>
      </c>
    </row>
    <row r="30" spans="1:4" ht="18" customHeight="1" x14ac:dyDescent="0.2">
      <c r="A30" s="14">
        <v>20</v>
      </c>
      <c r="B30" s="41">
        <v>3</v>
      </c>
      <c r="C30" s="28">
        <v>8</v>
      </c>
      <c r="D30" s="29">
        <v>11</v>
      </c>
    </row>
    <row r="31" spans="1:4" ht="18" customHeight="1" x14ac:dyDescent="0.2">
      <c r="A31" s="14">
        <v>21</v>
      </c>
      <c r="B31" s="41">
        <v>13</v>
      </c>
      <c r="C31" s="28">
        <v>1</v>
      </c>
      <c r="D31" s="29">
        <v>14</v>
      </c>
    </row>
    <row r="32" spans="1:4" ht="18" customHeight="1" x14ac:dyDescent="0.2">
      <c r="A32" s="14">
        <v>22</v>
      </c>
      <c r="B32" s="41">
        <v>7</v>
      </c>
      <c r="C32" s="28">
        <v>3</v>
      </c>
      <c r="D32" s="29">
        <v>10</v>
      </c>
    </row>
    <row r="33" spans="1:4" ht="18" customHeight="1" x14ac:dyDescent="0.2">
      <c r="A33" s="14">
        <v>23</v>
      </c>
      <c r="B33" s="41">
        <v>5</v>
      </c>
      <c r="C33" s="28">
        <v>9</v>
      </c>
      <c r="D33" s="29">
        <v>14</v>
      </c>
    </row>
    <row r="34" spans="1:4" ht="18" customHeight="1" x14ac:dyDescent="0.2">
      <c r="A34" s="14">
        <v>24</v>
      </c>
      <c r="B34" s="41">
        <v>4</v>
      </c>
      <c r="C34" s="28">
        <v>8</v>
      </c>
      <c r="D34" s="29">
        <v>12</v>
      </c>
    </row>
    <row r="35" spans="1:4" ht="18" customHeight="1" x14ac:dyDescent="0.2">
      <c r="A35" s="18" t="s">
        <v>53</v>
      </c>
      <c r="B35" s="42">
        <v>32</v>
      </c>
      <c r="C35" s="16">
        <v>29</v>
      </c>
      <c r="D35" s="17">
        <v>61</v>
      </c>
    </row>
    <row r="36" spans="1:4" ht="18" customHeight="1" x14ac:dyDescent="0.2">
      <c r="A36" s="14">
        <v>25</v>
      </c>
      <c r="B36" s="41">
        <v>8</v>
      </c>
      <c r="C36" s="28">
        <v>6</v>
      </c>
      <c r="D36" s="29">
        <v>14</v>
      </c>
    </row>
    <row r="37" spans="1:4" ht="18" customHeight="1" x14ac:dyDescent="0.2">
      <c r="A37" s="14">
        <v>26</v>
      </c>
      <c r="B37" s="41">
        <v>7</v>
      </c>
      <c r="C37" s="28">
        <v>7</v>
      </c>
      <c r="D37" s="29">
        <v>14</v>
      </c>
    </row>
    <row r="38" spans="1:4" ht="18" customHeight="1" x14ac:dyDescent="0.2">
      <c r="A38" s="14">
        <v>27</v>
      </c>
      <c r="B38" s="41">
        <v>8</v>
      </c>
      <c r="C38" s="28">
        <v>11</v>
      </c>
      <c r="D38" s="29">
        <v>19</v>
      </c>
    </row>
    <row r="39" spans="1:4" ht="18" customHeight="1" x14ac:dyDescent="0.2">
      <c r="A39" s="14">
        <v>28</v>
      </c>
      <c r="B39" s="41">
        <v>7</v>
      </c>
      <c r="C39" s="28">
        <v>9</v>
      </c>
      <c r="D39" s="29">
        <v>16</v>
      </c>
    </row>
    <row r="40" spans="1:4" ht="18" customHeight="1" x14ac:dyDescent="0.2">
      <c r="A40" s="14">
        <v>29</v>
      </c>
      <c r="B40" s="41">
        <v>8</v>
      </c>
      <c r="C40" s="28">
        <v>15</v>
      </c>
      <c r="D40" s="29">
        <v>23</v>
      </c>
    </row>
    <row r="41" spans="1:4" ht="18" customHeight="1" x14ac:dyDescent="0.2">
      <c r="A41" s="18" t="s">
        <v>54</v>
      </c>
      <c r="B41" s="42">
        <v>38</v>
      </c>
      <c r="C41" s="16">
        <v>48</v>
      </c>
      <c r="D41" s="17">
        <v>86</v>
      </c>
    </row>
    <row r="42" spans="1:4" ht="18" customHeight="1" x14ac:dyDescent="0.2">
      <c r="A42" s="14">
        <v>30</v>
      </c>
      <c r="B42" s="41">
        <v>8</v>
      </c>
      <c r="C42" s="28">
        <v>10</v>
      </c>
      <c r="D42" s="29">
        <v>18</v>
      </c>
    </row>
    <row r="43" spans="1:4" ht="18" customHeight="1" x14ac:dyDescent="0.2">
      <c r="A43" s="14">
        <v>31</v>
      </c>
      <c r="B43" s="41">
        <v>5</v>
      </c>
      <c r="C43" s="28">
        <v>14</v>
      </c>
      <c r="D43" s="29">
        <v>19</v>
      </c>
    </row>
    <row r="44" spans="1:4" ht="18" customHeight="1" x14ac:dyDescent="0.2">
      <c r="A44" s="14">
        <v>32</v>
      </c>
      <c r="B44" s="41">
        <v>15</v>
      </c>
      <c r="C44" s="28">
        <v>12</v>
      </c>
      <c r="D44" s="29">
        <v>27</v>
      </c>
    </row>
    <row r="45" spans="1:4" ht="18" customHeight="1" x14ac:dyDescent="0.2">
      <c r="A45" s="14">
        <v>33</v>
      </c>
      <c r="B45" s="41">
        <v>17</v>
      </c>
      <c r="C45" s="28">
        <v>6</v>
      </c>
      <c r="D45" s="29">
        <v>23</v>
      </c>
    </row>
    <row r="46" spans="1:4" ht="18" customHeight="1" x14ac:dyDescent="0.2">
      <c r="A46" s="14">
        <v>34</v>
      </c>
      <c r="B46" s="41">
        <v>17</v>
      </c>
      <c r="C46" s="28">
        <v>10</v>
      </c>
      <c r="D46" s="29">
        <v>27</v>
      </c>
    </row>
    <row r="47" spans="1:4" ht="18" customHeight="1" x14ac:dyDescent="0.2">
      <c r="A47" s="18" t="s">
        <v>55</v>
      </c>
      <c r="B47" s="42">
        <v>62</v>
      </c>
      <c r="C47" s="16">
        <v>52</v>
      </c>
      <c r="D47" s="17">
        <v>114</v>
      </c>
    </row>
    <row r="48" spans="1:4" ht="18" customHeight="1" x14ac:dyDescent="0.2">
      <c r="A48" s="14">
        <v>35</v>
      </c>
      <c r="B48" s="41">
        <v>18</v>
      </c>
      <c r="C48" s="28">
        <v>15</v>
      </c>
      <c r="D48" s="29">
        <v>33</v>
      </c>
    </row>
    <row r="49" spans="1:4" ht="18" customHeight="1" x14ac:dyDescent="0.2">
      <c r="A49" s="14">
        <v>36</v>
      </c>
      <c r="B49" s="41">
        <v>14</v>
      </c>
      <c r="C49" s="28">
        <v>8</v>
      </c>
      <c r="D49" s="29">
        <v>22</v>
      </c>
    </row>
    <row r="50" spans="1:4" ht="18" customHeight="1" x14ac:dyDescent="0.2">
      <c r="A50" s="14">
        <v>37</v>
      </c>
      <c r="B50" s="41">
        <v>14</v>
      </c>
      <c r="C50" s="28">
        <v>15</v>
      </c>
      <c r="D50" s="29">
        <v>29</v>
      </c>
    </row>
    <row r="51" spans="1:4" ht="18" customHeight="1" x14ac:dyDescent="0.2">
      <c r="A51" s="14">
        <v>38</v>
      </c>
      <c r="B51" s="41">
        <v>10</v>
      </c>
      <c r="C51" s="28">
        <v>13</v>
      </c>
      <c r="D51" s="29">
        <v>23</v>
      </c>
    </row>
    <row r="52" spans="1:4" ht="18" customHeight="1" x14ac:dyDescent="0.2">
      <c r="A52" s="14">
        <v>39</v>
      </c>
      <c r="B52" s="41">
        <v>7</v>
      </c>
      <c r="C52" s="28">
        <v>15</v>
      </c>
      <c r="D52" s="29">
        <v>22</v>
      </c>
    </row>
    <row r="53" spans="1:4" ht="18" customHeight="1" x14ac:dyDescent="0.2">
      <c r="A53" s="18" t="s">
        <v>56</v>
      </c>
      <c r="B53" s="42">
        <v>63</v>
      </c>
      <c r="C53" s="16">
        <v>66</v>
      </c>
      <c r="D53" s="17">
        <v>129</v>
      </c>
    </row>
    <row r="54" spans="1:4" ht="18" customHeight="1" x14ac:dyDescent="0.2">
      <c r="A54" s="14">
        <v>40</v>
      </c>
      <c r="B54" s="41">
        <v>19</v>
      </c>
      <c r="C54" s="28">
        <v>17</v>
      </c>
      <c r="D54" s="29">
        <v>36</v>
      </c>
    </row>
    <row r="55" spans="1:4" ht="18" customHeight="1" x14ac:dyDescent="0.2">
      <c r="A55" s="14">
        <v>41</v>
      </c>
      <c r="B55" s="41">
        <v>8</v>
      </c>
      <c r="C55" s="28">
        <v>16</v>
      </c>
      <c r="D55" s="29">
        <v>24</v>
      </c>
    </row>
    <row r="56" spans="1:4" ht="18" customHeight="1" x14ac:dyDescent="0.2">
      <c r="A56" s="14">
        <v>42</v>
      </c>
      <c r="B56" s="41">
        <v>18</v>
      </c>
      <c r="C56" s="28">
        <v>13</v>
      </c>
      <c r="D56" s="29">
        <v>31</v>
      </c>
    </row>
    <row r="57" spans="1:4" ht="18" customHeight="1" x14ac:dyDescent="0.2">
      <c r="A57" s="14">
        <v>43</v>
      </c>
      <c r="B57" s="41">
        <v>20</v>
      </c>
      <c r="C57" s="28">
        <v>12</v>
      </c>
      <c r="D57" s="29">
        <v>32</v>
      </c>
    </row>
    <row r="58" spans="1:4" ht="18" customHeight="1" x14ac:dyDescent="0.2">
      <c r="A58" s="14">
        <v>44</v>
      </c>
      <c r="B58" s="41">
        <v>23</v>
      </c>
      <c r="C58" s="28">
        <v>16</v>
      </c>
      <c r="D58" s="29">
        <v>39</v>
      </c>
    </row>
    <row r="59" spans="1:4" ht="18" customHeight="1" x14ac:dyDescent="0.2">
      <c r="A59" s="18" t="s">
        <v>57</v>
      </c>
      <c r="B59" s="42">
        <v>88</v>
      </c>
      <c r="C59" s="16">
        <v>74</v>
      </c>
      <c r="D59" s="17">
        <v>162</v>
      </c>
    </row>
    <row r="60" spans="1:4" ht="18" customHeight="1" x14ac:dyDescent="0.2">
      <c r="A60" s="14">
        <v>45</v>
      </c>
      <c r="B60" s="41">
        <v>16</v>
      </c>
      <c r="C60" s="28">
        <v>24</v>
      </c>
      <c r="D60" s="29">
        <v>40</v>
      </c>
    </row>
    <row r="61" spans="1:4" ht="18" customHeight="1" x14ac:dyDescent="0.2">
      <c r="A61" s="14">
        <v>46</v>
      </c>
      <c r="B61" s="41">
        <v>21</v>
      </c>
      <c r="C61" s="28">
        <v>20</v>
      </c>
      <c r="D61" s="29">
        <v>41</v>
      </c>
    </row>
    <row r="62" spans="1:4" ht="18" customHeight="1" x14ac:dyDescent="0.2">
      <c r="A62" s="14">
        <v>47</v>
      </c>
      <c r="B62" s="41">
        <v>12</v>
      </c>
      <c r="C62" s="28">
        <v>24</v>
      </c>
      <c r="D62" s="29">
        <v>36</v>
      </c>
    </row>
    <row r="63" spans="1:4" ht="18" customHeight="1" x14ac:dyDescent="0.2">
      <c r="A63" s="14">
        <v>48</v>
      </c>
      <c r="B63" s="41">
        <v>20</v>
      </c>
      <c r="C63" s="28">
        <v>21</v>
      </c>
      <c r="D63" s="29">
        <v>41</v>
      </c>
    </row>
    <row r="64" spans="1:4" ht="18" customHeight="1" x14ac:dyDescent="0.2">
      <c r="A64" s="14">
        <v>49</v>
      </c>
      <c r="B64" s="41">
        <v>20</v>
      </c>
      <c r="C64" s="28">
        <v>19</v>
      </c>
      <c r="D64" s="29">
        <v>39</v>
      </c>
    </row>
    <row r="65" spans="1:4" ht="18" customHeight="1" x14ac:dyDescent="0.2">
      <c r="A65" s="18" t="s">
        <v>58</v>
      </c>
      <c r="B65" s="42">
        <v>89</v>
      </c>
      <c r="C65" s="16">
        <v>108</v>
      </c>
      <c r="D65" s="17">
        <v>197</v>
      </c>
    </row>
    <row r="66" spans="1:4" ht="18" customHeight="1" x14ac:dyDescent="0.2">
      <c r="A66" s="14">
        <v>50</v>
      </c>
      <c r="B66" s="41">
        <v>23</v>
      </c>
      <c r="C66" s="28">
        <v>21</v>
      </c>
      <c r="D66" s="29">
        <v>44</v>
      </c>
    </row>
    <row r="67" spans="1:4" ht="18" customHeight="1" x14ac:dyDescent="0.2">
      <c r="A67" s="14">
        <v>51</v>
      </c>
      <c r="B67" s="41">
        <v>16</v>
      </c>
      <c r="C67" s="28">
        <v>22</v>
      </c>
      <c r="D67" s="29">
        <v>38</v>
      </c>
    </row>
    <row r="68" spans="1:4" ht="18" customHeight="1" x14ac:dyDescent="0.2">
      <c r="A68" s="14">
        <v>52</v>
      </c>
      <c r="B68" s="41">
        <v>15</v>
      </c>
      <c r="C68" s="28">
        <v>12</v>
      </c>
      <c r="D68" s="29">
        <v>27</v>
      </c>
    </row>
    <row r="69" spans="1:4" ht="18" customHeight="1" x14ac:dyDescent="0.2">
      <c r="A69" s="14">
        <v>53</v>
      </c>
      <c r="B69" s="41">
        <v>15</v>
      </c>
      <c r="C69" s="28">
        <v>9</v>
      </c>
      <c r="D69" s="29">
        <v>24</v>
      </c>
    </row>
    <row r="70" spans="1:4" ht="18" customHeight="1" x14ac:dyDescent="0.2">
      <c r="A70" s="14">
        <v>54</v>
      </c>
      <c r="B70" s="41">
        <v>9</v>
      </c>
      <c r="C70" s="28">
        <v>17</v>
      </c>
      <c r="D70" s="29">
        <v>26</v>
      </c>
    </row>
    <row r="71" spans="1:4" ht="18" customHeight="1" x14ac:dyDescent="0.2">
      <c r="A71" s="18" t="s">
        <v>59</v>
      </c>
      <c r="B71" s="42">
        <v>78</v>
      </c>
      <c r="C71" s="16">
        <v>81</v>
      </c>
      <c r="D71" s="17">
        <v>159</v>
      </c>
    </row>
    <row r="72" spans="1:4" ht="18" customHeight="1" x14ac:dyDescent="0.2">
      <c r="A72" s="14">
        <v>55</v>
      </c>
      <c r="B72" s="41">
        <v>19</v>
      </c>
      <c r="C72" s="28">
        <v>13</v>
      </c>
      <c r="D72" s="29">
        <v>32</v>
      </c>
    </row>
    <row r="73" spans="1:4" ht="18" customHeight="1" x14ac:dyDescent="0.2">
      <c r="A73" s="14">
        <v>56</v>
      </c>
      <c r="B73" s="41">
        <v>11</v>
      </c>
      <c r="C73" s="28">
        <v>16</v>
      </c>
      <c r="D73" s="29">
        <v>27</v>
      </c>
    </row>
    <row r="74" spans="1:4" ht="18" customHeight="1" x14ac:dyDescent="0.2">
      <c r="A74" s="14">
        <v>57</v>
      </c>
      <c r="B74" s="41">
        <v>18</v>
      </c>
      <c r="C74" s="28">
        <v>15</v>
      </c>
      <c r="D74" s="29">
        <v>33</v>
      </c>
    </row>
    <row r="75" spans="1:4" ht="18" customHeight="1" x14ac:dyDescent="0.2">
      <c r="A75" s="14">
        <v>58</v>
      </c>
      <c r="B75" s="41">
        <v>15</v>
      </c>
      <c r="C75" s="28">
        <v>22</v>
      </c>
      <c r="D75" s="29">
        <v>37</v>
      </c>
    </row>
    <row r="76" spans="1:4" ht="18" customHeight="1" x14ac:dyDescent="0.2">
      <c r="A76" s="14">
        <v>59</v>
      </c>
      <c r="B76" s="41">
        <v>13</v>
      </c>
      <c r="C76" s="28">
        <v>20</v>
      </c>
      <c r="D76" s="29">
        <v>33</v>
      </c>
    </row>
    <row r="77" spans="1:4" ht="18" customHeight="1" x14ac:dyDescent="0.2">
      <c r="A77" s="18" t="s">
        <v>60</v>
      </c>
      <c r="B77" s="42">
        <v>76</v>
      </c>
      <c r="C77" s="16">
        <v>86</v>
      </c>
      <c r="D77" s="17">
        <v>162</v>
      </c>
    </row>
    <row r="78" spans="1:4" ht="18" customHeight="1" x14ac:dyDescent="0.2">
      <c r="A78" s="14">
        <v>60</v>
      </c>
      <c r="B78" s="41">
        <v>17</v>
      </c>
      <c r="C78" s="28">
        <v>17</v>
      </c>
      <c r="D78" s="29">
        <v>34</v>
      </c>
    </row>
    <row r="79" spans="1:4" ht="18" customHeight="1" x14ac:dyDescent="0.2">
      <c r="A79" s="14">
        <v>61</v>
      </c>
      <c r="B79" s="41">
        <v>21</v>
      </c>
      <c r="C79" s="28">
        <v>19</v>
      </c>
      <c r="D79" s="29">
        <v>40</v>
      </c>
    </row>
    <row r="80" spans="1:4" ht="18" customHeight="1" x14ac:dyDescent="0.2">
      <c r="A80" s="14">
        <v>62</v>
      </c>
      <c r="B80" s="41">
        <v>13</v>
      </c>
      <c r="C80" s="28">
        <v>26</v>
      </c>
      <c r="D80" s="29">
        <v>39</v>
      </c>
    </row>
    <row r="81" spans="1:4" ht="18" customHeight="1" x14ac:dyDescent="0.2">
      <c r="A81" s="14">
        <v>63</v>
      </c>
      <c r="B81" s="41">
        <v>16</v>
      </c>
      <c r="C81" s="28">
        <v>9</v>
      </c>
      <c r="D81" s="29">
        <v>25</v>
      </c>
    </row>
    <row r="82" spans="1:4" ht="18" customHeight="1" x14ac:dyDescent="0.2">
      <c r="A82" s="14">
        <v>64</v>
      </c>
      <c r="B82" s="41">
        <v>18</v>
      </c>
      <c r="C82" s="28">
        <v>22</v>
      </c>
      <c r="D82" s="29">
        <v>40</v>
      </c>
    </row>
    <row r="83" spans="1:4" ht="18" customHeight="1" x14ac:dyDescent="0.2">
      <c r="A83" s="18" t="s">
        <v>61</v>
      </c>
      <c r="B83" s="42">
        <v>85</v>
      </c>
      <c r="C83" s="16">
        <v>93</v>
      </c>
      <c r="D83" s="17">
        <v>178</v>
      </c>
    </row>
    <row r="84" spans="1:4" ht="18" customHeight="1" x14ac:dyDescent="0.2">
      <c r="A84" s="18" t="s">
        <v>62</v>
      </c>
      <c r="B84" s="42">
        <v>635</v>
      </c>
      <c r="C84" s="16">
        <v>671</v>
      </c>
      <c r="D84" s="17">
        <v>1306</v>
      </c>
    </row>
    <row r="85" spans="1:4" ht="18" customHeight="1" x14ac:dyDescent="0.2">
      <c r="A85" s="14">
        <v>65</v>
      </c>
      <c r="B85" s="41">
        <v>15</v>
      </c>
      <c r="C85" s="28">
        <v>15</v>
      </c>
      <c r="D85" s="29">
        <v>30</v>
      </c>
    </row>
    <row r="86" spans="1:4" ht="18" customHeight="1" x14ac:dyDescent="0.2">
      <c r="A86" s="14">
        <v>66</v>
      </c>
      <c r="B86" s="41">
        <v>12</v>
      </c>
      <c r="C86" s="28">
        <v>14</v>
      </c>
      <c r="D86" s="29">
        <v>26</v>
      </c>
    </row>
    <row r="87" spans="1:4" ht="18" customHeight="1" x14ac:dyDescent="0.2">
      <c r="A87" s="14">
        <v>67</v>
      </c>
      <c r="B87" s="41">
        <v>14</v>
      </c>
      <c r="C87" s="28">
        <v>23</v>
      </c>
      <c r="D87" s="29">
        <v>37</v>
      </c>
    </row>
    <row r="88" spans="1:4" ht="18" customHeight="1" x14ac:dyDescent="0.2">
      <c r="A88" s="14">
        <v>68</v>
      </c>
      <c r="B88" s="41">
        <v>14</v>
      </c>
      <c r="C88" s="28">
        <v>14</v>
      </c>
      <c r="D88" s="29">
        <v>28</v>
      </c>
    </row>
    <row r="89" spans="1:4" ht="18" customHeight="1" x14ac:dyDescent="0.2">
      <c r="A89" s="14">
        <v>69</v>
      </c>
      <c r="B89" s="41">
        <v>20</v>
      </c>
      <c r="C89" s="28">
        <v>26</v>
      </c>
      <c r="D89" s="29">
        <v>46</v>
      </c>
    </row>
    <row r="90" spans="1:4" ht="18" customHeight="1" x14ac:dyDescent="0.2">
      <c r="A90" s="18" t="s">
        <v>63</v>
      </c>
      <c r="B90" s="42">
        <v>75</v>
      </c>
      <c r="C90" s="16">
        <v>92</v>
      </c>
      <c r="D90" s="17">
        <v>167</v>
      </c>
    </row>
    <row r="91" spans="1:4" ht="18" customHeight="1" x14ac:dyDescent="0.2">
      <c r="A91" s="14">
        <v>70</v>
      </c>
      <c r="B91" s="41">
        <v>23</v>
      </c>
      <c r="C91" s="28">
        <v>20</v>
      </c>
      <c r="D91" s="29">
        <v>43</v>
      </c>
    </row>
    <row r="92" spans="1:4" ht="18" customHeight="1" x14ac:dyDescent="0.2">
      <c r="A92" s="14">
        <v>71</v>
      </c>
      <c r="B92" s="41">
        <v>12</v>
      </c>
      <c r="C92" s="28">
        <v>23</v>
      </c>
      <c r="D92" s="29">
        <v>35</v>
      </c>
    </row>
    <row r="93" spans="1:4" ht="18" customHeight="1" x14ac:dyDescent="0.2">
      <c r="A93" s="14">
        <v>72</v>
      </c>
      <c r="B93" s="41">
        <v>14</v>
      </c>
      <c r="C93" s="28">
        <v>30</v>
      </c>
      <c r="D93" s="29">
        <v>44</v>
      </c>
    </row>
    <row r="94" spans="1:4" ht="18" customHeight="1" x14ac:dyDescent="0.2">
      <c r="A94" s="14">
        <v>73</v>
      </c>
      <c r="B94" s="41">
        <v>11</v>
      </c>
      <c r="C94" s="28">
        <v>10</v>
      </c>
      <c r="D94" s="29">
        <v>21</v>
      </c>
    </row>
    <row r="95" spans="1:4" ht="18" customHeight="1" x14ac:dyDescent="0.2">
      <c r="A95" s="14">
        <v>74</v>
      </c>
      <c r="B95" s="41">
        <v>18</v>
      </c>
      <c r="C95" s="28">
        <v>8</v>
      </c>
      <c r="D95" s="29">
        <v>26</v>
      </c>
    </row>
    <row r="96" spans="1:4" ht="18" customHeight="1" x14ac:dyDescent="0.2">
      <c r="A96" s="18" t="s">
        <v>64</v>
      </c>
      <c r="B96" s="42">
        <v>78</v>
      </c>
      <c r="C96" s="16">
        <v>91</v>
      </c>
      <c r="D96" s="17">
        <v>169</v>
      </c>
    </row>
    <row r="97" spans="1:4" ht="18" customHeight="1" x14ac:dyDescent="0.2">
      <c r="A97" s="14">
        <v>75</v>
      </c>
      <c r="B97" s="41">
        <v>13</v>
      </c>
      <c r="C97" s="28">
        <v>17</v>
      </c>
      <c r="D97" s="29">
        <v>30</v>
      </c>
    </row>
    <row r="98" spans="1:4" ht="18" customHeight="1" x14ac:dyDescent="0.2">
      <c r="A98" s="14">
        <v>76</v>
      </c>
      <c r="B98" s="41">
        <v>12</v>
      </c>
      <c r="C98" s="28">
        <v>18</v>
      </c>
      <c r="D98" s="29">
        <v>30</v>
      </c>
    </row>
    <row r="99" spans="1:4" ht="18" customHeight="1" x14ac:dyDescent="0.2">
      <c r="A99" s="14">
        <v>77</v>
      </c>
      <c r="B99" s="41">
        <v>9</v>
      </c>
      <c r="C99" s="28">
        <v>13</v>
      </c>
      <c r="D99" s="29">
        <v>22</v>
      </c>
    </row>
    <row r="100" spans="1:4" ht="18" customHeight="1" x14ac:dyDescent="0.2">
      <c r="A100" s="14">
        <v>78</v>
      </c>
      <c r="B100" s="41">
        <v>19</v>
      </c>
      <c r="C100" s="28">
        <v>20</v>
      </c>
      <c r="D100" s="29">
        <v>39</v>
      </c>
    </row>
    <row r="101" spans="1:4" ht="18" customHeight="1" x14ac:dyDescent="0.2">
      <c r="A101" s="14">
        <v>79</v>
      </c>
      <c r="B101" s="41">
        <v>12</v>
      </c>
      <c r="C101" s="28">
        <v>14</v>
      </c>
      <c r="D101" s="29">
        <v>26</v>
      </c>
    </row>
    <row r="102" spans="1:4" ht="18" customHeight="1" x14ac:dyDescent="0.2">
      <c r="A102" s="18" t="s">
        <v>65</v>
      </c>
      <c r="B102" s="42">
        <v>65</v>
      </c>
      <c r="C102" s="16">
        <v>82</v>
      </c>
      <c r="D102" s="17">
        <v>147</v>
      </c>
    </row>
    <row r="103" spans="1:4" ht="18" customHeight="1" x14ac:dyDescent="0.2">
      <c r="A103" s="14">
        <v>80</v>
      </c>
      <c r="B103" s="41">
        <v>9</v>
      </c>
      <c r="C103" s="28">
        <v>11</v>
      </c>
      <c r="D103" s="29">
        <v>20</v>
      </c>
    </row>
    <row r="104" spans="1:4" ht="18" customHeight="1" x14ac:dyDescent="0.2">
      <c r="A104" s="14">
        <v>81</v>
      </c>
      <c r="B104" s="41">
        <v>5</v>
      </c>
      <c r="C104" s="28">
        <v>11</v>
      </c>
      <c r="D104" s="29">
        <v>16</v>
      </c>
    </row>
    <row r="105" spans="1:4" ht="18" customHeight="1" x14ac:dyDescent="0.2">
      <c r="A105" s="14">
        <v>82</v>
      </c>
      <c r="B105" s="41">
        <v>3</v>
      </c>
      <c r="C105" s="28">
        <v>7</v>
      </c>
      <c r="D105" s="29">
        <v>10</v>
      </c>
    </row>
    <row r="106" spans="1:4" ht="18" customHeight="1" x14ac:dyDescent="0.2">
      <c r="A106" s="14">
        <v>83</v>
      </c>
      <c r="B106" s="41">
        <v>4</v>
      </c>
      <c r="C106" s="28">
        <v>22</v>
      </c>
      <c r="D106" s="29">
        <v>26</v>
      </c>
    </row>
    <row r="107" spans="1:4" ht="18" customHeight="1" x14ac:dyDescent="0.2">
      <c r="A107" s="14">
        <v>84</v>
      </c>
      <c r="B107" s="41">
        <v>6</v>
      </c>
      <c r="C107" s="28">
        <v>11</v>
      </c>
      <c r="D107" s="29">
        <v>17</v>
      </c>
    </row>
    <row r="108" spans="1:4" ht="18" customHeight="1" x14ac:dyDescent="0.2">
      <c r="A108" s="18" t="s">
        <v>66</v>
      </c>
      <c r="B108" s="42">
        <v>27</v>
      </c>
      <c r="C108" s="16">
        <v>62</v>
      </c>
      <c r="D108" s="17">
        <v>89</v>
      </c>
    </row>
    <row r="109" spans="1:4" ht="18" customHeight="1" x14ac:dyDescent="0.2">
      <c r="A109" s="14">
        <v>85</v>
      </c>
      <c r="B109" s="41">
        <v>8</v>
      </c>
      <c r="C109" s="28">
        <v>13</v>
      </c>
      <c r="D109" s="29">
        <v>21</v>
      </c>
    </row>
    <row r="110" spans="1:4" ht="18" customHeight="1" x14ac:dyDescent="0.2">
      <c r="A110" s="14">
        <v>86</v>
      </c>
      <c r="B110" s="41">
        <v>9</v>
      </c>
      <c r="C110" s="28">
        <v>15</v>
      </c>
      <c r="D110" s="29">
        <v>24</v>
      </c>
    </row>
    <row r="111" spans="1:4" ht="18" customHeight="1" x14ac:dyDescent="0.2">
      <c r="A111" s="14">
        <v>87</v>
      </c>
      <c r="B111" s="41">
        <v>3</v>
      </c>
      <c r="C111" s="28">
        <v>10</v>
      </c>
      <c r="D111" s="29">
        <v>13</v>
      </c>
    </row>
    <row r="112" spans="1:4" ht="18" customHeight="1" x14ac:dyDescent="0.2">
      <c r="A112" s="14">
        <v>88</v>
      </c>
      <c r="B112" s="41">
        <v>2</v>
      </c>
      <c r="C112" s="28">
        <v>13</v>
      </c>
      <c r="D112" s="29">
        <v>15</v>
      </c>
    </row>
    <row r="113" spans="1:4" ht="18" customHeight="1" x14ac:dyDescent="0.2">
      <c r="A113" s="14">
        <v>89</v>
      </c>
      <c r="B113" s="41">
        <v>4</v>
      </c>
      <c r="C113" s="28">
        <v>9</v>
      </c>
      <c r="D113" s="29">
        <v>13</v>
      </c>
    </row>
    <row r="114" spans="1:4" ht="18" customHeight="1" x14ac:dyDescent="0.2">
      <c r="A114" s="18" t="s">
        <v>67</v>
      </c>
      <c r="B114" s="42">
        <v>26</v>
      </c>
      <c r="C114" s="16">
        <v>60</v>
      </c>
      <c r="D114" s="17">
        <v>86</v>
      </c>
    </row>
    <row r="115" spans="1:4" ht="18" customHeight="1" x14ac:dyDescent="0.2">
      <c r="A115" s="14">
        <v>90</v>
      </c>
      <c r="B115" s="41">
        <v>1</v>
      </c>
      <c r="C115" s="28">
        <v>10</v>
      </c>
      <c r="D115" s="29">
        <v>11</v>
      </c>
    </row>
    <row r="116" spans="1:4" ht="18" customHeight="1" x14ac:dyDescent="0.2">
      <c r="A116" s="14">
        <v>91</v>
      </c>
      <c r="B116" s="41">
        <v>2</v>
      </c>
      <c r="C116" s="28">
        <v>10</v>
      </c>
      <c r="D116" s="29">
        <v>12</v>
      </c>
    </row>
    <row r="117" spans="1:4" ht="18" customHeight="1" x14ac:dyDescent="0.2">
      <c r="A117" s="14">
        <v>92</v>
      </c>
      <c r="B117" s="41">
        <v>4</v>
      </c>
      <c r="C117" s="28">
        <v>11</v>
      </c>
      <c r="D117" s="29">
        <v>15</v>
      </c>
    </row>
    <row r="118" spans="1:4" ht="18" customHeight="1" x14ac:dyDescent="0.2">
      <c r="A118" s="14">
        <v>93</v>
      </c>
      <c r="B118" s="41">
        <v>0</v>
      </c>
      <c r="C118" s="28">
        <v>2</v>
      </c>
      <c r="D118" s="29">
        <v>2</v>
      </c>
    </row>
    <row r="119" spans="1:4" ht="18" customHeight="1" x14ac:dyDescent="0.2">
      <c r="A119" s="14">
        <v>94</v>
      </c>
      <c r="B119" s="41">
        <v>1</v>
      </c>
      <c r="C119" s="28">
        <v>7</v>
      </c>
      <c r="D119" s="29">
        <v>8</v>
      </c>
    </row>
    <row r="120" spans="1:4" ht="18" customHeight="1" x14ac:dyDescent="0.2">
      <c r="A120" s="18" t="s">
        <v>68</v>
      </c>
      <c r="B120" s="42">
        <v>8</v>
      </c>
      <c r="C120" s="16">
        <v>40</v>
      </c>
      <c r="D120" s="17">
        <v>48</v>
      </c>
    </row>
    <row r="121" spans="1:4" ht="18" customHeight="1" x14ac:dyDescent="0.2">
      <c r="A121" s="14">
        <v>95</v>
      </c>
      <c r="B121" s="41">
        <v>0</v>
      </c>
      <c r="C121" s="28">
        <v>5</v>
      </c>
      <c r="D121" s="29">
        <v>5</v>
      </c>
    </row>
    <row r="122" spans="1:4" ht="18" customHeight="1" x14ac:dyDescent="0.2">
      <c r="A122" s="14">
        <v>96</v>
      </c>
      <c r="B122" s="41">
        <v>1</v>
      </c>
      <c r="C122" s="28">
        <v>3</v>
      </c>
      <c r="D122" s="29">
        <v>4</v>
      </c>
    </row>
    <row r="123" spans="1:4" ht="18" customHeight="1" x14ac:dyDescent="0.2">
      <c r="A123" s="14">
        <v>97</v>
      </c>
      <c r="B123" s="41">
        <v>0</v>
      </c>
      <c r="C123" s="28">
        <v>6</v>
      </c>
      <c r="D123" s="29">
        <v>6</v>
      </c>
    </row>
    <row r="124" spans="1:4" ht="18" customHeight="1" x14ac:dyDescent="0.2">
      <c r="A124" s="14">
        <v>98</v>
      </c>
      <c r="B124" s="41">
        <v>1</v>
      </c>
      <c r="C124" s="28">
        <v>4</v>
      </c>
      <c r="D124" s="29">
        <v>5</v>
      </c>
    </row>
    <row r="125" spans="1:4" ht="18" customHeight="1" x14ac:dyDescent="0.2">
      <c r="A125" s="14">
        <v>99</v>
      </c>
      <c r="B125" s="41">
        <v>0</v>
      </c>
      <c r="C125" s="28">
        <v>2</v>
      </c>
      <c r="D125" s="29">
        <v>2</v>
      </c>
    </row>
    <row r="126" spans="1:4" ht="18" customHeight="1" x14ac:dyDescent="0.2">
      <c r="A126" s="18" t="s">
        <v>69</v>
      </c>
      <c r="B126" s="42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41">
        <v>0</v>
      </c>
      <c r="C127" s="28">
        <v>0</v>
      </c>
      <c r="D127" s="29">
        <v>0</v>
      </c>
    </row>
    <row r="128" spans="1:4" ht="18" customHeight="1" x14ac:dyDescent="0.2">
      <c r="A128" s="19" t="s">
        <v>70</v>
      </c>
      <c r="B128" s="41">
        <v>1</v>
      </c>
      <c r="C128" s="28">
        <v>1</v>
      </c>
      <c r="D128" s="29">
        <v>2</v>
      </c>
    </row>
    <row r="129" spans="1:4" ht="18" customHeight="1" x14ac:dyDescent="0.2">
      <c r="A129" s="18" t="s">
        <v>71</v>
      </c>
      <c r="B129" s="42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3">
        <v>282</v>
      </c>
      <c r="C130" s="5">
        <v>448</v>
      </c>
      <c r="D130" s="6">
        <v>730</v>
      </c>
    </row>
    <row r="131" spans="1:4" ht="18" customHeight="1" x14ac:dyDescent="0.2">
      <c r="A131" s="20" t="s">
        <v>47</v>
      </c>
      <c r="B131" s="44">
        <v>1043</v>
      </c>
      <c r="C131" s="8">
        <v>1232</v>
      </c>
      <c r="D131" s="9">
        <v>2275</v>
      </c>
    </row>
  </sheetData>
  <mergeCells count="2">
    <mergeCell ref="A1:D1"/>
    <mergeCell ref="B3:D3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7</v>
      </c>
      <c r="C5" s="12">
        <v>18</v>
      </c>
      <c r="D5" s="13">
        <v>35</v>
      </c>
    </row>
    <row r="6" spans="1:4" ht="18" customHeight="1" x14ac:dyDescent="0.2">
      <c r="A6" s="14">
        <v>1</v>
      </c>
      <c r="B6" s="15">
        <v>24</v>
      </c>
      <c r="C6" s="16">
        <v>22</v>
      </c>
      <c r="D6" s="17">
        <v>46</v>
      </c>
    </row>
    <row r="7" spans="1:4" ht="18" customHeight="1" x14ac:dyDescent="0.2">
      <c r="A7" s="14">
        <v>2</v>
      </c>
      <c r="B7" s="15">
        <v>12</v>
      </c>
      <c r="C7" s="16">
        <v>16</v>
      </c>
      <c r="D7" s="17">
        <v>28</v>
      </c>
    </row>
    <row r="8" spans="1:4" ht="18" customHeight="1" x14ac:dyDescent="0.2">
      <c r="A8" s="14">
        <v>3</v>
      </c>
      <c r="B8" s="15">
        <v>28</v>
      </c>
      <c r="C8" s="16">
        <v>21</v>
      </c>
      <c r="D8" s="17">
        <v>49</v>
      </c>
    </row>
    <row r="9" spans="1:4" ht="18" customHeight="1" x14ac:dyDescent="0.2">
      <c r="A9" s="14">
        <v>4</v>
      </c>
      <c r="B9" s="15">
        <v>27</v>
      </c>
      <c r="C9" s="16">
        <v>20</v>
      </c>
      <c r="D9" s="17">
        <v>47</v>
      </c>
    </row>
    <row r="10" spans="1:4" ht="18" customHeight="1" x14ac:dyDescent="0.2">
      <c r="A10" s="18" t="s">
        <v>48</v>
      </c>
      <c r="B10" s="15">
        <v>108</v>
      </c>
      <c r="C10" s="16">
        <v>97</v>
      </c>
      <c r="D10" s="17">
        <v>205</v>
      </c>
    </row>
    <row r="11" spans="1:4" ht="18" customHeight="1" x14ac:dyDescent="0.2">
      <c r="A11" s="14">
        <v>5</v>
      </c>
      <c r="B11" s="15">
        <v>20</v>
      </c>
      <c r="C11" s="16">
        <v>29</v>
      </c>
      <c r="D11" s="17">
        <v>49</v>
      </c>
    </row>
    <row r="12" spans="1:4" ht="18" customHeight="1" x14ac:dyDescent="0.2">
      <c r="A12" s="14">
        <v>6</v>
      </c>
      <c r="B12" s="15">
        <v>19</v>
      </c>
      <c r="C12" s="16">
        <v>22</v>
      </c>
      <c r="D12" s="17">
        <v>41</v>
      </c>
    </row>
    <row r="13" spans="1:4" ht="18" customHeight="1" x14ac:dyDescent="0.2">
      <c r="A13" s="14">
        <v>7</v>
      </c>
      <c r="B13" s="15">
        <v>28</v>
      </c>
      <c r="C13" s="16">
        <v>25</v>
      </c>
      <c r="D13" s="17">
        <v>53</v>
      </c>
    </row>
    <row r="14" spans="1:4" ht="18" customHeight="1" x14ac:dyDescent="0.2">
      <c r="A14" s="14">
        <v>8</v>
      </c>
      <c r="B14" s="15">
        <v>14</v>
      </c>
      <c r="C14" s="16">
        <v>24</v>
      </c>
      <c r="D14" s="17">
        <v>38</v>
      </c>
    </row>
    <row r="15" spans="1:4" ht="18" customHeight="1" x14ac:dyDescent="0.2">
      <c r="A15" s="14">
        <v>9</v>
      </c>
      <c r="B15" s="15">
        <v>16</v>
      </c>
      <c r="C15" s="16">
        <v>24</v>
      </c>
      <c r="D15" s="17">
        <v>40</v>
      </c>
    </row>
    <row r="16" spans="1:4" ht="18" customHeight="1" x14ac:dyDescent="0.2">
      <c r="A16" s="18" t="s">
        <v>49</v>
      </c>
      <c r="B16" s="15">
        <v>97</v>
      </c>
      <c r="C16" s="16">
        <v>124</v>
      </c>
      <c r="D16" s="17">
        <v>221</v>
      </c>
    </row>
    <row r="17" spans="1:4" ht="18" customHeight="1" x14ac:dyDescent="0.2">
      <c r="A17" s="14">
        <v>10</v>
      </c>
      <c r="B17" s="15">
        <v>27</v>
      </c>
      <c r="C17" s="16">
        <v>26</v>
      </c>
      <c r="D17" s="17">
        <v>53</v>
      </c>
    </row>
    <row r="18" spans="1:4" ht="18" customHeight="1" x14ac:dyDescent="0.2">
      <c r="A18" s="14">
        <v>11</v>
      </c>
      <c r="B18" s="15">
        <v>29</v>
      </c>
      <c r="C18" s="16">
        <v>27</v>
      </c>
      <c r="D18" s="17">
        <v>56</v>
      </c>
    </row>
    <row r="19" spans="1:4" ht="18" customHeight="1" x14ac:dyDescent="0.2">
      <c r="A19" s="14">
        <v>12</v>
      </c>
      <c r="B19" s="15">
        <v>14</v>
      </c>
      <c r="C19" s="16">
        <v>24</v>
      </c>
      <c r="D19" s="17">
        <v>38</v>
      </c>
    </row>
    <row r="20" spans="1:4" ht="18" customHeight="1" x14ac:dyDescent="0.2">
      <c r="A20" s="14">
        <v>13</v>
      </c>
      <c r="B20" s="15">
        <v>32</v>
      </c>
      <c r="C20" s="16">
        <v>21</v>
      </c>
      <c r="D20" s="17">
        <v>53</v>
      </c>
    </row>
    <row r="21" spans="1:4" ht="18" customHeight="1" x14ac:dyDescent="0.2">
      <c r="A21" s="14">
        <v>14</v>
      </c>
      <c r="B21" s="15">
        <v>25</v>
      </c>
      <c r="C21" s="16">
        <v>18</v>
      </c>
      <c r="D21" s="17">
        <v>43</v>
      </c>
    </row>
    <row r="22" spans="1:4" ht="18" customHeight="1" x14ac:dyDescent="0.2">
      <c r="A22" s="18" t="s">
        <v>50</v>
      </c>
      <c r="B22" s="15">
        <v>127</v>
      </c>
      <c r="C22" s="16">
        <v>116</v>
      </c>
      <c r="D22" s="17">
        <v>243</v>
      </c>
    </row>
    <row r="23" spans="1:4" ht="18" customHeight="1" x14ac:dyDescent="0.2">
      <c r="A23" s="18" t="s">
        <v>51</v>
      </c>
      <c r="B23" s="15">
        <v>332</v>
      </c>
      <c r="C23" s="16">
        <v>337</v>
      </c>
      <c r="D23" s="17">
        <v>669</v>
      </c>
    </row>
    <row r="24" spans="1:4" ht="18" customHeight="1" x14ac:dyDescent="0.2">
      <c r="A24" s="14">
        <v>15</v>
      </c>
      <c r="B24" s="15">
        <v>32</v>
      </c>
      <c r="C24" s="16">
        <v>33</v>
      </c>
      <c r="D24" s="17">
        <v>65</v>
      </c>
    </row>
    <row r="25" spans="1:4" ht="18" customHeight="1" x14ac:dyDescent="0.2">
      <c r="A25" s="14">
        <v>16</v>
      </c>
      <c r="B25" s="15">
        <v>19</v>
      </c>
      <c r="C25" s="16">
        <v>27</v>
      </c>
      <c r="D25" s="17">
        <v>46</v>
      </c>
    </row>
    <row r="26" spans="1:4" ht="18" customHeight="1" x14ac:dyDescent="0.2">
      <c r="A26" s="14">
        <v>17</v>
      </c>
      <c r="B26" s="15">
        <v>35</v>
      </c>
      <c r="C26" s="16">
        <v>19</v>
      </c>
      <c r="D26" s="17">
        <v>54</v>
      </c>
    </row>
    <row r="27" spans="1:4" ht="18" customHeight="1" x14ac:dyDescent="0.2">
      <c r="A27" s="14">
        <v>18</v>
      </c>
      <c r="B27" s="15">
        <v>31</v>
      </c>
      <c r="C27" s="16">
        <v>26</v>
      </c>
      <c r="D27" s="17">
        <v>57</v>
      </c>
    </row>
    <row r="28" spans="1:4" ht="18" customHeight="1" x14ac:dyDescent="0.2">
      <c r="A28" s="14">
        <v>19</v>
      </c>
      <c r="B28" s="15">
        <v>30</v>
      </c>
      <c r="C28" s="16">
        <v>25</v>
      </c>
      <c r="D28" s="17">
        <v>55</v>
      </c>
    </row>
    <row r="29" spans="1:4" ht="18" customHeight="1" x14ac:dyDescent="0.2">
      <c r="A29" s="18" t="s">
        <v>52</v>
      </c>
      <c r="B29" s="15">
        <v>147</v>
      </c>
      <c r="C29" s="16">
        <v>130</v>
      </c>
      <c r="D29" s="17">
        <v>277</v>
      </c>
    </row>
    <row r="30" spans="1:4" ht="18" customHeight="1" x14ac:dyDescent="0.2">
      <c r="A30" s="14">
        <v>20</v>
      </c>
      <c r="B30" s="15">
        <v>22</v>
      </c>
      <c r="C30" s="16">
        <v>20</v>
      </c>
      <c r="D30" s="17">
        <v>42</v>
      </c>
    </row>
    <row r="31" spans="1:4" ht="18" customHeight="1" x14ac:dyDescent="0.2">
      <c r="A31" s="14">
        <v>21</v>
      </c>
      <c r="B31" s="15">
        <v>41</v>
      </c>
      <c r="C31" s="16">
        <v>20</v>
      </c>
      <c r="D31" s="17">
        <v>61</v>
      </c>
    </row>
    <row r="32" spans="1:4" ht="18" customHeight="1" x14ac:dyDescent="0.2">
      <c r="A32" s="14">
        <v>22</v>
      </c>
      <c r="B32" s="15">
        <v>34</v>
      </c>
      <c r="C32" s="16">
        <v>26</v>
      </c>
      <c r="D32" s="17">
        <v>60</v>
      </c>
    </row>
    <row r="33" spans="1:4" ht="18" customHeight="1" x14ac:dyDescent="0.2">
      <c r="A33" s="14">
        <v>23</v>
      </c>
      <c r="B33" s="15">
        <v>26</v>
      </c>
      <c r="C33" s="16">
        <v>24</v>
      </c>
      <c r="D33" s="17">
        <v>50</v>
      </c>
    </row>
    <row r="34" spans="1:4" ht="18" customHeight="1" x14ac:dyDescent="0.2">
      <c r="A34" s="14">
        <v>24</v>
      </c>
      <c r="B34" s="15">
        <v>31</v>
      </c>
      <c r="C34" s="16">
        <v>26</v>
      </c>
      <c r="D34" s="17">
        <v>57</v>
      </c>
    </row>
    <row r="35" spans="1:4" ht="18" customHeight="1" x14ac:dyDescent="0.2">
      <c r="A35" s="18" t="s">
        <v>53</v>
      </c>
      <c r="B35" s="15">
        <v>154</v>
      </c>
      <c r="C35" s="16">
        <v>116</v>
      </c>
      <c r="D35" s="17">
        <v>270</v>
      </c>
    </row>
    <row r="36" spans="1:4" ht="18" customHeight="1" x14ac:dyDescent="0.2">
      <c r="A36" s="14">
        <v>25</v>
      </c>
      <c r="B36" s="15">
        <v>34</v>
      </c>
      <c r="C36" s="16">
        <v>19</v>
      </c>
      <c r="D36" s="17">
        <v>53</v>
      </c>
    </row>
    <row r="37" spans="1:4" ht="18" customHeight="1" x14ac:dyDescent="0.2">
      <c r="A37" s="14">
        <v>26</v>
      </c>
      <c r="B37" s="15">
        <v>27</v>
      </c>
      <c r="C37" s="16">
        <v>29</v>
      </c>
      <c r="D37" s="17">
        <v>56</v>
      </c>
    </row>
    <row r="38" spans="1:4" ht="18" customHeight="1" x14ac:dyDescent="0.2">
      <c r="A38" s="14">
        <v>27</v>
      </c>
      <c r="B38" s="15">
        <v>37</v>
      </c>
      <c r="C38" s="16">
        <v>26</v>
      </c>
      <c r="D38" s="17">
        <v>63</v>
      </c>
    </row>
    <row r="39" spans="1:4" ht="18" customHeight="1" x14ac:dyDescent="0.2">
      <c r="A39" s="14">
        <v>28</v>
      </c>
      <c r="B39" s="15">
        <v>27</v>
      </c>
      <c r="C39" s="16">
        <v>22</v>
      </c>
      <c r="D39" s="17">
        <v>49</v>
      </c>
    </row>
    <row r="40" spans="1:4" ht="18" customHeight="1" x14ac:dyDescent="0.2">
      <c r="A40" s="14">
        <v>29</v>
      </c>
      <c r="B40" s="15">
        <v>32</v>
      </c>
      <c r="C40" s="16">
        <v>26</v>
      </c>
      <c r="D40" s="17">
        <v>58</v>
      </c>
    </row>
    <row r="41" spans="1:4" ht="18" customHeight="1" x14ac:dyDescent="0.2">
      <c r="A41" s="18" t="s">
        <v>54</v>
      </c>
      <c r="B41" s="15">
        <v>157</v>
      </c>
      <c r="C41" s="16">
        <v>122</v>
      </c>
      <c r="D41" s="17">
        <v>279</v>
      </c>
    </row>
    <row r="42" spans="1:4" ht="18" customHeight="1" x14ac:dyDescent="0.2">
      <c r="A42" s="14">
        <v>30</v>
      </c>
      <c r="B42" s="15">
        <v>28</v>
      </c>
      <c r="C42" s="16">
        <v>19</v>
      </c>
      <c r="D42" s="17">
        <v>47</v>
      </c>
    </row>
    <row r="43" spans="1:4" ht="18" customHeight="1" x14ac:dyDescent="0.2">
      <c r="A43" s="14">
        <v>31</v>
      </c>
      <c r="B43" s="15">
        <v>26</v>
      </c>
      <c r="C43" s="16">
        <v>19</v>
      </c>
      <c r="D43" s="17">
        <v>45</v>
      </c>
    </row>
    <row r="44" spans="1:4" ht="18" customHeight="1" x14ac:dyDescent="0.2">
      <c r="A44" s="14">
        <v>32</v>
      </c>
      <c r="B44" s="15">
        <v>29</v>
      </c>
      <c r="C44" s="16">
        <v>27</v>
      </c>
      <c r="D44" s="17">
        <v>56</v>
      </c>
    </row>
    <row r="45" spans="1:4" ht="18" customHeight="1" x14ac:dyDescent="0.2">
      <c r="A45" s="14">
        <v>33</v>
      </c>
      <c r="B45" s="15">
        <v>42</v>
      </c>
      <c r="C45" s="16">
        <v>24</v>
      </c>
      <c r="D45" s="17">
        <v>66</v>
      </c>
    </row>
    <row r="46" spans="1:4" ht="18" customHeight="1" x14ac:dyDescent="0.2">
      <c r="A46" s="14">
        <v>34</v>
      </c>
      <c r="B46" s="15">
        <v>30</v>
      </c>
      <c r="C46" s="16">
        <v>28</v>
      </c>
      <c r="D46" s="17">
        <v>58</v>
      </c>
    </row>
    <row r="47" spans="1:4" ht="18" customHeight="1" x14ac:dyDescent="0.2">
      <c r="A47" s="18" t="s">
        <v>55</v>
      </c>
      <c r="B47" s="15">
        <v>155</v>
      </c>
      <c r="C47" s="16">
        <v>117</v>
      </c>
      <c r="D47" s="17">
        <v>272</v>
      </c>
    </row>
    <row r="48" spans="1:4" ht="18" customHeight="1" x14ac:dyDescent="0.2">
      <c r="A48" s="14">
        <v>35</v>
      </c>
      <c r="B48" s="15">
        <v>31</v>
      </c>
      <c r="C48" s="16">
        <v>32</v>
      </c>
      <c r="D48" s="17">
        <v>63</v>
      </c>
    </row>
    <row r="49" spans="1:4" ht="18" customHeight="1" x14ac:dyDescent="0.2">
      <c r="A49" s="14">
        <v>36</v>
      </c>
      <c r="B49" s="15">
        <v>33</v>
      </c>
      <c r="C49" s="16">
        <v>26</v>
      </c>
      <c r="D49" s="17">
        <v>59</v>
      </c>
    </row>
    <row r="50" spans="1:4" ht="18" customHeight="1" x14ac:dyDescent="0.2">
      <c r="A50" s="14">
        <v>37</v>
      </c>
      <c r="B50" s="15">
        <v>30</v>
      </c>
      <c r="C50" s="16">
        <v>24</v>
      </c>
      <c r="D50" s="17">
        <v>54</v>
      </c>
    </row>
    <row r="51" spans="1:4" ht="18" customHeight="1" x14ac:dyDescent="0.2">
      <c r="A51" s="14">
        <v>38</v>
      </c>
      <c r="B51" s="15">
        <v>29</v>
      </c>
      <c r="C51" s="16">
        <v>27</v>
      </c>
      <c r="D51" s="17">
        <v>56</v>
      </c>
    </row>
    <row r="52" spans="1:4" ht="18" customHeight="1" x14ac:dyDescent="0.2">
      <c r="A52" s="14">
        <v>39</v>
      </c>
      <c r="B52" s="15">
        <v>43</v>
      </c>
      <c r="C52" s="16">
        <v>31</v>
      </c>
      <c r="D52" s="17">
        <v>74</v>
      </c>
    </row>
    <row r="53" spans="1:4" ht="18" customHeight="1" x14ac:dyDescent="0.2">
      <c r="A53" s="18" t="s">
        <v>56</v>
      </c>
      <c r="B53" s="15">
        <v>166</v>
      </c>
      <c r="C53" s="16">
        <v>140</v>
      </c>
      <c r="D53" s="17">
        <v>306</v>
      </c>
    </row>
    <row r="54" spans="1:4" ht="18" customHeight="1" x14ac:dyDescent="0.2">
      <c r="A54" s="14">
        <v>40</v>
      </c>
      <c r="B54" s="15">
        <v>30</v>
      </c>
      <c r="C54" s="16">
        <v>29</v>
      </c>
      <c r="D54" s="17">
        <v>59</v>
      </c>
    </row>
    <row r="55" spans="1:4" ht="18" customHeight="1" x14ac:dyDescent="0.2">
      <c r="A55" s="14">
        <v>41</v>
      </c>
      <c r="B55" s="15">
        <v>38</v>
      </c>
      <c r="C55" s="16">
        <v>33</v>
      </c>
      <c r="D55" s="17">
        <v>71</v>
      </c>
    </row>
    <row r="56" spans="1:4" ht="18" customHeight="1" x14ac:dyDescent="0.2">
      <c r="A56" s="14">
        <v>42</v>
      </c>
      <c r="B56" s="15">
        <v>48</v>
      </c>
      <c r="C56" s="16">
        <v>41</v>
      </c>
      <c r="D56" s="17">
        <v>89</v>
      </c>
    </row>
    <row r="57" spans="1:4" ht="18" customHeight="1" x14ac:dyDescent="0.2">
      <c r="A57" s="14">
        <v>43</v>
      </c>
      <c r="B57" s="15">
        <v>37</v>
      </c>
      <c r="C57" s="16">
        <v>42</v>
      </c>
      <c r="D57" s="17">
        <v>79</v>
      </c>
    </row>
    <row r="58" spans="1:4" ht="18" customHeight="1" x14ac:dyDescent="0.2">
      <c r="A58" s="14">
        <v>44</v>
      </c>
      <c r="B58" s="15">
        <v>56</v>
      </c>
      <c r="C58" s="16">
        <v>40</v>
      </c>
      <c r="D58" s="17">
        <v>96</v>
      </c>
    </row>
    <row r="59" spans="1:4" ht="18" customHeight="1" x14ac:dyDescent="0.2">
      <c r="A59" s="18" t="s">
        <v>57</v>
      </c>
      <c r="B59" s="15">
        <v>209</v>
      </c>
      <c r="C59" s="16">
        <v>185</v>
      </c>
      <c r="D59" s="17">
        <v>394</v>
      </c>
    </row>
    <row r="60" spans="1:4" ht="18" customHeight="1" x14ac:dyDescent="0.2">
      <c r="A60" s="14">
        <v>45</v>
      </c>
      <c r="B60" s="15">
        <v>44</v>
      </c>
      <c r="C60" s="16">
        <v>48</v>
      </c>
      <c r="D60" s="17">
        <v>92</v>
      </c>
    </row>
    <row r="61" spans="1:4" ht="18" customHeight="1" x14ac:dyDescent="0.2">
      <c r="A61" s="14">
        <v>46</v>
      </c>
      <c r="B61" s="15">
        <v>54</v>
      </c>
      <c r="C61" s="16">
        <v>58</v>
      </c>
      <c r="D61" s="17">
        <v>112</v>
      </c>
    </row>
    <row r="62" spans="1:4" ht="18" customHeight="1" x14ac:dyDescent="0.2">
      <c r="A62" s="14">
        <v>47</v>
      </c>
      <c r="B62" s="15">
        <v>49</v>
      </c>
      <c r="C62" s="16">
        <v>38</v>
      </c>
      <c r="D62" s="17">
        <v>87</v>
      </c>
    </row>
    <row r="63" spans="1:4" ht="18" customHeight="1" x14ac:dyDescent="0.2">
      <c r="A63" s="14">
        <v>48</v>
      </c>
      <c r="B63" s="15">
        <v>45</v>
      </c>
      <c r="C63" s="16">
        <v>49</v>
      </c>
      <c r="D63" s="17">
        <v>94</v>
      </c>
    </row>
    <row r="64" spans="1:4" ht="18" customHeight="1" x14ac:dyDescent="0.2">
      <c r="A64" s="14">
        <v>49</v>
      </c>
      <c r="B64" s="15">
        <v>47</v>
      </c>
      <c r="C64" s="16">
        <v>31</v>
      </c>
      <c r="D64" s="17">
        <v>78</v>
      </c>
    </row>
    <row r="65" spans="1:4" ht="18" customHeight="1" x14ac:dyDescent="0.2">
      <c r="A65" s="18" t="s">
        <v>58</v>
      </c>
      <c r="B65" s="15">
        <v>239</v>
      </c>
      <c r="C65" s="16">
        <v>224</v>
      </c>
      <c r="D65" s="17">
        <v>463</v>
      </c>
    </row>
    <row r="66" spans="1:4" ht="18" customHeight="1" x14ac:dyDescent="0.2">
      <c r="A66" s="14">
        <v>50</v>
      </c>
      <c r="B66" s="15">
        <v>48</v>
      </c>
      <c r="C66" s="16">
        <v>37</v>
      </c>
      <c r="D66" s="17">
        <v>85</v>
      </c>
    </row>
    <row r="67" spans="1:4" ht="18" customHeight="1" x14ac:dyDescent="0.2">
      <c r="A67" s="14">
        <v>51</v>
      </c>
      <c r="B67" s="15">
        <v>43</v>
      </c>
      <c r="C67" s="16">
        <v>45</v>
      </c>
      <c r="D67" s="17">
        <v>88</v>
      </c>
    </row>
    <row r="68" spans="1:4" ht="18" customHeight="1" x14ac:dyDescent="0.2">
      <c r="A68" s="14">
        <v>52</v>
      </c>
      <c r="B68" s="15">
        <v>34</v>
      </c>
      <c r="C68" s="16">
        <v>36</v>
      </c>
      <c r="D68" s="17">
        <v>70</v>
      </c>
    </row>
    <row r="69" spans="1:4" ht="18" customHeight="1" x14ac:dyDescent="0.2">
      <c r="A69" s="14">
        <v>53</v>
      </c>
      <c r="B69" s="15">
        <v>34</v>
      </c>
      <c r="C69" s="16">
        <v>30</v>
      </c>
      <c r="D69" s="17">
        <v>64</v>
      </c>
    </row>
    <row r="70" spans="1:4" ht="18" customHeight="1" x14ac:dyDescent="0.2">
      <c r="A70" s="14">
        <v>54</v>
      </c>
      <c r="B70" s="15">
        <v>36</v>
      </c>
      <c r="C70" s="16">
        <v>39</v>
      </c>
      <c r="D70" s="17">
        <v>75</v>
      </c>
    </row>
    <row r="71" spans="1:4" ht="18" customHeight="1" x14ac:dyDescent="0.2">
      <c r="A71" s="18" t="s">
        <v>59</v>
      </c>
      <c r="B71" s="15">
        <v>195</v>
      </c>
      <c r="C71" s="16">
        <v>187</v>
      </c>
      <c r="D71" s="17">
        <v>382</v>
      </c>
    </row>
    <row r="72" spans="1:4" ht="18" customHeight="1" x14ac:dyDescent="0.2">
      <c r="A72" s="14">
        <v>55</v>
      </c>
      <c r="B72" s="15">
        <v>45</v>
      </c>
      <c r="C72" s="16">
        <v>44</v>
      </c>
      <c r="D72" s="17">
        <v>89</v>
      </c>
    </row>
    <row r="73" spans="1:4" ht="18" customHeight="1" x14ac:dyDescent="0.2">
      <c r="A73" s="14">
        <v>56</v>
      </c>
      <c r="B73" s="15">
        <v>41</v>
      </c>
      <c r="C73" s="16">
        <v>34</v>
      </c>
      <c r="D73" s="17">
        <v>75</v>
      </c>
    </row>
    <row r="74" spans="1:4" ht="18" customHeight="1" x14ac:dyDescent="0.2">
      <c r="A74" s="14">
        <v>57</v>
      </c>
      <c r="B74" s="15">
        <v>26</v>
      </c>
      <c r="C74" s="16">
        <v>27</v>
      </c>
      <c r="D74" s="17">
        <v>53</v>
      </c>
    </row>
    <row r="75" spans="1:4" ht="18" customHeight="1" x14ac:dyDescent="0.2">
      <c r="A75" s="14">
        <v>58</v>
      </c>
      <c r="B75" s="15">
        <v>32</v>
      </c>
      <c r="C75" s="16">
        <v>30</v>
      </c>
      <c r="D75" s="17">
        <v>62</v>
      </c>
    </row>
    <row r="76" spans="1:4" ht="18" customHeight="1" x14ac:dyDescent="0.2">
      <c r="A76" s="14">
        <v>59</v>
      </c>
      <c r="B76" s="15">
        <v>30</v>
      </c>
      <c r="C76" s="16">
        <v>48</v>
      </c>
      <c r="D76" s="17">
        <v>78</v>
      </c>
    </row>
    <row r="77" spans="1:4" ht="18" customHeight="1" x14ac:dyDescent="0.2">
      <c r="A77" s="18" t="s">
        <v>60</v>
      </c>
      <c r="B77" s="15">
        <v>174</v>
      </c>
      <c r="C77" s="16">
        <v>183</v>
      </c>
      <c r="D77" s="17">
        <v>357</v>
      </c>
    </row>
    <row r="78" spans="1:4" ht="18" customHeight="1" x14ac:dyDescent="0.2">
      <c r="A78" s="14">
        <v>60</v>
      </c>
      <c r="B78" s="15">
        <v>33</v>
      </c>
      <c r="C78" s="16">
        <v>35</v>
      </c>
      <c r="D78" s="17">
        <v>68</v>
      </c>
    </row>
    <row r="79" spans="1:4" ht="18" customHeight="1" x14ac:dyDescent="0.2">
      <c r="A79" s="14">
        <v>61</v>
      </c>
      <c r="B79" s="15">
        <v>33</v>
      </c>
      <c r="C79" s="16">
        <v>30</v>
      </c>
      <c r="D79" s="17">
        <v>63</v>
      </c>
    </row>
    <row r="80" spans="1:4" ht="18" customHeight="1" x14ac:dyDescent="0.2">
      <c r="A80" s="14">
        <v>62</v>
      </c>
      <c r="B80" s="15">
        <v>29</v>
      </c>
      <c r="C80" s="16">
        <v>32</v>
      </c>
      <c r="D80" s="17">
        <v>61</v>
      </c>
    </row>
    <row r="81" spans="1:4" ht="18" customHeight="1" x14ac:dyDescent="0.2">
      <c r="A81" s="14">
        <v>63</v>
      </c>
      <c r="B81" s="15">
        <v>36</v>
      </c>
      <c r="C81" s="16">
        <v>45</v>
      </c>
      <c r="D81" s="17">
        <v>81</v>
      </c>
    </row>
    <row r="82" spans="1:4" ht="18" customHeight="1" x14ac:dyDescent="0.2">
      <c r="A82" s="14">
        <v>64</v>
      </c>
      <c r="B82" s="15">
        <v>41</v>
      </c>
      <c r="C82" s="16">
        <v>41</v>
      </c>
      <c r="D82" s="17">
        <v>82</v>
      </c>
    </row>
    <row r="83" spans="1:4" ht="18" customHeight="1" x14ac:dyDescent="0.2">
      <c r="A83" s="18" t="s">
        <v>61</v>
      </c>
      <c r="B83" s="15">
        <v>172</v>
      </c>
      <c r="C83" s="16">
        <v>183</v>
      </c>
      <c r="D83" s="17">
        <v>355</v>
      </c>
    </row>
    <row r="84" spans="1:4" ht="18" customHeight="1" x14ac:dyDescent="0.2">
      <c r="A84" s="18" t="s">
        <v>62</v>
      </c>
      <c r="B84" s="15">
        <v>1768</v>
      </c>
      <c r="C84" s="16">
        <v>1587</v>
      </c>
      <c r="D84" s="17">
        <v>3355</v>
      </c>
    </row>
    <row r="85" spans="1:4" ht="18" customHeight="1" x14ac:dyDescent="0.2">
      <c r="A85" s="14">
        <v>65</v>
      </c>
      <c r="B85" s="15">
        <v>48</v>
      </c>
      <c r="C85" s="16">
        <v>29</v>
      </c>
      <c r="D85" s="17">
        <v>77</v>
      </c>
    </row>
    <row r="86" spans="1:4" ht="18" customHeight="1" x14ac:dyDescent="0.2">
      <c r="A86" s="14">
        <v>66</v>
      </c>
      <c r="B86" s="15">
        <v>42</v>
      </c>
      <c r="C86" s="16">
        <v>44</v>
      </c>
      <c r="D86" s="17">
        <v>86</v>
      </c>
    </row>
    <row r="87" spans="1:4" ht="18" customHeight="1" x14ac:dyDescent="0.2">
      <c r="A87" s="14">
        <v>67</v>
      </c>
      <c r="B87" s="15">
        <v>42</v>
      </c>
      <c r="C87" s="16">
        <v>38</v>
      </c>
      <c r="D87" s="17">
        <v>80</v>
      </c>
    </row>
    <row r="88" spans="1:4" ht="18" customHeight="1" x14ac:dyDescent="0.2">
      <c r="A88" s="14">
        <v>68</v>
      </c>
      <c r="B88" s="15">
        <v>45</v>
      </c>
      <c r="C88" s="16">
        <v>59</v>
      </c>
      <c r="D88" s="17">
        <v>104</v>
      </c>
    </row>
    <row r="89" spans="1:4" ht="18" customHeight="1" x14ac:dyDescent="0.2">
      <c r="A89" s="14">
        <v>69</v>
      </c>
      <c r="B89" s="15">
        <v>43</v>
      </c>
      <c r="C89" s="16">
        <v>51</v>
      </c>
      <c r="D89" s="17">
        <v>94</v>
      </c>
    </row>
    <row r="90" spans="1:4" ht="18" customHeight="1" x14ac:dyDescent="0.2">
      <c r="A90" s="18" t="s">
        <v>63</v>
      </c>
      <c r="B90" s="15">
        <v>220</v>
      </c>
      <c r="C90" s="16">
        <v>221</v>
      </c>
      <c r="D90" s="17">
        <v>441</v>
      </c>
    </row>
    <row r="91" spans="1:4" ht="18" customHeight="1" x14ac:dyDescent="0.2">
      <c r="A91" s="14">
        <v>70</v>
      </c>
      <c r="B91" s="15">
        <v>51</v>
      </c>
      <c r="C91" s="16">
        <v>55</v>
      </c>
      <c r="D91" s="17">
        <v>106</v>
      </c>
    </row>
    <row r="92" spans="1:4" ht="18" customHeight="1" x14ac:dyDescent="0.2">
      <c r="A92" s="14">
        <v>71</v>
      </c>
      <c r="B92" s="15">
        <v>54</v>
      </c>
      <c r="C92" s="16">
        <v>70</v>
      </c>
      <c r="D92" s="17">
        <v>124</v>
      </c>
    </row>
    <row r="93" spans="1:4" ht="18" customHeight="1" x14ac:dyDescent="0.2">
      <c r="A93" s="14">
        <v>72</v>
      </c>
      <c r="B93" s="15">
        <v>55</v>
      </c>
      <c r="C93" s="16">
        <v>61</v>
      </c>
      <c r="D93" s="17">
        <v>116</v>
      </c>
    </row>
    <row r="94" spans="1:4" ht="18" customHeight="1" x14ac:dyDescent="0.2">
      <c r="A94" s="14">
        <v>73</v>
      </c>
      <c r="B94" s="15">
        <v>22</v>
      </c>
      <c r="C94" s="16">
        <v>40</v>
      </c>
      <c r="D94" s="17">
        <v>62</v>
      </c>
    </row>
    <row r="95" spans="1:4" ht="18" customHeight="1" x14ac:dyDescent="0.2">
      <c r="A95" s="14">
        <v>74</v>
      </c>
      <c r="B95" s="15">
        <v>27</v>
      </c>
      <c r="C95" s="16">
        <v>32</v>
      </c>
      <c r="D95" s="17">
        <v>59</v>
      </c>
    </row>
    <row r="96" spans="1:4" ht="18" customHeight="1" x14ac:dyDescent="0.2">
      <c r="A96" s="18" t="s">
        <v>64</v>
      </c>
      <c r="B96" s="15">
        <v>209</v>
      </c>
      <c r="C96" s="16">
        <v>258</v>
      </c>
      <c r="D96" s="17">
        <v>467</v>
      </c>
    </row>
    <row r="97" spans="1:4" ht="18" customHeight="1" x14ac:dyDescent="0.2">
      <c r="A97" s="14">
        <v>75</v>
      </c>
      <c r="B97" s="15">
        <v>48</v>
      </c>
      <c r="C97" s="16">
        <v>51</v>
      </c>
      <c r="D97" s="17">
        <v>99</v>
      </c>
    </row>
    <row r="98" spans="1:4" ht="18" customHeight="1" x14ac:dyDescent="0.2">
      <c r="A98" s="14">
        <v>76</v>
      </c>
      <c r="B98" s="15">
        <v>43</v>
      </c>
      <c r="C98" s="16">
        <v>36</v>
      </c>
      <c r="D98" s="17">
        <v>79</v>
      </c>
    </row>
    <row r="99" spans="1:4" ht="18" customHeight="1" x14ac:dyDescent="0.2">
      <c r="A99" s="14">
        <v>77</v>
      </c>
      <c r="B99" s="15">
        <v>30</v>
      </c>
      <c r="C99" s="16">
        <v>47</v>
      </c>
      <c r="D99" s="17">
        <v>77</v>
      </c>
    </row>
    <row r="100" spans="1:4" ht="18" customHeight="1" x14ac:dyDescent="0.2">
      <c r="A100" s="14">
        <v>78</v>
      </c>
      <c r="B100" s="15">
        <v>29</v>
      </c>
      <c r="C100" s="16">
        <v>40</v>
      </c>
      <c r="D100" s="17">
        <v>69</v>
      </c>
    </row>
    <row r="101" spans="1:4" ht="18" customHeight="1" x14ac:dyDescent="0.2">
      <c r="A101" s="14">
        <v>79</v>
      </c>
      <c r="B101" s="15">
        <v>27</v>
      </c>
      <c r="C101" s="16">
        <v>43</v>
      </c>
      <c r="D101" s="17">
        <v>70</v>
      </c>
    </row>
    <row r="102" spans="1:4" ht="18" customHeight="1" x14ac:dyDescent="0.2">
      <c r="A102" s="18" t="s">
        <v>65</v>
      </c>
      <c r="B102" s="15">
        <v>177</v>
      </c>
      <c r="C102" s="16">
        <v>217</v>
      </c>
      <c r="D102" s="17">
        <v>394</v>
      </c>
    </row>
    <row r="103" spans="1:4" ht="18" customHeight="1" x14ac:dyDescent="0.2">
      <c r="A103" s="14">
        <v>80</v>
      </c>
      <c r="B103" s="15">
        <v>13</v>
      </c>
      <c r="C103" s="16">
        <v>28</v>
      </c>
      <c r="D103" s="17">
        <v>41</v>
      </c>
    </row>
    <row r="104" spans="1:4" ht="18" customHeight="1" x14ac:dyDescent="0.2">
      <c r="A104" s="14">
        <v>81</v>
      </c>
      <c r="B104" s="15">
        <v>19</v>
      </c>
      <c r="C104" s="16">
        <v>27</v>
      </c>
      <c r="D104" s="17">
        <v>46</v>
      </c>
    </row>
    <row r="105" spans="1:4" ht="18" customHeight="1" x14ac:dyDescent="0.2">
      <c r="A105" s="14">
        <v>82</v>
      </c>
      <c r="B105" s="15">
        <v>21</v>
      </c>
      <c r="C105" s="16">
        <v>19</v>
      </c>
      <c r="D105" s="17">
        <v>40</v>
      </c>
    </row>
    <row r="106" spans="1:4" ht="18" customHeight="1" x14ac:dyDescent="0.2">
      <c r="A106" s="14">
        <v>83</v>
      </c>
      <c r="B106" s="15">
        <v>17</v>
      </c>
      <c r="C106" s="16">
        <v>41</v>
      </c>
      <c r="D106" s="17">
        <v>58</v>
      </c>
    </row>
    <row r="107" spans="1:4" ht="18" customHeight="1" x14ac:dyDescent="0.2">
      <c r="A107" s="14">
        <v>84</v>
      </c>
      <c r="B107" s="15">
        <v>19</v>
      </c>
      <c r="C107" s="16">
        <v>34</v>
      </c>
      <c r="D107" s="17">
        <v>53</v>
      </c>
    </row>
    <row r="108" spans="1:4" ht="18" customHeight="1" x14ac:dyDescent="0.2">
      <c r="A108" s="18" t="s">
        <v>66</v>
      </c>
      <c r="B108" s="15">
        <v>89</v>
      </c>
      <c r="C108" s="16">
        <v>149</v>
      </c>
      <c r="D108" s="17">
        <v>238</v>
      </c>
    </row>
    <row r="109" spans="1:4" ht="18" customHeight="1" x14ac:dyDescent="0.2">
      <c r="A109" s="14">
        <v>85</v>
      </c>
      <c r="B109" s="15">
        <v>12</v>
      </c>
      <c r="C109" s="16">
        <v>32</v>
      </c>
      <c r="D109" s="17">
        <v>44</v>
      </c>
    </row>
    <row r="110" spans="1:4" ht="18" customHeight="1" x14ac:dyDescent="0.2">
      <c r="A110" s="14">
        <v>86</v>
      </c>
      <c r="B110" s="15">
        <v>11</v>
      </c>
      <c r="C110" s="16">
        <v>35</v>
      </c>
      <c r="D110" s="17">
        <v>46</v>
      </c>
    </row>
    <row r="111" spans="1:4" ht="18" customHeight="1" x14ac:dyDescent="0.2">
      <c r="A111" s="14">
        <v>87</v>
      </c>
      <c r="B111" s="15">
        <v>21</v>
      </c>
      <c r="C111" s="16">
        <v>19</v>
      </c>
      <c r="D111" s="17">
        <v>40</v>
      </c>
    </row>
    <row r="112" spans="1:4" ht="18" customHeight="1" x14ac:dyDescent="0.2">
      <c r="A112" s="14">
        <v>88</v>
      </c>
      <c r="B112" s="15">
        <v>6</v>
      </c>
      <c r="C112" s="16">
        <v>21</v>
      </c>
      <c r="D112" s="17">
        <v>27</v>
      </c>
    </row>
    <row r="113" spans="1:4" ht="18" customHeight="1" x14ac:dyDescent="0.2">
      <c r="A113" s="14">
        <v>89</v>
      </c>
      <c r="B113" s="15">
        <v>10</v>
      </c>
      <c r="C113" s="16">
        <v>15</v>
      </c>
      <c r="D113" s="17">
        <v>25</v>
      </c>
    </row>
    <row r="114" spans="1:4" ht="18" customHeight="1" x14ac:dyDescent="0.2">
      <c r="A114" s="18" t="s">
        <v>67</v>
      </c>
      <c r="B114" s="15">
        <v>60</v>
      </c>
      <c r="C114" s="16">
        <v>122</v>
      </c>
      <c r="D114" s="17">
        <v>182</v>
      </c>
    </row>
    <row r="115" spans="1:4" ht="18" customHeight="1" x14ac:dyDescent="0.2">
      <c r="A115" s="14">
        <v>90</v>
      </c>
      <c r="B115" s="15">
        <v>12</v>
      </c>
      <c r="C115" s="16">
        <v>23</v>
      </c>
      <c r="D115" s="17">
        <v>35</v>
      </c>
    </row>
    <row r="116" spans="1:4" ht="18" customHeight="1" x14ac:dyDescent="0.2">
      <c r="A116" s="14">
        <v>91</v>
      </c>
      <c r="B116" s="15">
        <v>6</v>
      </c>
      <c r="C116" s="16">
        <v>19</v>
      </c>
      <c r="D116" s="17">
        <v>25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8</v>
      </c>
      <c r="C118" s="16">
        <v>6</v>
      </c>
      <c r="D118" s="17">
        <v>14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33</v>
      </c>
      <c r="C120" s="16">
        <v>71</v>
      </c>
      <c r="D120" s="17">
        <v>104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791</v>
      </c>
      <c r="C130" s="5">
        <v>1058</v>
      </c>
      <c r="D130" s="6">
        <v>1849</v>
      </c>
    </row>
    <row r="131" spans="1:4" ht="18" customHeight="1" x14ac:dyDescent="0.2">
      <c r="A131" s="20" t="s">
        <v>47</v>
      </c>
      <c r="B131" s="7">
        <v>2891</v>
      </c>
      <c r="C131" s="8">
        <v>2982</v>
      </c>
      <c r="D131" s="9">
        <v>58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3</v>
      </c>
      <c r="C5" s="12">
        <v>22</v>
      </c>
      <c r="D5" s="13">
        <v>45</v>
      </c>
    </row>
    <row r="6" spans="1:4" ht="18" customHeight="1" x14ac:dyDescent="0.2">
      <c r="A6" s="14">
        <v>1</v>
      </c>
      <c r="B6" s="15">
        <v>22</v>
      </c>
      <c r="C6" s="16">
        <v>26</v>
      </c>
      <c r="D6" s="17">
        <v>48</v>
      </c>
    </row>
    <row r="7" spans="1:4" ht="18" customHeight="1" x14ac:dyDescent="0.2">
      <c r="A7" s="14">
        <v>2</v>
      </c>
      <c r="B7" s="15">
        <v>26</v>
      </c>
      <c r="C7" s="16">
        <v>27</v>
      </c>
      <c r="D7" s="17">
        <v>53</v>
      </c>
    </row>
    <row r="8" spans="1:4" ht="18" customHeight="1" x14ac:dyDescent="0.2">
      <c r="A8" s="14">
        <v>3</v>
      </c>
      <c r="B8" s="15">
        <v>23</v>
      </c>
      <c r="C8" s="16">
        <v>30</v>
      </c>
      <c r="D8" s="17">
        <v>53</v>
      </c>
    </row>
    <row r="9" spans="1:4" ht="18" customHeight="1" x14ac:dyDescent="0.2">
      <c r="A9" s="14">
        <v>4</v>
      </c>
      <c r="B9" s="15">
        <v>32</v>
      </c>
      <c r="C9" s="16">
        <v>29</v>
      </c>
      <c r="D9" s="17">
        <v>61</v>
      </c>
    </row>
    <row r="10" spans="1:4" ht="18" customHeight="1" x14ac:dyDescent="0.2">
      <c r="A10" s="18" t="s">
        <v>48</v>
      </c>
      <c r="B10" s="15">
        <v>126</v>
      </c>
      <c r="C10" s="16">
        <v>134</v>
      </c>
      <c r="D10" s="17">
        <v>260</v>
      </c>
    </row>
    <row r="11" spans="1:4" ht="18" customHeight="1" x14ac:dyDescent="0.2">
      <c r="A11" s="14">
        <v>5</v>
      </c>
      <c r="B11" s="15">
        <v>28</v>
      </c>
      <c r="C11" s="16">
        <v>27</v>
      </c>
      <c r="D11" s="17">
        <v>55</v>
      </c>
    </row>
    <row r="12" spans="1:4" ht="18" customHeight="1" x14ac:dyDescent="0.2">
      <c r="A12" s="14">
        <v>6</v>
      </c>
      <c r="B12" s="15">
        <v>29</v>
      </c>
      <c r="C12" s="16">
        <v>26</v>
      </c>
      <c r="D12" s="17">
        <v>55</v>
      </c>
    </row>
    <row r="13" spans="1:4" ht="18" customHeight="1" x14ac:dyDescent="0.2">
      <c r="A13" s="14">
        <v>7</v>
      </c>
      <c r="B13" s="15">
        <v>35</v>
      </c>
      <c r="C13" s="16">
        <v>32</v>
      </c>
      <c r="D13" s="17">
        <v>67</v>
      </c>
    </row>
    <row r="14" spans="1:4" ht="18" customHeight="1" x14ac:dyDescent="0.2">
      <c r="A14" s="14">
        <v>8</v>
      </c>
      <c r="B14" s="15">
        <v>33</v>
      </c>
      <c r="C14" s="16">
        <v>23</v>
      </c>
      <c r="D14" s="17">
        <v>56</v>
      </c>
    </row>
    <row r="15" spans="1:4" ht="18" customHeight="1" x14ac:dyDescent="0.2">
      <c r="A15" s="14">
        <v>9</v>
      </c>
      <c r="B15" s="15">
        <v>39</v>
      </c>
      <c r="C15" s="16">
        <v>21</v>
      </c>
      <c r="D15" s="17">
        <v>60</v>
      </c>
    </row>
    <row r="16" spans="1:4" ht="18" customHeight="1" x14ac:dyDescent="0.2">
      <c r="A16" s="18" t="s">
        <v>49</v>
      </c>
      <c r="B16" s="15">
        <v>164</v>
      </c>
      <c r="C16" s="16">
        <v>129</v>
      </c>
      <c r="D16" s="17">
        <v>293</v>
      </c>
    </row>
    <row r="17" spans="1:4" ht="18" customHeight="1" x14ac:dyDescent="0.2">
      <c r="A17" s="14">
        <v>10</v>
      </c>
      <c r="B17" s="15">
        <v>30</v>
      </c>
      <c r="C17" s="16">
        <v>32</v>
      </c>
      <c r="D17" s="17">
        <v>62</v>
      </c>
    </row>
    <row r="18" spans="1:4" ht="18" customHeight="1" x14ac:dyDescent="0.2">
      <c r="A18" s="14">
        <v>11</v>
      </c>
      <c r="B18" s="15">
        <v>26</v>
      </c>
      <c r="C18" s="16">
        <v>27</v>
      </c>
      <c r="D18" s="17">
        <v>53</v>
      </c>
    </row>
    <row r="19" spans="1:4" ht="18" customHeight="1" x14ac:dyDescent="0.2">
      <c r="A19" s="14">
        <v>12</v>
      </c>
      <c r="B19" s="15">
        <v>43</v>
      </c>
      <c r="C19" s="16">
        <v>37</v>
      </c>
      <c r="D19" s="17">
        <v>80</v>
      </c>
    </row>
    <row r="20" spans="1:4" ht="18" customHeight="1" x14ac:dyDescent="0.2">
      <c r="A20" s="14">
        <v>13</v>
      </c>
      <c r="B20" s="15">
        <v>31</v>
      </c>
      <c r="C20" s="16">
        <v>27</v>
      </c>
      <c r="D20" s="17">
        <v>58</v>
      </c>
    </row>
    <row r="21" spans="1:4" ht="18" customHeight="1" x14ac:dyDescent="0.2">
      <c r="A21" s="14">
        <v>14</v>
      </c>
      <c r="B21" s="15">
        <v>44</v>
      </c>
      <c r="C21" s="16">
        <v>40</v>
      </c>
      <c r="D21" s="17">
        <v>84</v>
      </c>
    </row>
    <row r="22" spans="1:4" ht="18" customHeight="1" x14ac:dyDescent="0.2">
      <c r="A22" s="18" t="s">
        <v>50</v>
      </c>
      <c r="B22" s="15">
        <v>174</v>
      </c>
      <c r="C22" s="16">
        <v>163</v>
      </c>
      <c r="D22" s="17">
        <v>337</v>
      </c>
    </row>
    <row r="23" spans="1:4" ht="18" customHeight="1" x14ac:dyDescent="0.2">
      <c r="A23" s="18" t="s">
        <v>51</v>
      </c>
      <c r="B23" s="15">
        <v>464</v>
      </c>
      <c r="C23" s="16">
        <v>426</v>
      </c>
      <c r="D23" s="17">
        <v>890</v>
      </c>
    </row>
    <row r="24" spans="1:4" ht="18" customHeight="1" x14ac:dyDescent="0.2">
      <c r="A24" s="14">
        <v>15</v>
      </c>
      <c r="B24" s="15">
        <v>36</v>
      </c>
      <c r="C24" s="16">
        <v>46</v>
      </c>
      <c r="D24" s="17">
        <v>82</v>
      </c>
    </row>
    <row r="25" spans="1:4" ht="18" customHeight="1" x14ac:dyDescent="0.2">
      <c r="A25" s="14">
        <v>16</v>
      </c>
      <c r="B25" s="15">
        <v>45</v>
      </c>
      <c r="C25" s="16">
        <v>48</v>
      </c>
      <c r="D25" s="17">
        <v>93</v>
      </c>
    </row>
    <row r="26" spans="1:4" ht="18" customHeight="1" x14ac:dyDescent="0.2">
      <c r="A26" s="14">
        <v>17</v>
      </c>
      <c r="B26" s="15">
        <v>58</v>
      </c>
      <c r="C26" s="16">
        <v>37</v>
      </c>
      <c r="D26" s="17">
        <v>95</v>
      </c>
    </row>
    <row r="27" spans="1:4" ht="18" customHeight="1" x14ac:dyDescent="0.2">
      <c r="A27" s="14">
        <v>18</v>
      </c>
      <c r="B27" s="15">
        <v>31</v>
      </c>
      <c r="C27" s="16">
        <v>40</v>
      </c>
      <c r="D27" s="17">
        <v>71</v>
      </c>
    </row>
    <row r="28" spans="1:4" ht="18" customHeight="1" x14ac:dyDescent="0.2">
      <c r="A28" s="14">
        <v>19</v>
      </c>
      <c r="B28" s="15">
        <v>35</v>
      </c>
      <c r="C28" s="16">
        <v>44</v>
      </c>
      <c r="D28" s="17">
        <v>79</v>
      </c>
    </row>
    <row r="29" spans="1:4" ht="18" customHeight="1" x14ac:dyDescent="0.2">
      <c r="A29" s="18" t="s">
        <v>52</v>
      </c>
      <c r="B29" s="15">
        <v>205</v>
      </c>
      <c r="C29" s="16">
        <v>215</v>
      </c>
      <c r="D29" s="17">
        <v>420</v>
      </c>
    </row>
    <row r="30" spans="1:4" ht="18" customHeight="1" x14ac:dyDescent="0.2">
      <c r="A30" s="14">
        <v>20</v>
      </c>
      <c r="B30" s="15">
        <v>40</v>
      </c>
      <c r="C30" s="16">
        <v>42</v>
      </c>
      <c r="D30" s="17">
        <v>82</v>
      </c>
    </row>
    <row r="31" spans="1:4" ht="18" customHeight="1" x14ac:dyDescent="0.2">
      <c r="A31" s="14">
        <v>21</v>
      </c>
      <c r="B31" s="15">
        <v>40</v>
      </c>
      <c r="C31" s="16">
        <v>27</v>
      </c>
      <c r="D31" s="17">
        <v>67</v>
      </c>
    </row>
    <row r="32" spans="1:4" ht="18" customHeight="1" x14ac:dyDescent="0.2">
      <c r="A32" s="14">
        <v>22</v>
      </c>
      <c r="B32" s="15">
        <v>35</v>
      </c>
      <c r="C32" s="16">
        <v>40</v>
      </c>
      <c r="D32" s="17">
        <v>75</v>
      </c>
    </row>
    <row r="33" spans="1:4" ht="18" customHeight="1" x14ac:dyDescent="0.2">
      <c r="A33" s="14">
        <v>23</v>
      </c>
      <c r="B33" s="15">
        <v>40</v>
      </c>
      <c r="C33" s="16">
        <v>30</v>
      </c>
      <c r="D33" s="17">
        <v>70</v>
      </c>
    </row>
    <row r="34" spans="1:4" ht="18" customHeight="1" x14ac:dyDescent="0.2">
      <c r="A34" s="14">
        <v>24</v>
      </c>
      <c r="B34" s="15">
        <v>45</v>
      </c>
      <c r="C34" s="16">
        <v>31</v>
      </c>
      <c r="D34" s="17">
        <v>76</v>
      </c>
    </row>
    <row r="35" spans="1:4" ht="18" customHeight="1" x14ac:dyDescent="0.2">
      <c r="A35" s="18" t="s">
        <v>53</v>
      </c>
      <c r="B35" s="15">
        <v>200</v>
      </c>
      <c r="C35" s="16">
        <v>170</v>
      </c>
      <c r="D35" s="17">
        <v>370</v>
      </c>
    </row>
    <row r="36" spans="1:4" ht="18" customHeight="1" x14ac:dyDescent="0.2">
      <c r="A36" s="14">
        <v>25</v>
      </c>
      <c r="B36" s="15">
        <v>30</v>
      </c>
      <c r="C36" s="16">
        <v>31</v>
      </c>
      <c r="D36" s="17">
        <v>61</v>
      </c>
    </row>
    <row r="37" spans="1:4" ht="18" customHeight="1" x14ac:dyDescent="0.2">
      <c r="A37" s="14">
        <v>26</v>
      </c>
      <c r="B37" s="15">
        <v>36</v>
      </c>
      <c r="C37" s="16">
        <v>24</v>
      </c>
      <c r="D37" s="17">
        <v>60</v>
      </c>
    </row>
    <row r="38" spans="1:4" ht="18" customHeight="1" x14ac:dyDescent="0.2">
      <c r="A38" s="14">
        <v>27</v>
      </c>
      <c r="B38" s="15">
        <v>39</v>
      </c>
      <c r="C38" s="16">
        <v>15</v>
      </c>
      <c r="D38" s="17">
        <v>54</v>
      </c>
    </row>
    <row r="39" spans="1:4" ht="18" customHeight="1" x14ac:dyDescent="0.2">
      <c r="A39" s="14">
        <v>28</v>
      </c>
      <c r="B39" s="15">
        <v>38</v>
      </c>
      <c r="C39" s="16">
        <v>23</v>
      </c>
      <c r="D39" s="17">
        <v>61</v>
      </c>
    </row>
    <row r="40" spans="1:4" ht="18" customHeight="1" x14ac:dyDescent="0.2">
      <c r="A40" s="14">
        <v>29</v>
      </c>
      <c r="B40" s="15">
        <v>38</v>
      </c>
      <c r="C40" s="16">
        <v>26</v>
      </c>
      <c r="D40" s="17">
        <v>64</v>
      </c>
    </row>
    <row r="41" spans="1:4" ht="18" customHeight="1" x14ac:dyDescent="0.2">
      <c r="A41" s="18" t="s">
        <v>54</v>
      </c>
      <c r="B41" s="15">
        <v>181</v>
      </c>
      <c r="C41" s="16">
        <v>119</v>
      </c>
      <c r="D41" s="17">
        <v>300</v>
      </c>
    </row>
    <row r="42" spans="1:4" ht="18" customHeight="1" x14ac:dyDescent="0.2">
      <c r="A42" s="14">
        <v>30</v>
      </c>
      <c r="B42" s="15">
        <v>41</v>
      </c>
      <c r="C42" s="16">
        <v>32</v>
      </c>
      <c r="D42" s="17">
        <v>73</v>
      </c>
    </row>
    <row r="43" spans="1:4" ht="18" customHeight="1" x14ac:dyDescent="0.2">
      <c r="A43" s="14">
        <v>31</v>
      </c>
      <c r="B43" s="15">
        <v>25</v>
      </c>
      <c r="C43" s="16">
        <v>32</v>
      </c>
      <c r="D43" s="17">
        <v>57</v>
      </c>
    </row>
    <row r="44" spans="1:4" ht="18" customHeight="1" x14ac:dyDescent="0.2">
      <c r="A44" s="14">
        <v>32</v>
      </c>
      <c r="B44" s="15">
        <v>41</v>
      </c>
      <c r="C44" s="16">
        <v>44</v>
      </c>
      <c r="D44" s="17">
        <v>85</v>
      </c>
    </row>
    <row r="45" spans="1:4" ht="18" customHeight="1" x14ac:dyDescent="0.2">
      <c r="A45" s="14">
        <v>33</v>
      </c>
      <c r="B45" s="15">
        <v>39</v>
      </c>
      <c r="C45" s="16">
        <v>36</v>
      </c>
      <c r="D45" s="17">
        <v>75</v>
      </c>
    </row>
    <row r="46" spans="1:4" ht="18" customHeight="1" x14ac:dyDescent="0.2">
      <c r="A46" s="14">
        <v>34</v>
      </c>
      <c r="B46" s="15">
        <v>50</v>
      </c>
      <c r="C46" s="16">
        <v>47</v>
      </c>
      <c r="D46" s="17">
        <v>97</v>
      </c>
    </row>
    <row r="47" spans="1:4" ht="18" customHeight="1" x14ac:dyDescent="0.2">
      <c r="A47" s="18" t="s">
        <v>55</v>
      </c>
      <c r="B47" s="15">
        <v>196</v>
      </c>
      <c r="C47" s="16">
        <v>191</v>
      </c>
      <c r="D47" s="17">
        <v>387</v>
      </c>
    </row>
    <row r="48" spans="1:4" ht="18" customHeight="1" x14ac:dyDescent="0.2">
      <c r="A48" s="14">
        <v>35</v>
      </c>
      <c r="B48" s="15">
        <v>50</v>
      </c>
      <c r="C48" s="16">
        <v>37</v>
      </c>
      <c r="D48" s="17">
        <v>87</v>
      </c>
    </row>
    <row r="49" spans="1:4" ht="18" customHeight="1" x14ac:dyDescent="0.2">
      <c r="A49" s="14">
        <v>36</v>
      </c>
      <c r="B49" s="15">
        <v>38</v>
      </c>
      <c r="C49" s="16">
        <v>38</v>
      </c>
      <c r="D49" s="17">
        <v>76</v>
      </c>
    </row>
    <row r="50" spans="1:4" ht="18" customHeight="1" x14ac:dyDescent="0.2">
      <c r="A50" s="14">
        <v>37</v>
      </c>
      <c r="B50" s="15">
        <v>45</v>
      </c>
      <c r="C50" s="16">
        <v>49</v>
      </c>
      <c r="D50" s="17">
        <v>94</v>
      </c>
    </row>
    <row r="51" spans="1:4" ht="18" customHeight="1" x14ac:dyDescent="0.2">
      <c r="A51" s="14">
        <v>38</v>
      </c>
      <c r="B51" s="15">
        <v>48</v>
      </c>
      <c r="C51" s="16">
        <v>43</v>
      </c>
      <c r="D51" s="17">
        <v>91</v>
      </c>
    </row>
    <row r="52" spans="1:4" ht="18" customHeight="1" x14ac:dyDescent="0.2">
      <c r="A52" s="14">
        <v>39</v>
      </c>
      <c r="B52" s="15">
        <v>40</v>
      </c>
      <c r="C52" s="16">
        <v>36</v>
      </c>
      <c r="D52" s="17">
        <v>76</v>
      </c>
    </row>
    <row r="53" spans="1:4" ht="18" customHeight="1" x14ac:dyDescent="0.2">
      <c r="A53" s="18" t="s">
        <v>56</v>
      </c>
      <c r="B53" s="15">
        <v>221</v>
      </c>
      <c r="C53" s="16">
        <v>203</v>
      </c>
      <c r="D53" s="17">
        <v>424</v>
      </c>
    </row>
    <row r="54" spans="1:4" ht="18" customHeight="1" x14ac:dyDescent="0.2">
      <c r="A54" s="14">
        <v>40</v>
      </c>
      <c r="B54" s="15">
        <v>40</v>
      </c>
      <c r="C54" s="16">
        <v>38</v>
      </c>
      <c r="D54" s="17">
        <v>78</v>
      </c>
    </row>
    <row r="55" spans="1:4" ht="18" customHeight="1" x14ac:dyDescent="0.2">
      <c r="A55" s="14">
        <v>41</v>
      </c>
      <c r="B55" s="15">
        <v>52</v>
      </c>
      <c r="C55" s="16">
        <v>40</v>
      </c>
      <c r="D55" s="17">
        <v>92</v>
      </c>
    </row>
    <row r="56" spans="1:4" ht="18" customHeight="1" x14ac:dyDescent="0.2">
      <c r="A56" s="14">
        <v>42</v>
      </c>
      <c r="B56" s="15">
        <v>55</v>
      </c>
      <c r="C56" s="16">
        <v>49</v>
      </c>
      <c r="D56" s="17">
        <v>104</v>
      </c>
    </row>
    <row r="57" spans="1:4" ht="18" customHeight="1" x14ac:dyDescent="0.2">
      <c r="A57" s="14">
        <v>43</v>
      </c>
      <c r="B57" s="15">
        <v>58</v>
      </c>
      <c r="C57" s="16">
        <v>53</v>
      </c>
      <c r="D57" s="17">
        <v>111</v>
      </c>
    </row>
    <row r="58" spans="1:4" ht="18" customHeight="1" x14ac:dyDescent="0.2">
      <c r="A58" s="14">
        <v>44</v>
      </c>
      <c r="B58" s="15">
        <v>58</v>
      </c>
      <c r="C58" s="16">
        <v>58</v>
      </c>
      <c r="D58" s="17">
        <v>116</v>
      </c>
    </row>
    <row r="59" spans="1:4" ht="18" customHeight="1" x14ac:dyDescent="0.2">
      <c r="A59" s="18" t="s">
        <v>57</v>
      </c>
      <c r="B59" s="15">
        <v>263</v>
      </c>
      <c r="C59" s="16">
        <v>238</v>
      </c>
      <c r="D59" s="17">
        <v>501</v>
      </c>
    </row>
    <row r="60" spans="1:4" ht="18" customHeight="1" x14ac:dyDescent="0.2">
      <c r="A60" s="14">
        <v>45</v>
      </c>
      <c r="B60" s="15">
        <v>67</v>
      </c>
      <c r="C60" s="16">
        <v>51</v>
      </c>
      <c r="D60" s="17">
        <v>118</v>
      </c>
    </row>
    <row r="61" spans="1:4" ht="18" customHeight="1" x14ac:dyDescent="0.2">
      <c r="A61" s="14">
        <v>46</v>
      </c>
      <c r="B61" s="15">
        <v>61</v>
      </c>
      <c r="C61" s="16">
        <v>78</v>
      </c>
      <c r="D61" s="17">
        <v>139</v>
      </c>
    </row>
    <row r="62" spans="1:4" ht="18" customHeight="1" x14ac:dyDescent="0.2">
      <c r="A62" s="14">
        <v>47</v>
      </c>
      <c r="B62" s="15">
        <v>65</v>
      </c>
      <c r="C62" s="16">
        <v>70</v>
      </c>
      <c r="D62" s="17">
        <v>135</v>
      </c>
    </row>
    <row r="63" spans="1:4" ht="18" customHeight="1" x14ac:dyDescent="0.2">
      <c r="A63" s="14">
        <v>48</v>
      </c>
      <c r="B63" s="15">
        <v>79</v>
      </c>
      <c r="C63" s="16">
        <v>61</v>
      </c>
      <c r="D63" s="17">
        <v>140</v>
      </c>
    </row>
    <row r="64" spans="1:4" ht="18" customHeight="1" x14ac:dyDescent="0.2">
      <c r="A64" s="14">
        <v>49</v>
      </c>
      <c r="B64" s="15">
        <v>69</v>
      </c>
      <c r="C64" s="16">
        <v>55</v>
      </c>
      <c r="D64" s="17">
        <v>124</v>
      </c>
    </row>
    <row r="65" spans="1:4" ht="18" customHeight="1" x14ac:dyDescent="0.2">
      <c r="A65" s="18" t="s">
        <v>58</v>
      </c>
      <c r="B65" s="15">
        <v>341</v>
      </c>
      <c r="C65" s="16">
        <v>315</v>
      </c>
      <c r="D65" s="17">
        <v>656</v>
      </c>
    </row>
    <row r="66" spans="1:4" ht="18" customHeight="1" x14ac:dyDescent="0.2">
      <c r="A66" s="14">
        <v>50</v>
      </c>
      <c r="B66" s="15">
        <v>55</v>
      </c>
      <c r="C66" s="16">
        <v>65</v>
      </c>
      <c r="D66" s="17">
        <v>120</v>
      </c>
    </row>
    <row r="67" spans="1:4" ht="18" customHeight="1" x14ac:dyDescent="0.2">
      <c r="A67" s="14">
        <v>51</v>
      </c>
      <c r="B67" s="15">
        <v>59</v>
      </c>
      <c r="C67" s="16">
        <v>63</v>
      </c>
      <c r="D67" s="17">
        <v>122</v>
      </c>
    </row>
    <row r="68" spans="1:4" ht="18" customHeight="1" x14ac:dyDescent="0.2">
      <c r="A68" s="14">
        <v>52</v>
      </c>
      <c r="B68" s="15">
        <v>77</v>
      </c>
      <c r="C68" s="16">
        <v>65</v>
      </c>
      <c r="D68" s="17">
        <v>142</v>
      </c>
    </row>
    <row r="69" spans="1:4" ht="18" customHeight="1" x14ac:dyDescent="0.2">
      <c r="A69" s="14">
        <v>53</v>
      </c>
      <c r="B69" s="15">
        <v>46</v>
      </c>
      <c r="C69" s="16">
        <v>52</v>
      </c>
      <c r="D69" s="17">
        <v>98</v>
      </c>
    </row>
    <row r="70" spans="1:4" ht="18" customHeight="1" x14ac:dyDescent="0.2">
      <c r="A70" s="14">
        <v>54</v>
      </c>
      <c r="B70" s="15">
        <v>46</v>
      </c>
      <c r="C70" s="16">
        <v>59</v>
      </c>
      <c r="D70" s="17">
        <v>105</v>
      </c>
    </row>
    <row r="71" spans="1:4" ht="18" customHeight="1" x14ac:dyDescent="0.2">
      <c r="A71" s="18" t="s">
        <v>59</v>
      </c>
      <c r="B71" s="15">
        <v>283</v>
      </c>
      <c r="C71" s="16">
        <v>304</v>
      </c>
      <c r="D71" s="17">
        <v>587</v>
      </c>
    </row>
    <row r="72" spans="1:4" ht="18" customHeight="1" x14ac:dyDescent="0.2">
      <c r="A72" s="14">
        <v>55</v>
      </c>
      <c r="B72" s="15">
        <v>42</v>
      </c>
      <c r="C72" s="16">
        <v>47</v>
      </c>
      <c r="D72" s="17">
        <v>89</v>
      </c>
    </row>
    <row r="73" spans="1:4" ht="18" customHeight="1" x14ac:dyDescent="0.2">
      <c r="A73" s="14">
        <v>56</v>
      </c>
      <c r="B73" s="15">
        <v>47</v>
      </c>
      <c r="C73" s="16">
        <v>47</v>
      </c>
      <c r="D73" s="17">
        <v>94</v>
      </c>
    </row>
    <row r="74" spans="1:4" ht="18" customHeight="1" x14ac:dyDescent="0.2">
      <c r="A74" s="14">
        <v>57</v>
      </c>
      <c r="B74" s="15">
        <v>47</v>
      </c>
      <c r="C74" s="16">
        <v>33</v>
      </c>
      <c r="D74" s="17">
        <v>80</v>
      </c>
    </row>
    <row r="75" spans="1:4" ht="18" customHeight="1" x14ac:dyDescent="0.2">
      <c r="A75" s="14">
        <v>58</v>
      </c>
      <c r="B75" s="15">
        <v>46</v>
      </c>
      <c r="C75" s="16">
        <v>39</v>
      </c>
      <c r="D75" s="17">
        <v>85</v>
      </c>
    </row>
    <row r="76" spans="1:4" ht="18" customHeight="1" x14ac:dyDescent="0.2">
      <c r="A76" s="14">
        <v>59</v>
      </c>
      <c r="B76" s="15">
        <v>50</v>
      </c>
      <c r="C76" s="16">
        <v>46</v>
      </c>
      <c r="D76" s="17">
        <v>96</v>
      </c>
    </row>
    <row r="77" spans="1:4" ht="18" customHeight="1" x14ac:dyDescent="0.2">
      <c r="A77" s="18" t="s">
        <v>60</v>
      </c>
      <c r="B77" s="15">
        <v>232</v>
      </c>
      <c r="C77" s="16">
        <v>212</v>
      </c>
      <c r="D77" s="17">
        <v>444</v>
      </c>
    </row>
    <row r="78" spans="1:4" ht="18" customHeight="1" x14ac:dyDescent="0.2">
      <c r="A78" s="14">
        <v>60</v>
      </c>
      <c r="B78" s="15">
        <v>45</v>
      </c>
      <c r="C78" s="16">
        <v>57</v>
      </c>
      <c r="D78" s="17">
        <v>102</v>
      </c>
    </row>
    <row r="79" spans="1:4" ht="18" customHeight="1" x14ac:dyDescent="0.2">
      <c r="A79" s="14">
        <v>61</v>
      </c>
      <c r="B79" s="15">
        <v>46</v>
      </c>
      <c r="C79" s="16">
        <v>40</v>
      </c>
      <c r="D79" s="17">
        <v>86</v>
      </c>
    </row>
    <row r="80" spans="1:4" ht="18" customHeight="1" x14ac:dyDescent="0.2">
      <c r="A80" s="14">
        <v>62</v>
      </c>
      <c r="B80" s="15">
        <v>42</v>
      </c>
      <c r="C80" s="16">
        <v>48</v>
      </c>
      <c r="D80" s="17">
        <v>90</v>
      </c>
    </row>
    <row r="81" spans="1:4" ht="18" customHeight="1" x14ac:dyDescent="0.2">
      <c r="A81" s="14">
        <v>63</v>
      </c>
      <c r="B81" s="15">
        <v>50</v>
      </c>
      <c r="C81" s="16">
        <v>46</v>
      </c>
      <c r="D81" s="17">
        <v>96</v>
      </c>
    </row>
    <row r="82" spans="1:4" ht="18" customHeight="1" x14ac:dyDescent="0.2">
      <c r="A82" s="14">
        <v>64</v>
      </c>
      <c r="B82" s="15">
        <v>46</v>
      </c>
      <c r="C82" s="16">
        <v>59</v>
      </c>
      <c r="D82" s="17">
        <v>105</v>
      </c>
    </row>
    <row r="83" spans="1:4" ht="18" customHeight="1" x14ac:dyDescent="0.2">
      <c r="A83" s="18" t="s">
        <v>61</v>
      </c>
      <c r="B83" s="15">
        <v>229</v>
      </c>
      <c r="C83" s="16">
        <v>250</v>
      </c>
      <c r="D83" s="17">
        <v>479</v>
      </c>
    </row>
    <row r="84" spans="1:4" ht="18" customHeight="1" x14ac:dyDescent="0.2">
      <c r="A84" s="18" t="s">
        <v>62</v>
      </c>
      <c r="B84" s="15">
        <v>2351</v>
      </c>
      <c r="C84" s="16">
        <v>2217</v>
      </c>
      <c r="D84" s="17">
        <v>4568</v>
      </c>
    </row>
    <row r="85" spans="1:4" ht="18" customHeight="1" x14ac:dyDescent="0.2">
      <c r="A85" s="14">
        <v>65</v>
      </c>
      <c r="B85" s="15">
        <v>51</v>
      </c>
      <c r="C85" s="16">
        <v>50</v>
      </c>
      <c r="D85" s="17">
        <v>101</v>
      </c>
    </row>
    <row r="86" spans="1:4" ht="18" customHeight="1" x14ac:dyDescent="0.2">
      <c r="A86" s="14">
        <v>66</v>
      </c>
      <c r="B86" s="15">
        <v>54</v>
      </c>
      <c r="C86" s="16">
        <v>56</v>
      </c>
      <c r="D86" s="17">
        <v>110</v>
      </c>
    </row>
    <row r="87" spans="1:4" ht="18" customHeight="1" x14ac:dyDescent="0.2">
      <c r="A87" s="14">
        <v>67</v>
      </c>
      <c r="B87" s="15">
        <v>49</v>
      </c>
      <c r="C87" s="16">
        <v>55</v>
      </c>
      <c r="D87" s="17">
        <v>104</v>
      </c>
    </row>
    <row r="88" spans="1:4" ht="18" customHeight="1" x14ac:dyDescent="0.2">
      <c r="A88" s="14">
        <v>68</v>
      </c>
      <c r="B88" s="15">
        <v>65</v>
      </c>
      <c r="C88" s="16">
        <v>64</v>
      </c>
      <c r="D88" s="17">
        <v>129</v>
      </c>
    </row>
    <row r="89" spans="1:4" ht="18" customHeight="1" x14ac:dyDescent="0.2">
      <c r="A89" s="14">
        <v>69</v>
      </c>
      <c r="B89" s="15">
        <v>60</v>
      </c>
      <c r="C89" s="16">
        <v>79</v>
      </c>
      <c r="D89" s="17">
        <v>139</v>
      </c>
    </row>
    <row r="90" spans="1:4" ht="18" customHeight="1" x14ac:dyDescent="0.2">
      <c r="A90" s="18" t="s">
        <v>63</v>
      </c>
      <c r="B90" s="15">
        <v>279</v>
      </c>
      <c r="C90" s="16">
        <v>304</v>
      </c>
      <c r="D90" s="17">
        <v>583</v>
      </c>
    </row>
    <row r="91" spans="1:4" ht="18" customHeight="1" x14ac:dyDescent="0.2">
      <c r="A91" s="14">
        <v>70</v>
      </c>
      <c r="B91" s="15">
        <v>76</v>
      </c>
      <c r="C91" s="16">
        <v>88</v>
      </c>
      <c r="D91" s="17">
        <v>164</v>
      </c>
    </row>
    <row r="92" spans="1:4" ht="18" customHeight="1" x14ac:dyDescent="0.2">
      <c r="A92" s="14">
        <v>71</v>
      </c>
      <c r="B92" s="15">
        <v>81</v>
      </c>
      <c r="C92" s="16">
        <v>88</v>
      </c>
      <c r="D92" s="17">
        <v>169</v>
      </c>
    </row>
    <row r="93" spans="1:4" ht="18" customHeight="1" x14ac:dyDescent="0.2">
      <c r="A93" s="14">
        <v>72</v>
      </c>
      <c r="B93" s="15">
        <v>87</v>
      </c>
      <c r="C93" s="16">
        <v>67</v>
      </c>
      <c r="D93" s="17">
        <v>154</v>
      </c>
    </row>
    <row r="94" spans="1:4" ht="18" customHeight="1" x14ac:dyDescent="0.2">
      <c r="A94" s="14">
        <v>73</v>
      </c>
      <c r="B94" s="15">
        <v>43</v>
      </c>
      <c r="C94" s="16">
        <v>37</v>
      </c>
      <c r="D94" s="17">
        <v>80</v>
      </c>
    </row>
    <row r="95" spans="1:4" ht="18" customHeight="1" x14ac:dyDescent="0.2">
      <c r="A95" s="14">
        <v>74</v>
      </c>
      <c r="B95" s="15">
        <v>46</v>
      </c>
      <c r="C95" s="16">
        <v>49</v>
      </c>
      <c r="D95" s="17">
        <v>95</v>
      </c>
    </row>
    <row r="96" spans="1:4" ht="18" customHeight="1" x14ac:dyDescent="0.2">
      <c r="A96" s="18" t="s">
        <v>64</v>
      </c>
      <c r="B96" s="15">
        <v>333</v>
      </c>
      <c r="C96" s="16">
        <v>329</v>
      </c>
      <c r="D96" s="17">
        <v>662</v>
      </c>
    </row>
    <row r="97" spans="1:4" ht="18" customHeight="1" x14ac:dyDescent="0.2">
      <c r="A97" s="14">
        <v>75</v>
      </c>
      <c r="B97" s="15">
        <v>50</v>
      </c>
      <c r="C97" s="16">
        <v>67</v>
      </c>
      <c r="D97" s="17">
        <v>117</v>
      </c>
    </row>
    <row r="98" spans="1:4" ht="18" customHeight="1" x14ac:dyDescent="0.2">
      <c r="A98" s="14">
        <v>76</v>
      </c>
      <c r="B98" s="15">
        <v>45</v>
      </c>
      <c r="C98" s="16">
        <v>45</v>
      </c>
      <c r="D98" s="17">
        <v>90</v>
      </c>
    </row>
    <row r="99" spans="1:4" ht="18" customHeight="1" x14ac:dyDescent="0.2">
      <c r="A99" s="14">
        <v>77</v>
      </c>
      <c r="B99" s="15">
        <v>61</v>
      </c>
      <c r="C99" s="16">
        <v>63</v>
      </c>
      <c r="D99" s="17">
        <v>124</v>
      </c>
    </row>
    <row r="100" spans="1:4" ht="18" customHeight="1" x14ac:dyDescent="0.2">
      <c r="A100" s="14">
        <v>78</v>
      </c>
      <c r="B100" s="15">
        <v>44</v>
      </c>
      <c r="C100" s="16">
        <v>51</v>
      </c>
      <c r="D100" s="17">
        <v>95</v>
      </c>
    </row>
    <row r="101" spans="1:4" ht="18" customHeight="1" x14ac:dyDescent="0.2">
      <c r="A101" s="14">
        <v>79</v>
      </c>
      <c r="B101" s="15">
        <v>32</v>
      </c>
      <c r="C101" s="16">
        <v>41</v>
      </c>
      <c r="D101" s="17">
        <v>73</v>
      </c>
    </row>
    <row r="102" spans="1:4" ht="18" customHeight="1" x14ac:dyDescent="0.2">
      <c r="A102" s="18" t="s">
        <v>65</v>
      </c>
      <c r="B102" s="15">
        <v>232</v>
      </c>
      <c r="C102" s="16">
        <v>267</v>
      </c>
      <c r="D102" s="17">
        <v>499</v>
      </c>
    </row>
    <row r="103" spans="1:4" ht="18" customHeight="1" x14ac:dyDescent="0.2">
      <c r="A103" s="14">
        <v>80</v>
      </c>
      <c r="B103" s="15">
        <v>23</v>
      </c>
      <c r="C103" s="16">
        <v>34</v>
      </c>
      <c r="D103" s="17">
        <v>57</v>
      </c>
    </row>
    <row r="104" spans="1:4" ht="18" customHeight="1" x14ac:dyDescent="0.2">
      <c r="A104" s="14">
        <v>81</v>
      </c>
      <c r="B104" s="15">
        <v>29</v>
      </c>
      <c r="C104" s="16">
        <v>34</v>
      </c>
      <c r="D104" s="17">
        <v>63</v>
      </c>
    </row>
    <row r="105" spans="1:4" ht="18" customHeight="1" x14ac:dyDescent="0.2">
      <c r="A105" s="14">
        <v>82</v>
      </c>
      <c r="B105" s="15">
        <v>35</v>
      </c>
      <c r="C105" s="16">
        <v>40</v>
      </c>
      <c r="D105" s="17">
        <v>75</v>
      </c>
    </row>
    <row r="106" spans="1:4" ht="18" customHeight="1" x14ac:dyDescent="0.2">
      <c r="A106" s="14">
        <v>83</v>
      </c>
      <c r="B106" s="15">
        <v>24</v>
      </c>
      <c r="C106" s="16">
        <v>40</v>
      </c>
      <c r="D106" s="17">
        <v>64</v>
      </c>
    </row>
    <row r="107" spans="1:4" ht="18" customHeight="1" x14ac:dyDescent="0.2">
      <c r="A107" s="14">
        <v>84</v>
      </c>
      <c r="B107" s="15">
        <v>22</v>
      </c>
      <c r="C107" s="16">
        <v>28</v>
      </c>
      <c r="D107" s="17">
        <v>50</v>
      </c>
    </row>
    <row r="108" spans="1:4" ht="18" customHeight="1" x14ac:dyDescent="0.2">
      <c r="A108" s="18" t="s">
        <v>66</v>
      </c>
      <c r="B108" s="15">
        <v>133</v>
      </c>
      <c r="C108" s="16">
        <v>176</v>
      </c>
      <c r="D108" s="17">
        <v>309</v>
      </c>
    </row>
    <row r="109" spans="1:4" ht="18" customHeight="1" x14ac:dyDescent="0.2">
      <c r="A109" s="14">
        <v>85</v>
      </c>
      <c r="B109" s="15">
        <v>12</v>
      </c>
      <c r="C109" s="16">
        <v>28</v>
      </c>
      <c r="D109" s="17">
        <v>40</v>
      </c>
    </row>
    <row r="110" spans="1:4" ht="18" customHeight="1" x14ac:dyDescent="0.2">
      <c r="A110" s="14">
        <v>86</v>
      </c>
      <c r="B110" s="15">
        <v>14</v>
      </c>
      <c r="C110" s="16">
        <v>21</v>
      </c>
      <c r="D110" s="17">
        <v>35</v>
      </c>
    </row>
    <row r="111" spans="1:4" ht="18" customHeight="1" x14ac:dyDescent="0.2">
      <c r="A111" s="14">
        <v>87</v>
      </c>
      <c r="B111" s="15">
        <v>12</v>
      </c>
      <c r="C111" s="16">
        <v>26</v>
      </c>
      <c r="D111" s="17">
        <v>38</v>
      </c>
    </row>
    <row r="112" spans="1:4" ht="18" customHeight="1" x14ac:dyDescent="0.2">
      <c r="A112" s="14">
        <v>88</v>
      </c>
      <c r="B112" s="15">
        <v>17</v>
      </c>
      <c r="C112" s="16">
        <v>11</v>
      </c>
      <c r="D112" s="17">
        <v>28</v>
      </c>
    </row>
    <row r="113" spans="1:4" ht="18" customHeight="1" x14ac:dyDescent="0.2">
      <c r="A113" s="14">
        <v>89</v>
      </c>
      <c r="B113" s="15">
        <v>3</v>
      </c>
      <c r="C113" s="16">
        <v>14</v>
      </c>
      <c r="D113" s="17">
        <v>17</v>
      </c>
    </row>
    <row r="114" spans="1:4" ht="18" customHeight="1" x14ac:dyDescent="0.2">
      <c r="A114" s="18" t="s">
        <v>67</v>
      </c>
      <c r="B114" s="15">
        <v>58</v>
      </c>
      <c r="C114" s="16">
        <v>100</v>
      </c>
      <c r="D114" s="17">
        <v>158</v>
      </c>
    </row>
    <row r="115" spans="1:4" ht="18" customHeight="1" x14ac:dyDescent="0.2">
      <c r="A115" s="14">
        <v>90</v>
      </c>
      <c r="B115" s="15">
        <v>4</v>
      </c>
      <c r="C115" s="16">
        <v>25</v>
      </c>
      <c r="D115" s="17">
        <v>29</v>
      </c>
    </row>
    <row r="116" spans="1:4" ht="18" customHeight="1" x14ac:dyDescent="0.2">
      <c r="A116" s="14">
        <v>91</v>
      </c>
      <c r="B116" s="15">
        <v>6</v>
      </c>
      <c r="C116" s="16">
        <v>14</v>
      </c>
      <c r="D116" s="17">
        <v>20</v>
      </c>
    </row>
    <row r="117" spans="1:4" ht="18" customHeight="1" x14ac:dyDescent="0.2">
      <c r="A117" s="14">
        <v>92</v>
      </c>
      <c r="B117" s="15">
        <v>4</v>
      </c>
      <c r="C117" s="16">
        <v>13</v>
      </c>
      <c r="D117" s="17">
        <v>17</v>
      </c>
    </row>
    <row r="118" spans="1:4" ht="18" customHeight="1" x14ac:dyDescent="0.2">
      <c r="A118" s="14">
        <v>93</v>
      </c>
      <c r="B118" s="15">
        <v>1</v>
      </c>
      <c r="C118" s="16">
        <v>11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10</v>
      </c>
      <c r="D119" s="17">
        <v>12</v>
      </c>
    </row>
    <row r="120" spans="1:4" ht="18" customHeight="1" x14ac:dyDescent="0.2">
      <c r="A120" s="18" t="s">
        <v>68</v>
      </c>
      <c r="B120" s="15">
        <v>17</v>
      </c>
      <c r="C120" s="16">
        <v>73</v>
      </c>
      <c r="D120" s="17">
        <v>90</v>
      </c>
    </row>
    <row r="121" spans="1:4" ht="18" customHeight="1" x14ac:dyDescent="0.2">
      <c r="A121" s="14">
        <v>95</v>
      </c>
      <c r="B121" s="15">
        <v>2</v>
      </c>
      <c r="C121" s="16">
        <v>11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6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34</v>
      </c>
      <c r="D126" s="17">
        <v>3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055</v>
      </c>
      <c r="C130" s="5">
        <v>1286</v>
      </c>
      <c r="D130" s="6">
        <v>2341</v>
      </c>
    </row>
    <row r="131" spans="1:4" ht="18" customHeight="1" x14ac:dyDescent="0.2">
      <c r="A131" s="20" t="s">
        <v>47</v>
      </c>
      <c r="B131" s="7">
        <v>3870</v>
      </c>
      <c r="C131" s="8">
        <v>3929</v>
      </c>
      <c r="D131" s="9">
        <v>779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6</v>
      </c>
      <c r="D5" s="13">
        <v>10</v>
      </c>
    </row>
    <row r="6" spans="1:4" ht="18" customHeight="1" x14ac:dyDescent="0.2">
      <c r="A6" s="14">
        <v>1</v>
      </c>
      <c r="B6" s="15">
        <v>5</v>
      </c>
      <c r="C6" s="16">
        <v>5</v>
      </c>
      <c r="D6" s="17">
        <v>10</v>
      </c>
    </row>
    <row r="7" spans="1:4" ht="18" customHeight="1" x14ac:dyDescent="0.2">
      <c r="A7" s="14">
        <v>2</v>
      </c>
      <c r="B7" s="15">
        <v>4</v>
      </c>
      <c r="C7" s="16">
        <v>5</v>
      </c>
      <c r="D7" s="17">
        <v>9</v>
      </c>
    </row>
    <row r="8" spans="1:4" ht="18" customHeight="1" x14ac:dyDescent="0.2">
      <c r="A8" s="14">
        <v>3</v>
      </c>
      <c r="B8" s="15">
        <v>4</v>
      </c>
      <c r="C8" s="16">
        <v>4</v>
      </c>
      <c r="D8" s="17">
        <v>8</v>
      </c>
    </row>
    <row r="9" spans="1:4" ht="18" customHeight="1" x14ac:dyDescent="0.2">
      <c r="A9" s="14">
        <v>4</v>
      </c>
      <c r="B9" s="15">
        <v>10</v>
      </c>
      <c r="C9" s="16">
        <v>11</v>
      </c>
      <c r="D9" s="17">
        <v>21</v>
      </c>
    </row>
    <row r="10" spans="1:4" ht="18" customHeight="1" x14ac:dyDescent="0.2">
      <c r="A10" s="18" t="s">
        <v>48</v>
      </c>
      <c r="B10" s="15">
        <v>27</v>
      </c>
      <c r="C10" s="16">
        <v>31</v>
      </c>
      <c r="D10" s="17">
        <v>58</v>
      </c>
    </row>
    <row r="11" spans="1:4" ht="18" customHeight="1" x14ac:dyDescent="0.2">
      <c r="A11" s="14">
        <v>5</v>
      </c>
      <c r="B11" s="15">
        <v>5</v>
      </c>
      <c r="C11" s="16">
        <v>6</v>
      </c>
      <c r="D11" s="17">
        <v>11</v>
      </c>
    </row>
    <row r="12" spans="1:4" ht="18" customHeight="1" x14ac:dyDescent="0.2">
      <c r="A12" s="14">
        <v>6</v>
      </c>
      <c r="B12" s="15">
        <v>9</v>
      </c>
      <c r="C12" s="16">
        <v>9</v>
      </c>
      <c r="D12" s="17">
        <v>18</v>
      </c>
    </row>
    <row r="13" spans="1:4" ht="18" customHeight="1" x14ac:dyDescent="0.2">
      <c r="A13" s="14">
        <v>7</v>
      </c>
      <c r="B13" s="15">
        <v>4</v>
      </c>
      <c r="C13" s="16">
        <v>10</v>
      </c>
      <c r="D13" s="17">
        <v>14</v>
      </c>
    </row>
    <row r="14" spans="1:4" ht="18" customHeight="1" x14ac:dyDescent="0.2">
      <c r="A14" s="14">
        <v>8</v>
      </c>
      <c r="B14" s="15">
        <v>9</v>
      </c>
      <c r="C14" s="16">
        <v>11</v>
      </c>
      <c r="D14" s="17">
        <v>20</v>
      </c>
    </row>
    <row r="15" spans="1:4" ht="18" customHeight="1" x14ac:dyDescent="0.2">
      <c r="A15" s="14">
        <v>9</v>
      </c>
      <c r="B15" s="15">
        <v>7</v>
      </c>
      <c r="C15" s="16">
        <v>10</v>
      </c>
      <c r="D15" s="17">
        <v>17</v>
      </c>
    </row>
    <row r="16" spans="1:4" ht="18" customHeight="1" x14ac:dyDescent="0.2">
      <c r="A16" s="18" t="s">
        <v>49</v>
      </c>
      <c r="B16" s="15">
        <v>34</v>
      </c>
      <c r="C16" s="16">
        <v>46</v>
      </c>
      <c r="D16" s="17">
        <v>80</v>
      </c>
    </row>
    <row r="17" spans="1:4" ht="18" customHeight="1" x14ac:dyDescent="0.2">
      <c r="A17" s="14">
        <v>10</v>
      </c>
      <c r="B17" s="15">
        <v>9</v>
      </c>
      <c r="C17" s="16">
        <v>5</v>
      </c>
      <c r="D17" s="17">
        <v>14</v>
      </c>
    </row>
    <row r="18" spans="1:4" ht="18" customHeight="1" x14ac:dyDescent="0.2">
      <c r="A18" s="14">
        <v>11</v>
      </c>
      <c r="B18" s="15">
        <v>6</v>
      </c>
      <c r="C18" s="16">
        <v>11</v>
      </c>
      <c r="D18" s="17">
        <v>17</v>
      </c>
    </row>
    <row r="19" spans="1:4" ht="18" customHeight="1" x14ac:dyDescent="0.2">
      <c r="A19" s="14">
        <v>12</v>
      </c>
      <c r="B19" s="15">
        <v>6</v>
      </c>
      <c r="C19" s="16">
        <v>8</v>
      </c>
      <c r="D19" s="17">
        <v>14</v>
      </c>
    </row>
    <row r="20" spans="1:4" ht="18" customHeight="1" x14ac:dyDescent="0.2">
      <c r="A20" s="14">
        <v>13</v>
      </c>
      <c r="B20" s="15">
        <v>12</v>
      </c>
      <c r="C20" s="16">
        <v>16</v>
      </c>
      <c r="D20" s="17">
        <v>28</v>
      </c>
    </row>
    <row r="21" spans="1:4" ht="18" customHeight="1" x14ac:dyDescent="0.2">
      <c r="A21" s="14">
        <v>14</v>
      </c>
      <c r="B21" s="15">
        <v>16</v>
      </c>
      <c r="C21" s="16">
        <v>12</v>
      </c>
      <c r="D21" s="17">
        <v>28</v>
      </c>
    </row>
    <row r="22" spans="1:4" ht="18" customHeight="1" x14ac:dyDescent="0.2">
      <c r="A22" s="18" t="s">
        <v>50</v>
      </c>
      <c r="B22" s="15">
        <v>49</v>
      </c>
      <c r="C22" s="16">
        <v>52</v>
      </c>
      <c r="D22" s="17">
        <v>101</v>
      </c>
    </row>
    <row r="23" spans="1:4" ht="18" customHeight="1" x14ac:dyDescent="0.2">
      <c r="A23" s="18" t="s">
        <v>51</v>
      </c>
      <c r="B23" s="15">
        <v>110</v>
      </c>
      <c r="C23" s="16">
        <v>129</v>
      </c>
      <c r="D23" s="17">
        <v>239</v>
      </c>
    </row>
    <row r="24" spans="1:4" ht="18" customHeight="1" x14ac:dyDescent="0.2">
      <c r="A24" s="14">
        <v>15</v>
      </c>
      <c r="B24" s="15">
        <v>17</v>
      </c>
      <c r="C24" s="16">
        <v>6</v>
      </c>
      <c r="D24" s="17">
        <v>23</v>
      </c>
    </row>
    <row r="25" spans="1:4" ht="18" customHeight="1" x14ac:dyDescent="0.2">
      <c r="A25" s="14">
        <v>16</v>
      </c>
      <c r="B25" s="15">
        <v>12</v>
      </c>
      <c r="C25" s="16">
        <v>16</v>
      </c>
      <c r="D25" s="17">
        <v>28</v>
      </c>
    </row>
    <row r="26" spans="1:4" ht="18" customHeight="1" x14ac:dyDescent="0.2">
      <c r="A26" s="14">
        <v>17</v>
      </c>
      <c r="B26" s="15">
        <v>11</v>
      </c>
      <c r="C26" s="16">
        <v>14</v>
      </c>
      <c r="D26" s="17">
        <v>25</v>
      </c>
    </row>
    <row r="27" spans="1:4" ht="18" customHeight="1" x14ac:dyDescent="0.2">
      <c r="A27" s="14">
        <v>18</v>
      </c>
      <c r="B27" s="15">
        <v>10</v>
      </c>
      <c r="C27" s="16">
        <v>15</v>
      </c>
      <c r="D27" s="17">
        <v>25</v>
      </c>
    </row>
    <row r="28" spans="1:4" ht="18" customHeight="1" x14ac:dyDescent="0.2">
      <c r="A28" s="14">
        <v>19</v>
      </c>
      <c r="B28" s="15">
        <v>16</v>
      </c>
      <c r="C28" s="16">
        <v>15</v>
      </c>
      <c r="D28" s="17">
        <v>31</v>
      </c>
    </row>
    <row r="29" spans="1:4" ht="18" customHeight="1" x14ac:dyDescent="0.2">
      <c r="A29" s="18" t="s">
        <v>52</v>
      </c>
      <c r="B29" s="15">
        <v>66</v>
      </c>
      <c r="C29" s="16">
        <v>66</v>
      </c>
      <c r="D29" s="17">
        <v>132</v>
      </c>
    </row>
    <row r="30" spans="1:4" ht="18" customHeight="1" x14ac:dyDescent="0.2">
      <c r="A30" s="14">
        <v>20</v>
      </c>
      <c r="B30" s="15">
        <v>10</v>
      </c>
      <c r="C30" s="16">
        <v>5</v>
      </c>
      <c r="D30" s="17">
        <v>15</v>
      </c>
    </row>
    <row r="31" spans="1:4" ht="18" customHeight="1" x14ac:dyDescent="0.2">
      <c r="A31" s="14">
        <v>21</v>
      </c>
      <c r="B31" s="15">
        <v>10</v>
      </c>
      <c r="C31" s="16">
        <v>11</v>
      </c>
      <c r="D31" s="17">
        <v>21</v>
      </c>
    </row>
    <row r="32" spans="1:4" ht="18" customHeight="1" x14ac:dyDescent="0.2">
      <c r="A32" s="14">
        <v>22</v>
      </c>
      <c r="B32" s="15">
        <v>7</v>
      </c>
      <c r="C32" s="16">
        <v>3</v>
      </c>
      <c r="D32" s="17">
        <v>10</v>
      </c>
    </row>
    <row r="33" spans="1:4" ht="18" customHeight="1" x14ac:dyDescent="0.2">
      <c r="A33" s="14">
        <v>23</v>
      </c>
      <c r="B33" s="15">
        <v>10</v>
      </c>
      <c r="C33" s="16">
        <v>5</v>
      </c>
      <c r="D33" s="17">
        <v>15</v>
      </c>
    </row>
    <row r="34" spans="1:4" ht="18" customHeight="1" x14ac:dyDescent="0.2">
      <c r="A34" s="14">
        <v>24</v>
      </c>
      <c r="B34" s="15">
        <v>7</v>
      </c>
      <c r="C34" s="16">
        <v>8</v>
      </c>
      <c r="D34" s="17">
        <v>15</v>
      </c>
    </row>
    <row r="35" spans="1:4" ht="18" customHeight="1" x14ac:dyDescent="0.2">
      <c r="A35" s="18" t="s">
        <v>53</v>
      </c>
      <c r="B35" s="15">
        <v>44</v>
      </c>
      <c r="C35" s="16">
        <v>32</v>
      </c>
      <c r="D35" s="17">
        <v>76</v>
      </c>
    </row>
    <row r="36" spans="1:4" ht="18" customHeight="1" x14ac:dyDescent="0.2">
      <c r="A36" s="14">
        <v>25</v>
      </c>
      <c r="B36" s="15">
        <v>3</v>
      </c>
      <c r="C36" s="16">
        <v>7</v>
      </c>
      <c r="D36" s="17">
        <v>10</v>
      </c>
    </row>
    <row r="37" spans="1:4" ht="18" customHeight="1" x14ac:dyDescent="0.2">
      <c r="A37" s="14">
        <v>26</v>
      </c>
      <c r="B37" s="15">
        <v>11</v>
      </c>
      <c r="C37" s="16">
        <v>13</v>
      </c>
      <c r="D37" s="17">
        <v>24</v>
      </c>
    </row>
    <row r="38" spans="1:4" ht="18" customHeight="1" x14ac:dyDescent="0.2">
      <c r="A38" s="14">
        <v>27</v>
      </c>
      <c r="B38" s="15">
        <v>5</v>
      </c>
      <c r="C38" s="16">
        <v>8</v>
      </c>
      <c r="D38" s="17">
        <v>13</v>
      </c>
    </row>
    <row r="39" spans="1:4" ht="18" customHeight="1" x14ac:dyDescent="0.2">
      <c r="A39" s="14">
        <v>28</v>
      </c>
      <c r="B39" s="15">
        <v>11</v>
      </c>
      <c r="C39" s="16">
        <v>11</v>
      </c>
      <c r="D39" s="17">
        <v>22</v>
      </c>
    </row>
    <row r="40" spans="1:4" ht="18" customHeight="1" x14ac:dyDescent="0.2">
      <c r="A40" s="14">
        <v>29</v>
      </c>
      <c r="B40" s="15">
        <v>8</v>
      </c>
      <c r="C40" s="16">
        <v>9</v>
      </c>
      <c r="D40" s="17">
        <v>17</v>
      </c>
    </row>
    <row r="41" spans="1:4" ht="18" customHeight="1" x14ac:dyDescent="0.2">
      <c r="A41" s="18" t="s">
        <v>54</v>
      </c>
      <c r="B41" s="15">
        <v>38</v>
      </c>
      <c r="C41" s="16">
        <v>48</v>
      </c>
      <c r="D41" s="17">
        <v>86</v>
      </c>
    </row>
    <row r="42" spans="1:4" ht="18" customHeight="1" x14ac:dyDescent="0.2">
      <c r="A42" s="14">
        <v>30</v>
      </c>
      <c r="B42" s="15">
        <v>8</v>
      </c>
      <c r="C42" s="16">
        <v>4</v>
      </c>
      <c r="D42" s="17">
        <v>12</v>
      </c>
    </row>
    <row r="43" spans="1:4" ht="18" customHeight="1" x14ac:dyDescent="0.2">
      <c r="A43" s="14">
        <v>31</v>
      </c>
      <c r="B43" s="15">
        <v>5</v>
      </c>
      <c r="C43" s="16">
        <v>8</v>
      </c>
      <c r="D43" s="17">
        <v>13</v>
      </c>
    </row>
    <row r="44" spans="1:4" ht="18" customHeight="1" x14ac:dyDescent="0.2">
      <c r="A44" s="14">
        <v>32</v>
      </c>
      <c r="B44" s="15">
        <v>7</v>
      </c>
      <c r="C44" s="16">
        <v>9</v>
      </c>
      <c r="D44" s="17">
        <v>16</v>
      </c>
    </row>
    <row r="45" spans="1:4" ht="18" customHeight="1" x14ac:dyDescent="0.2">
      <c r="A45" s="14">
        <v>33</v>
      </c>
      <c r="B45" s="15">
        <v>12</v>
      </c>
      <c r="C45" s="16">
        <v>6</v>
      </c>
      <c r="D45" s="17">
        <v>18</v>
      </c>
    </row>
    <row r="46" spans="1:4" ht="18" customHeight="1" x14ac:dyDescent="0.2">
      <c r="A46" s="14">
        <v>34</v>
      </c>
      <c r="B46" s="15">
        <v>7</v>
      </c>
      <c r="C46" s="16">
        <v>8</v>
      </c>
      <c r="D46" s="17">
        <v>15</v>
      </c>
    </row>
    <row r="47" spans="1:4" ht="18" customHeight="1" x14ac:dyDescent="0.2">
      <c r="A47" s="18" t="s">
        <v>55</v>
      </c>
      <c r="B47" s="15">
        <v>39</v>
      </c>
      <c r="C47" s="16">
        <v>35</v>
      </c>
      <c r="D47" s="17">
        <v>74</v>
      </c>
    </row>
    <row r="48" spans="1:4" ht="18" customHeight="1" x14ac:dyDescent="0.2">
      <c r="A48" s="14">
        <v>35</v>
      </c>
      <c r="B48" s="15">
        <v>14</v>
      </c>
      <c r="C48" s="16">
        <v>12</v>
      </c>
      <c r="D48" s="17">
        <v>26</v>
      </c>
    </row>
    <row r="49" spans="1:4" ht="18" customHeight="1" x14ac:dyDescent="0.2">
      <c r="A49" s="14">
        <v>36</v>
      </c>
      <c r="B49" s="15">
        <v>14</v>
      </c>
      <c r="C49" s="16">
        <v>13</v>
      </c>
      <c r="D49" s="17">
        <v>27</v>
      </c>
    </row>
    <row r="50" spans="1:4" ht="18" customHeight="1" x14ac:dyDescent="0.2">
      <c r="A50" s="14">
        <v>37</v>
      </c>
      <c r="B50" s="15">
        <v>13</v>
      </c>
      <c r="C50" s="16">
        <v>9</v>
      </c>
      <c r="D50" s="17">
        <v>22</v>
      </c>
    </row>
    <row r="51" spans="1:4" ht="18" customHeight="1" x14ac:dyDescent="0.2">
      <c r="A51" s="14">
        <v>38</v>
      </c>
      <c r="B51" s="15">
        <v>13</v>
      </c>
      <c r="C51" s="16">
        <v>16</v>
      </c>
      <c r="D51" s="17">
        <v>29</v>
      </c>
    </row>
    <row r="52" spans="1:4" ht="18" customHeight="1" x14ac:dyDescent="0.2">
      <c r="A52" s="14">
        <v>39</v>
      </c>
      <c r="B52" s="15">
        <v>10</v>
      </c>
      <c r="C52" s="16">
        <v>15</v>
      </c>
      <c r="D52" s="17">
        <v>25</v>
      </c>
    </row>
    <row r="53" spans="1:4" ht="18" customHeight="1" x14ac:dyDescent="0.2">
      <c r="A53" s="18" t="s">
        <v>56</v>
      </c>
      <c r="B53" s="15">
        <v>64</v>
      </c>
      <c r="C53" s="16">
        <v>65</v>
      </c>
      <c r="D53" s="17">
        <v>129</v>
      </c>
    </row>
    <row r="54" spans="1:4" ht="18" customHeight="1" x14ac:dyDescent="0.2">
      <c r="A54" s="14">
        <v>40</v>
      </c>
      <c r="B54" s="15">
        <v>21</v>
      </c>
      <c r="C54" s="16">
        <v>14</v>
      </c>
      <c r="D54" s="17">
        <v>35</v>
      </c>
    </row>
    <row r="55" spans="1:4" ht="18" customHeight="1" x14ac:dyDescent="0.2">
      <c r="A55" s="14">
        <v>41</v>
      </c>
      <c r="B55" s="15">
        <v>18</v>
      </c>
      <c r="C55" s="16">
        <v>15</v>
      </c>
      <c r="D55" s="17">
        <v>33</v>
      </c>
    </row>
    <row r="56" spans="1:4" ht="18" customHeight="1" x14ac:dyDescent="0.2">
      <c r="A56" s="14">
        <v>42</v>
      </c>
      <c r="B56" s="15">
        <v>15</v>
      </c>
      <c r="C56" s="16">
        <v>15</v>
      </c>
      <c r="D56" s="17">
        <v>30</v>
      </c>
    </row>
    <row r="57" spans="1:4" ht="18" customHeight="1" x14ac:dyDescent="0.2">
      <c r="A57" s="14">
        <v>43</v>
      </c>
      <c r="B57" s="15">
        <v>13</v>
      </c>
      <c r="C57" s="16">
        <v>13</v>
      </c>
      <c r="D57" s="17">
        <v>26</v>
      </c>
    </row>
    <row r="58" spans="1:4" ht="18" customHeight="1" x14ac:dyDescent="0.2">
      <c r="A58" s="14">
        <v>44</v>
      </c>
      <c r="B58" s="15">
        <v>21</v>
      </c>
      <c r="C58" s="16">
        <v>17</v>
      </c>
      <c r="D58" s="17">
        <v>38</v>
      </c>
    </row>
    <row r="59" spans="1:4" ht="18" customHeight="1" x14ac:dyDescent="0.2">
      <c r="A59" s="18" t="s">
        <v>57</v>
      </c>
      <c r="B59" s="15">
        <v>88</v>
      </c>
      <c r="C59" s="16">
        <v>74</v>
      </c>
      <c r="D59" s="17">
        <v>162</v>
      </c>
    </row>
    <row r="60" spans="1:4" ht="18" customHeight="1" x14ac:dyDescent="0.2">
      <c r="A60" s="14">
        <v>45</v>
      </c>
      <c r="B60" s="15">
        <v>20</v>
      </c>
      <c r="C60" s="16">
        <v>23</v>
      </c>
      <c r="D60" s="17">
        <v>43</v>
      </c>
    </row>
    <row r="61" spans="1:4" ht="18" customHeight="1" x14ac:dyDescent="0.2">
      <c r="A61" s="14">
        <v>46</v>
      </c>
      <c r="B61" s="15">
        <v>16</v>
      </c>
      <c r="C61" s="16">
        <v>14</v>
      </c>
      <c r="D61" s="17">
        <v>30</v>
      </c>
    </row>
    <row r="62" spans="1:4" ht="18" customHeight="1" x14ac:dyDescent="0.2">
      <c r="A62" s="14">
        <v>47</v>
      </c>
      <c r="B62" s="15">
        <v>17</v>
      </c>
      <c r="C62" s="16">
        <v>20</v>
      </c>
      <c r="D62" s="17">
        <v>37</v>
      </c>
    </row>
    <row r="63" spans="1:4" ht="18" customHeight="1" x14ac:dyDescent="0.2">
      <c r="A63" s="14">
        <v>48</v>
      </c>
      <c r="B63" s="15">
        <v>29</v>
      </c>
      <c r="C63" s="16">
        <v>22</v>
      </c>
      <c r="D63" s="17">
        <v>51</v>
      </c>
    </row>
    <row r="64" spans="1:4" ht="18" customHeight="1" x14ac:dyDescent="0.2">
      <c r="A64" s="14">
        <v>49</v>
      </c>
      <c r="B64" s="15">
        <v>16</v>
      </c>
      <c r="C64" s="16">
        <v>13</v>
      </c>
      <c r="D64" s="17">
        <v>29</v>
      </c>
    </row>
    <row r="65" spans="1:4" ht="18" customHeight="1" x14ac:dyDescent="0.2">
      <c r="A65" s="18" t="s">
        <v>58</v>
      </c>
      <c r="B65" s="15">
        <v>98</v>
      </c>
      <c r="C65" s="16">
        <v>92</v>
      </c>
      <c r="D65" s="17">
        <v>190</v>
      </c>
    </row>
    <row r="66" spans="1:4" ht="18" customHeight="1" x14ac:dyDescent="0.2">
      <c r="A66" s="14">
        <v>50</v>
      </c>
      <c r="B66" s="15">
        <v>13</v>
      </c>
      <c r="C66" s="16">
        <v>15</v>
      </c>
      <c r="D66" s="17">
        <v>28</v>
      </c>
    </row>
    <row r="67" spans="1:4" ht="18" customHeight="1" x14ac:dyDescent="0.2">
      <c r="A67" s="14">
        <v>51</v>
      </c>
      <c r="B67" s="15">
        <v>21</v>
      </c>
      <c r="C67" s="16">
        <v>16</v>
      </c>
      <c r="D67" s="17">
        <v>37</v>
      </c>
    </row>
    <row r="68" spans="1:4" ht="18" customHeight="1" x14ac:dyDescent="0.2">
      <c r="A68" s="14">
        <v>52</v>
      </c>
      <c r="B68" s="15">
        <v>10</v>
      </c>
      <c r="C68" s="16">
        <v>14</v>
      </c>
      <c r="D68" s="17">
        <v>24</v>
      </c>
    </row>
    <row r="69" spans="1:4" ht="18" customHeight="1" x14ac:dyDescent="0.2">
      <c r="A69" s="14">
        <v>53</v>
      </c>
      <c r="B69" s="15">
        <v>11</v>
      </c>
      <c r="C69" s="16">
        <v>12</v>
      </c>
      <c r="D69" s="17">
        <v>23</v>
      </c>
    </row>
    <row r="70" spans="1:4" ht="18" customHeight="1" x14ac:dyDescent="0.2">
      <c r="A70" s="14">
        <v>54</v>
      </c>
      <c r="B70" s="15">
        <v>22</v>
      </c>
      <c r="C70" s="16">
        <v>20</v>
      </c>
      <c r="D70" s="17">
        <v>42</v>
      </c>
    </row>
    <row r="71" spans="1:4" ht="18" customHeight="1" x14ac:dyDescent="0.2">
      <c r="A71" s="18" t="s">
        <v>59</v>
      </c>
      <c r="B71" s="15">
        <v>77</v>
      </c>
      <c r="C71" s="16">
        <v>77</v>
      </c>
      <c r="D71" s="17">
        <v>154</v>
      </c>
    </row>
    <row r="72" spans="1:4" ht="18" customHeight="1" x14ac:dyDescent="0.2">
      <c r="A72" s="14">
        <v>55</v>
      </c>
      <c r="B72" s="15">
        <v>16</v>
      </c>
      <c r="C72" s="16">
        <v>6</v>
      </c>
      <c r="D72" s="17">
        <v>22</v>
      </c>
    </row>
    <row r="73" spans="1:4" ht="18" customHeight="1" x14ac:dyDescent="0.2">
      <c r="A73" s="14">
        <v>56</v>
      </c>
      <c r="B73" s="15">
        <v>14</v>
      </c>
      <c r="C73" s="16">
        <v>7</v>
      </c>
      <c r="D73" s="17">
        <v>21</v>
      </c>
    </row>
    <row r="74" spans="1:4" ht="18" customHeight="1" x14ac:dyDescent="0.2">
      <c r="A74" s="14">
        <v>57</v>
      </c>
      <c r="B74" s="15">
        <v>12</v>
      </c>
      <c r="C74" s="16">
        <v>9</v>
      </c>
      <c r="D74" s="17">
        <v>21</v>
      </c>
    </row>
    <row r="75" spans="1:4" ht="18" customHeight="1" x14ac:dyDescent="0.2">
      <c r="A75" s="14">
        <v>58</v>
      </c>
      <c r="B75" s="15">
        <v>13</v>
      </c>
      <c r="C75" s="16">
        <v>14</v>
      </c>
      <c r="D75" s="17">
        <v>27</v>
      </c>
    </row>
    <row r="76" spans="1:4" ht="18" customHeight="1" x14ac:dyDescent="0.2">
      <c r="A76" s="14">
        <v>59</v>
      </c>
      <c r="B76" s="15">
        <v>17</v>
      </c>
      <c r="C76" s="16">
        <v>8</v>
      </c>
      <c r="D76" s="17">
        <v>25</v>
      </c>
    </row>
    <row r="77" spans="1:4" ht="18" customHeight="1" x14ac:dyDescent="0.2">
      <c r="A77" s="18" t="s">
        <v>60</v>
      </c>
      <c r="B77" s="15">
        <v>72</v>
      </c>
      <c r="C77" s="16">
        <v>44</v>
      </c>
      <c r="D77" s="17">
        <v>116</v>
      </c>
    </row>
    <row r="78" spans="1:4" ht="18" customHeight="1" x14ac:dyDescent="0.2">
      <c r="A78" s="14">
        <v>60</v>
      </c>
      <c r="B78" s="15">
        <v>11</v>
      </c>
      <c r="C78" s="16">
        <v>15</v>
      </c>
      <c r="D78" s="17">
        <v>26</v>
      </c>
    </row>
    <row r="79" spans="1:4" ht="18" customHeight="1" x14ac:dyDescent="0.2">
      <c r="A79" s="14">
        <v>61</v>
      </c>
      <c r="B79" s="15">
        <v>13</v>
      </c>
      <c r="C79" s="16">
        <v>16</v>
      </c>
      <c r="D79" s="17">
        <v>29</v>
      </c>
    </row>
    <row r="80" spans="1:4" ht="18" customHeight="1" x14ac:dyDescent="0.2">
      <c r="A80" s="14">
        <v>62</v>
      </c>
      <c r="B80" s="15">
        <v>8</v>
      </c>
      <c r="C80" s="16">
        <v>18</v>
      </c>
      <c r="D80" s="17">
        <v>26</v>
      </c>
    </row>
    <row r="81" spans="1:4" ht="18" customHeight="1" x14ac:dyDescent="0.2">
      <c r="A81" s="14">
        <v>63</v>
      </c>
      <c r="B81" s="15">
        <v>8</v>
      </c>
      <c r="C81" s="16">
        <v>19</v>
      </c>
      <c r="D81" s="17">
        <v>27</v>
      </c>
    </row>
    <row r="82" spans="1:4" ht="18" customHeight="1" x14ac:dyDescent="0.2">
      <c r="A82" s="14">
        <v>64</v>
      </c>
      <c r="B82" s="15">
        <v>14</v>
      </c>
      <c r="C82" s="16">
        <v>20</v>
      </c>
      <c r="D82" s="17">
        <v>34</v>
      </c>
    </row>
    <row r="83" spans="1:4" ht="18" customHeight="1" x14ac:dyDescent="0.2">
      <c r="A83" s="18" t="s">
        <v>61</v>
      </c>
      <c r="B83" s="15">
        <v>54</v>
      </c>
      <c r="C83" s="16">
        <v>88</v>
      </c>
      <c r="D83" s="17">
        <v>142</v>
      </c>
    </row>
    <row r="84" spans="1:4" ht="18" customHeight="1" x14ac:dyDescent="0.2">
      <c r="A84" s="18" t="s">
        <v>62</v>
      </c>
      <c r="B84" s="15">
        <v>640</v>
      </c>
      <c r="C84" s="16">
        <v>621</v>
      </c>
      <c r="D84" s="17">
        <v>1261</v>
      </c>
    </row>
    <row r="85" spans="1:4" ht="18" customHeight="1" x14ac:dyDescent="0.2">
      <c r="A85" s="14">
        <v>65</v>
      </c>
      <c r="B85" s="15">
        <v>17</v>
      </c>
      <c r="C85" s="16">
        <v>25</v>
      </c>
      <c r="D85" s="17">
        <v>42</v>
      </c>
    </row>
    <row r="86" spans="1:4" ht="18" customHeight="1" x14ac:dyDescent="0.2">
      <c r="A86" s="14">
        <v>66</v>
      </c>
      <c r="B86" s="15">
        <v>16</v>
      </c>
      <c r="C86" s="16">
        <v>31</v>
      </c>
      <c r="D86" s="17">
        <v>47</v>
      </c>
    </row>
    <row r="87" spans="1:4" ht="18" customHeight="1" x14ac:dyDescent="0.2">
      <c r="A87" s="14">
        <v>67</v>
      </c>
      <c r="B87" s="15">
        <v>33</v>
      </c>
      <c r="C87" s="16">
        <v>25</v>
      </c>
      <c r="D87" s="17">
        <v>58</v>
      </c>
    </row>
    <row r="88" spans="1:4" ht="18" customHeight="1" x14ac:dyDescent="0.2">
      <c r="A88" s="14">
        <v>68</v>
      </c>
      <c r="B88" s="15">
        <v>33</v>
      </c>
      <c r="C88" s="16">
        <v>21</v>
      </c>
      <c r="D88" s="17">
        <v>54</v>
      </c>
    </row>
    <row r="89" spans="1:4" ht="18" customHeight="1" x14ac:dyDescent="0.2">
      <c r="A89" s="14">
        <v>69</v>
      </c>
      <c r="B89" s="15">
        <v>27</v>
      </c>
      <c r="C89" s="16">
        <v>33</v>
      </c>
      <c r="D89" s="17">
        <v>60</v>
      </c>
    </row>
    <row r="90" spans="1:4" ht="18" customHeight="1" x14ac:dyDescent="0.2">
      <c r="A90" s="18" t="s">
        <v>63</v>
      </c>
      <c r="B90" s="15">
        <v>126</v>
      </c>
      <c r="C90" s="16">
        <v>135</v>
      </c>
      <c r="D90" s="17">
        <v>261</v>
      </c>
    </row>
    <row r="91" spans="1:4" ht="18" customHeight="1" x14ac:dyDescent="0.2">
      <c r="A91" s="14">
        <v>70</v>
      </c>
      <c r="B91" s="15">
        <v>34</v>
      </c>
      <c r="C91" s="16">
        <v>37</v>
      </c>
      <c r="D91" s="17">
        <v>71</v>
      </c>
    </row>
    <row r="92" spans="1:4" ht="18" customHeight="1" x14ac:dyDescent="0.2">
      <c r="A92" s="14">
        <v>71</v>
      </c>
      <c r="B92" s="15">
        <v>27</v>
      </c>
      <c r="C92" s="16">
        <v>30</v>
      </c>
      <c r="D92" s="17">
        <v>57</v>
      </c>
    </row>
    <row r="93" spans="1:4" ht="18" customHeight="1" x14ac:dyDescent="0.2">
      <c r="A93" s="14">
        <v>72</v>
      </c>
      <c r="B93" s="15">
        <v>23</v>
      </c>
      <c r="C93" s="16">
        <v>31</v>
      </c>
      <c r="D93" s="17">
        <v>54</v>
      </c>
    </row>
    <row r="94" spans="1:4" ht="18" customHeight="1" x14ac:dyDescent="0.2">
      <c r="A94" s="14">
        <v>73</v>
      </c>
      <c r="B94" s="15">
        <v>22</v>
      </c>
      <c r="C94" s="16">
        <v>27</v>
      </c>
      <c r="D94" s="17">
        <v>49</v>
      </c>
    </row>
    <row r="95" spans="1:4" ht="18" customHeight="1" x14ac:dyDescent="0.2">
      <c r="A95" s="14">
        <v>74</v>
      </c>
      <c r="B95" s="15">
        <v>14</v>
      </c>
      <c r="C95" s="16">
        <v>30</v>
      </c>
      <c r="D95" s="17">
        <v>44</v>
      </c>
    </row>
    <row r="96" spans="1:4" ht="18" customHeight="1" x14ac:dyDescent="0.2">
      <c r="A96" s="18" t="s">
        <v>64</v>
      </c>
      <c r="B96" s="15">
        <v>120</v>
      </c>
      <c r="C96" s="16">
        <v>155</v>
      </c>
      <c r="D96" s="17">
        <v>275</v>
      </c>
    </row>
    <row r="97" spans="1:4" ht="18" customHeight="1" x14ac:dyDescent="0.2">
      <c r="A97" s="14">
        <v>75</v>
      </c>
      <c r="B97" s="15">
        <v>23</v>
      </c>
      <c r="C97" s="16">
        <v>26</v>
      </c>
      <c r="D97" s="17">
        <v>49</v>
      </c>
    </row>
    <row r="98" spans="1:4" ht="18" customHeight="1" x14ac:dyDescent="0.2">
      <c r="A98" s="14">
        <v>76</v>
      </c>
      <c r="B98" s="15">
        <v>17</v>
      </c>
      <c r="C98" s="16">
        <v>16</v>
      </c>
      <c r="D98" s="17">
        <v>33</v>
      </c>
    </row>
    <row r="99" spans="1:4" ht="18" customHeight="1" x14ac:dyDescent="0.2">
      <c r="A99" s="14">
        <v>77</v>
      </c>
      <c r="B99" s="15">
        <v>17</v>
      </c>
      <c r="C99" s="16">
        <v>30</v>
      </c>
      <c r="D99" s="17">
        <v>47</v>
      </c>
    </row>
    <row r="100" spans="1:4" ht="18" customHeight="1" x14ac:dyDescent="0.2">
      <c r="A100" s="14">
        <v>78</v>
      </c>
      <c r="B100" s="15">
        <v>18</v>
      </c>
      <c r="C100" s="16">
        <v>23</v>
      </c>
      <c r="D100" s="17">
        <v>41</v>
      </c>
    </row>
    <row r="101" spans="1:4" ht="18" customHeight="1" x14ac:dyDescent="0.2">
      <c r="A101" s="14">
        <v>79</v>
      </c>
      <c r="B101" s="15">
        <v>18</v>
      </c>
      <c r="C101" s="16">
        <v>16</v>
      </c>
      <c r="D101" s="17">
        <v>34</v>
      </c>
    </row>
    <row r="102" spans="1:4" ht="18" customHeight="1" x14ac:dyDescent="0.2">
      <c r="A102" s="18" t="s">
        <v>65</v>
      </c>
      <c r="B102" s="15">
        <v>93</v>
      </c>
      <c r="C102" s="16">
        <v>111</v>
      </c>
      <c r="D102" s="17">
        <v>204</v>
      </c>
    </row>
    <row r="103" spans="1:4" ht="18" customHeight="1" x14ac:dyDescent="0.2">
      <c r="A103" s="14">
        <v>80</v>
      </c>
      <c r="B103" s="15">
        <v>11</v>
      </c>
      <c r="C103" s="16">
        <v>14</v>
      </c>
      <c r="D103" s="17">
        <v>25</v>
      </c>
    </row>
    <row r="104" spans="1:4" ht="18" customHeight="1" x14ac:dyDescent="0.2">
      <c r="A104" s="14">
        <v>81</v>
      </c>
      <c r="B104" s="15">
        <v>14</v>
      </c>
      <c r="C104" s="16">
        <v>22</v>
      </c>
      <c r="D104" s="17">
        <v>36</v>
      </c>
    </row>
    <row r="105" spans="1:4" ht="18" customHeight="1" x14ac:dyDescent="0.2">
      <c r="A105" s="14">
        <v>82</v>
      </c>
      <c r="B105" s="15">
        <v>12</v>
      </c>
      <c r="C105" s="16">
        <v>17</v>
      </c>
      <c r="D105" s="17">
        <v>29</v>
      </c>
    </row>
    <row r="106" spans="1:4" ht="18" customHeight="1" x14ac:dyDescent="0.2">
      <c r="A106" s="14">
        <v>83</v>
      </c>
      <c r="B106" s="15">
        <v>8</v>
      </c>
      <c r="C106" s="16">
        <v>25</v>
      </c>
      <c r="D106" s="17">
        <v>33</v>
      </c>
    </row>
    <row r="107" spans="1:4" ht="18" customHeight="1" x14ac:dyDescent="0.2">
      <c r="A107" s="14">
        <v>84</v>
      </c>
      <c r="B107" s="15">
        <v>7</v>
      </c>
      <c r="C107" s="16">
        <v>13</v>
      </c>
      <c r="D107" s="17">
        <v>20</v>
      </c>
    </row>
    <row r="108" spans="1:4" ht="18" customHeight="1" x14ac:dyDescent="0.2">
      <c r="A108" s="18" t="s">
        <v>66</v>
      </c>
      <c r="B108" s="15">
        <v>52</v>
      </c>
      <c r="C108" s="16">
        <v>91</v>
      </c>
      <c r="D108" s="17">
        <v>143</v>
      </c>
    </row>
    <row r="109" spans="1:4" ht="18" customHeight="1" x14ac:dyDescent="0.2">
      <c r="A109" s="14">
        <v>85</v>
      </c>
      <c r="B109" s="15">
        <v>6</v>
      </c>
      <c r="C109" s="16">
        <v>17</v>
      </c>
      <c r="D109" s="17">
        <v>23</v>
      </c>
    </row>
    <row r="110" spans="1:4" ht="18" customHeight="1" x14ac:dyDescent="0.2">
      <c r="A110" s="14">
        <v>86</v>
      </c>
      <c r="B110" s="15">
        <v>4</v>
      </c>
      <c r="C110" s="16">
        <v>19</v>
      </c>
      <c r="D110" s="17">
        <v>23</v>
      </c>
    </row>
    <row r="111" spans="1:4" ht="18" customHeight="1" x14ac:dyDescent="0.2">
      <c r="A111" s="14">
        <v>87</v>
      </c>
      <c r="B111" s="15">
        <v>10</v>
      </c>
      <c r="C111" s="16">
        <v>10</v>
      </c>
      <c r="D111" s="17">
        <v>20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6</v>
      </c>
      <c r="C113" s="16">
        <v>14</v>
      </c>
      <c r="D113" s="17">
        <v>20</v>
      </c>
    </row>
    <row r="114" spans="1:4" ht="18" customHeight="1" x14ac:dyDescent="0.2">
      <c r="A114" s="18" t="s">
        <v>67</v>
      </c>
      <c r="B114" s="15">
        <v>33</v>
      </c>
      <c r="C114" s="16">
        <v>74</v>
      </c>
      <c r="D114" s="17">
        <v>107</v>
      </c>
    </row>
    <row r="115" spans="1:4" ht="18" customHeight="1" x14ac:dyDescent="0.2">
      <c r="A115" s="14">
        <v>90</v>
      </c>
      <c r="B115" s="15">
        <v>5</v>
      </c>
      <c r="C115" s="16">
        <v>7</v>
      </c>
      <c r="D115" s="17">
        <v>12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9</v>
      </c>
      <c r="C120" s="16">
        <v>34</v>
      </c>
      <c r="D120" s="17">
        <v>43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36</v>
      </c>
      <c r="C130" s="5">
        <v>611</v>
      </c>
      <c r="D130" s="6">
        <v>1047</v>
      </c>
    </row>
    <row r="131" spans="1:4" ht="18" customHeight="1" x14ac:dyDescent="0.2">
      <c r="A131" s="20" t="s">
        <v>47</v>
      </c>
      <c r="B131" s="7">
        <v>1186</v>
      </c>
      <c r="C131" s="8">
        <v>1361</v>
      </c>
      <c r="D131" s="9">
        <v>254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8</v>
      </c>
      <c r="D5" s="13">
        <v>15</v>
      </c>
    </row>
    <row r="6" spans="1:4" ht="18" customHeight="1" x14ac:dyDescent="0.2">
      <c r="A6" s="14">
        <v>1</v>
      </c>
      <c r="B6" s="15">
        <v>11</v>
      </c>
      <c r="C6" s="16">
        <v>8</v>
      </c>
      <c r="D6" s="17">
        <v>19</v>
      </c>
    </row>
    <row r="7" spans="1:4" ht="18" customHeight="1" x14ac:dyDescent="0.2">
      <c r="A7" s="14">
        <v>2</v>
      </c>
      <c r="B7" s="15">
        <v>6</v>
      </c>
      <c r="C7" s="16">
        <v>13</v>
      </c>
      <c r="D7" s="17">
        <v>19</v>
      </c>
    </row>
    <row r="8" spans="1:4" ht="18" customHeight="1" x14ac:dyDescent="0.2">
      <c r="A8" s="14">
        <v>3</v>
      </c>
      <c r="B8" s="15">
        <v>12</v>
      </c>
      <c r="C8" s="16">
        <v>10</v>
      </c>
      <c r="D8" s="17">
        <v>22</v>
      </c>
    </row>
    <row r="9" spans="1:4" ht="18" customHeight="1" x14ac:dyDescent="0.2">
      <c r="A9" s="14">
        <v>4</v>
      </c>
      <c r="B9" s="15">
        <v>12</v>
      </c>
      <c r="C9" s="16">
        <v>11</v>
      </c>
      <c r="D9" s="17">
        <v>23</v>
      </c>
    </row>
    <row r="10" spans="1:4" ht="18" customHeight="1" x14ac:dyDescent="0.2">
      <c r="A10" s="18" t="s">
        <v>48</v>
      </c>
      <c r="B10" s="15">
        <v>48</v>
      </c>
      <c r="C10" s="16">
        <v>50</v>
      </c>
      <c r="D10" s="17">
        <v>98</v>
      </c>
    </row>
    <row r="11" spans="1:4" ht="18" customHeight="1" x14ac:dyDescent="0.2">
      <c r="A11" s="14">
        <v>5</v>
      </c>
      <c r="B11" s="15">
        <v>7</v>
      </c>
      <c r="C11" s="16">
        <v>11</v>
      </c>
      <c r="D11" s="17">
        <v>18</v>
      </c>
    </row>
    <row r="12" spans="1:4" ht="18" customHeight="1" x14ac:dyDescent="0.2">
      <c r="A12" s="14">
        <v>6</v>
      </c>
      <c r="B12" s="15">
        <v>9</v>
      </c>
      <c r="C12" s="16">
        <v>12</v>
      </c>
      <c r="D12" s="17">
        <v>21</v>
      </c>
    </row>
    <row r="13" spans="1:4" ht="18" customHeight="1" x14ac:dyDescent="0.2">
      <c r="A13" s="14">
        <v>7</v>
      </c>
      <c r="B13" s="15">
        <v>13</v>
      </c>
      <c r="C13" s="16">
        <v>9</v>
      </c>
      <c r="D13" s="17">
        <v>22</v>
      </c>
    </row>
    <row r="14" spans="1:4" ht="18" customHeight="1" x14ac:dyDescent="0.2">
      <c r="A14" s="14">
        <v>8</v>
      </c>
      <c r="B14" s="15">
        <v>8</v>
      </c>
      <c r="C14" s="16">
        <v>15</v>
      </c>
      <c r="D14" s="17">
        <v>23</v>
      </c>
    </row>
    <row r="15" spans="1:4" ht="18" customHeight="1" x14ac:dyDescent="0.2">
      <c r="A15" s="14">
        <v>9</v>
      </c>
      <c r="B15" s="15">
        <v>19</v>
      </c>
      <c r="C15" s="16">
        <v>14</v>
      </c>
      <c r="D15" s="17">
        <v>33</v>
      </c>
    </row>
    <row r="16" spans="1:4" ht="18" customHeight="1" x14ac:dyDescent="0.2">
      <c r="A16" s="18" t="s">
        <v>49</v>
      </c>
      <c r="B16" s="15">
        <v>56</v>
      </c>
      <c r="C16" s="16">
        <v>61</v>
      </c>
      <c r="D16" s="17">
        <v>117</v>
      </c>
    </row>
    <row r="17" spans="1:4" ht="18" customHeight="1" x14ac:dyDescent="0.2">
      <c r="A17" s="14">
        <v>10</v>
      </c>
      <c r="B17" s="15">
        <v>6</v>
      </c>
      <c r="C17" s="16">
        <v>13</v>
      </c>
      <c r="D17" s="17">
        <v>19</v>
      </c>
    </row>
    <row r="18" spans="1:4" ht="18" customHeight="1" x14ac:dyDescent="0.2">
      <c r="A18" s="14">
        <v>11</v>
      </c>
      <c r="B18" s="15">
        <v>23</v>
      </c>
      <c r="C18" s="16">
        <v>17</v>
      </c>
      <c r="D18" s="17">
        <v>40</v>
      </c>
    </row>
    <row r="19" spans="1:4" ht="18" customHeight="1" x14ac:dyDescent="0.2">
      <c r="A19" s="14">
        <v>12</v>
      </c>
      <c r="B19" s="15">
        <v>18</v>
      </c>
      <c r="C19" s="16">
        <v>19</v>
      </c>
      <c r="D19" s="17">
        <v>37</v>
      </c>
    </row>
    <row r="20" spans="1:4" ht="18" customHeight="1" x14ac:dyDescent="0.2">
      <c r="A20" s="14">
        <v>13</v>
      </c>
      <c r="B20" s="15">
        <v>24</v>
      </c>
      <c r="C20" s="16">
        <v>16</v>
      </c>
      <c r="D20" s="17">
        <v>40</v>
      </c>
    </row>
    <row r="21" spans="1:4" ht="18" customHeight="1" x14ac:dyDescent="0.2">
      <c r="A21" s="14">
        <v>14</v>
      </c>
      <c r="B21" s="15">
        <v>19</v>
      </c>
      <c r="C21" s="16">
        <v>27</v>
      </c>
      <c r="D21" s="17">
        <v>46</v>
      </c>
    </row>
    <row r="22" spans="1:4" ht="18" customHeight="1" x14ac:dyDescent="0.2">
      <c r="A22" s="18" t="s">
        <v>50</v>
      </c>
      <c r="B22" s="15">
        <v>90</v>
      </c>
      <c r="C22" s="16">
        <v>92</v>
      </c>
      <c r="D22" s="17">
        <v>182</v>
      </c>
    </row>
    <row r="23" spans="1:4" ht="18" customHeight="1" x14ac:dyDescent="0.2">
      <c r="A23" s="18" t="s">
        <v>51</v>
      </c>
      <c r="B23" s="15">
        <v>194</v>
      </c>
      <c r="C23" s="16">
        <v>203</v>
      </c>
      <c r="D23" s="17">
        <v>397</v>
      </c>
    </row>
    <row r="24" spans="1:4" ht="18" customHeight="1" x14ac:dyDescent="0.2">
      <c r="A24" s="14">
        <v>15</v>
      </c>
      <c r="B24" s="15">
        <v>26</v>
      </c>
      <c r="C24" s="16">
        <v>25</v>
      </c>
      <c r="D24" s="17">
        <v>51</v>
      </c>
    </row>
    <row r="25" spans="1:4" ht="18" customHeight="1" x14ac:dyDescent="0.2">
      <c r="A25" s="14">
        <v>16</v>
      </c>
      <c r="B25" s="15">
        <v>23</v>
      </c>
      <c r="C25" s="16">
        <v>16</v>
      </c>
      <c r="D25" s="17">
        <v>39</v>
      </c>
    </row>
    <row r="26" spans="1:4" ht="18" customHeight="1" x14ac:dyDescent="0.2">
      <c r="A26" s="14">
        <v>17</v>
      </c>
      <c r="B26" s="15">
        <v>37</v>
      </c>
      <c r="C26" s="16">
        <v>24</v>
      </c>
      <c r="D26" s="17">
        <v>61</v>
      </c>
    </row>
    <row r="27" spans="1:4" ht="18" customHeight="1" x14ac:dyDescent="0.2">
      <c r="A27" s="14">
        <v>18</v>
      </c>
      <c r="B27" s="15">
        <v>38</v>
      </c>
      <c r="C27" s="16">
        <v>28</v>
      </c>
      <c r="D27" s="17">
        <v>66</v>
      </c>
    </row>
    <row r="28" spans="1:4" ht="18" customHeight="1" x14ac:dyDescent="0.2">
      <c r="A28" s="14">
        <v>19</v>
      </c>
      <c r="B28" s="15">
        <v>32</v>
      </c>
      <c r="C28" s="16">
        <v>24</v>
      </c>
      <c r="D28" s="17">
        <v>56</v>
      </c>
    </row>
    <row r="29" spans="1:4" ht="18" customHeight="1" x14ac:dyDescent="0.2">
      <c r="A29" s="18" t="s">
        <v>52</v>
      </c>
      <c r="B29" s="15">
        <v>156</v>
      </c>
      <c r="C29" s="16">
        <v>117</v>
      </c>
      <c r="D29" s="17">
        <v>273</v>
      </c>
    </row>
    <row r="30" spans="1:4" ht="18" customHeight="1" x14ac:dyDescent="0.2">
      <c r="A30" s="14">
        <v>20</v>
      </c>
      <c r="B30" s="15">
        <v>26</v>
      </c>
      <c r="C30" s="16">
        <v>23</v>
      </c>
      <c r="D30" s="17">
        <v>49</v>
      </c>
    </row>
    <row r="31" spans="1:4" ht="18" customHeight="1" x14ac:dyDescent="0.2">
      <c r="A31" s="14">
        <v>21</v>
      </c>
      <c r="B31" s="15">
        <v>25</v>
      </c>
      <c r="C31" s="16">
        <v>20</v>
      </c>
      <c r="D31" s="17">
        <v>45</v>
      </c>
    </row>
    <row r="32" spans="1:4" ht="18" customHeight="1" x14ac:dyDescent="0.2">
      <c r="A32" s="14">
        <v>22</v>
      </c>
      <c r="B32" s="15">
        <v>32</v>
      </c>
      <c r="C32" s="16">
        <v>15</v>
      </c>
      <c r="D32" s="17">
        <v>47</v>
      </c>
    </row>
    <row r="33" spans="1:4" ht="18" customHeight="1" x14ac:dyDescent="0.2">
      <c r="A33" s="14">
        <v>23</v>
      </c>
      <c r="B33" s="15">
        <v>27</v>
      </c>
      <c r="C33" s="16">
        <v>13</v>
      </c>
      <c r="D33" s="17">
        <v>40</v>
      </c>
    </row>
    <row r="34" spans="1:4" ht="18" customHeight="1" x14ac:dyDescent="0.2">
      <c r="A34" s="14">
        <v>24</v>
      </c>
      <c r="B34" s="15">
        <v>26</v>
      </c>
      <c r="C34" s="16">
        <v>23</v>
      </c>
      <c r="D34" s="17">
        <v>49</v>
      </c>
    </row>
    <row r="35" spans="1:4" ht="18" customHeight="1" x14ac:dyDescent="0.2">
      <c r="A35" s="18" t="s">
        <v>53</v>
      </c>
      <c r="B35" s="15">
        <v>136</v>
      </c>
      <c r="C35" s="16">
        <v>94</v>
      </c>
      <c r="D35" s="17">
        <v>230</v>
      </c>
    </row>
    <row r="36" spans="1:4" ht="18" customHeight="1" x14ac:dyDescent="0.2">
      <c r="A36" s="14">
        <v>25</v>
      </c>
      <c r="B36" s="15">
        <v>19</v>
      </c>
      <c r="C36" s="16">
        <v>12</v>
      </c>
      <c r="D36" s="17">
        <v>31</v>
      </c>
    </row>
    <row r="37" spans="1:4" ht="18" customHeight="1" x14ac:dyDescent="0.2">
      <c r="A37" s="14">
        <v>26</v>
      </c>
      <c r="B37" s="15">
        <v>20</v>
      </c>
      <c r="C37" s="16">
        <v>17</v>
      </c>
      <c r="D37" s="17">
        <v>37</v>
      </c>
    </row>
    <row r="38" spans="1:4" ht="18" customHeight="1" x14ac:dyDescent="0.2">
      <c r="A38" s="14">
        <v>27</v>
      </c>
      <c r="B38" s="15">
        <v>14</v>
      </c>
      <c r="C38" s="16">
        <v>9</v>
      </c>
      <c r="D38" s="17">
        <v>23</v>
      </c>
    </row>
    <row r="39" spans="1:4" ht="18" customHeight="1" x14ac:dyDescent="0.2">
      <c r="A39" s="14">
        <v>28</v>
      </c>
      <c r="B39" s="15">
        <v>16</v>
      </c>
      <c r="C39" s="16">
        <v>10</v>
      </c>
      <c r="D39" s="17">
        <v>26</v>
      </c>
    </row>
    <row r="40" spans="1:4" ht="18" customHeight="1" x14ac:dyDescent="0.2">
      <c r="A40" s="14">
        <v>29</v>
      </c>
      <c r="B40" s="15">
        <v>12</v>
      </c>
      <c r="C40" s="16">
        <v>10</v>
      </c>
      <c r="D40" s="17">
        <v>22</v>
      </c>
    </row>
    <row r="41" spans="1:4" ht="18" customHeight="1" x14ac:dyDescent="0.2">
      <c r="A41" s="18" t="s">
        <v>54</v>
      </c>
      <c r="B41" s="15">
        <v>81</v>
      </c>
      <c r="C41" s="16">
        <v>58</v>
      </c>
      <c r="D41" s="17">
        <v>139</v>
      </c>
    </row>
    <row r="42" spans="1:4" ht="18" customHeight="1" x14ac:dyDescent="0.2">
      <c r="A42" s="14">
        <v>30</v>
      </c>
      <c r="B42" s="15">
        <v>15</v>
      </c>
      <c r="C42" s="16">
        <v>7</v>
      </c>
      <c r="D42" s="17">
        <v>22</v>
      </c>
    </row>
    <row r="43" spans="1:4" ht="18" customHeight="1" x14ac:dyDescent="0.2">
      <c r="A43" s="14">
        <v>31</v>
      </c>
      <c r="B43" s="15">
        <v>11</v>
      </c>
      <c r="C43" s="16">
        <v>10</v>
      </c>
      <c r="D43" s="17">
        <v>21</v>
      </c>
    </row>
    <row r="44" spans="1:4" ht="18" customHeight="1" x14ac:dyDescent="0.2">
      <c r="A44" s="14">
        <v>32</v>
      </c>
      <c r="B44" s="15">
        <v>14</v>
      </c>
      <c r="C44" s="16">
        <v>18</v>
      </c>
      <c r="D44" s="17">
        <v>32</v>
      </c>
    </row>
    <row r="45" spans="1:4" ht="18" customHeight="1" x14ac:dyDescent="0.2">
      <c r="A45" s="14">
        <v>33</v>
      </c>
      <c r="B45" s="15">
        <v>16</v>
      </c>
      <c r="C45" s="16">
        <v>12</v>
      </c>
      <c r="D45" s="17">
        <v>28</v>
      </c>
    </row>
    <row r="46" spans="1:4" ht="18" customHeight="1" x14ac:dyDescent="0.2">
      <c r="A46" s="14">
        <v>34</v>
      </c>
      <c r="B46" s="15">
        <v>19</v>
      </c>
      <c r="C46" s="16">
        <v>18</v>
      </c>
      <c r="D46" s="17">
        <v>37</v>
      </c>
    </row>
    <row r="47" spans="1:4" ht="18" customHeight="1" x14ac:dyDescent="0.2">
      <c r="A47" s="18" t="s">
        <v>55</v>
      </c>
      <c r="B47" s="15">
        <v>75</v>
      </c>
      <c r="C47" s="16">
        <v>65</v>
      </c>
      <c r="D47" s="17">
        <v>140</v>
      </c>
    </row>
    <row r="48" spans="1:4" ht="18" customHeight="1" x14ac:dyDescent="0.2">
      <c r="A48" s="14">
        <v>35</v>
      </c>
      <c r="B48" s="15">
        <v>22</v>
      </c>
      <c r="C48" s="16">
        <v>15</v>
      </c>
      <c r="D48" s="17">
        <v>37</v>
      </c>
    </row>
    <row r="49" spans="1:4" ht="18" customHeight="1" x14ac:dyDescent="0.2">
      <c r="A49" s="14">
        <v>36</v>
      </c>
      <c r="B49" s="15">
        <v>13</v>
      </c>
      <c r="C49" s="16">
        <v>10</v>
      </c>
      <c r="D49" s="17">
        <v>23</v>
      </c>
    </row>
    <row r="50" spans="1:4" ht="18" customHeight="1" x14ac:dyDescent="0.2">
      <c r="A50" s="14">
        <v>37</v>
      </c>
      <c r="B50" s="15">
        <v>7</v>
      </c>
      <c r="C50" s="16">
        <v>18</v>
      </c>
      <c r="D50" s="17">
        <v>25</v>
      </c>
    </row>
    <row r="51" spans="1:4" ht="18" customHeight="1" x14ac:dyDescent="0.2">
      <c r="A51" s="14">
        <v>38</v>
      </c>
      <c r="B51" s="15">
        <v>15</v>
      </c>
      <c r="C51" s="16">
        <v>22</v>
      </c>
      <c r="D51" s="17">
        <v>37</v>
      </c>
    </row>
    <row r="52" spans="1:4" ht="18" customHeight="1" x14ac:dyDescent="0.2">
      <c r="A52" s="14">
        <v>39</v>
      </c>
      <c r="B52" s="15">
        <v>17</v>
      </c>
      <c r="C52" s="16">
        <v>22</v>
      </c>
      <c r="D52" s="17">
        <v>39</v>
      </c>
    </row>
    <row r="53" spans="1:4" ht="18" customHeight="1" x14ac:dyDescent="0.2">
      <c r="A53" s="18" t="s">
        <v>56</v>
      </c>
      <c r="B53" s="15">
        <v>74</v>
      </c>
      <c r="C53" s="16">
        <v>87</v>
      </c>
      <c r="D53" s="17">
        <v>161</v>
      </c>
    </row>
    <row r="54" spans="1:4" ht="18" customHeight="1" x14ac:dyDescent="0.2">
      <c r="A54" s="14">
        <v>40</v>
      </c>
      <c r="B54" s="15">
        <v>22</v>
      </c>
      <c r="C54" s="16">
        <v>23</v>
      </c>
      <c r="D54" s="17">
        <v>45</v>
      </c>
    </row>
    <row r="55" spans="1:4" ht="18" customHeight="1" x14ac:dyDescent="0.2">
      <c r="A55" s="14">
        <v>41</v>
      </c>
      <c r="B55" s="15">
        <v>30</v>
      </c>
      <c r="C55" s="16">
        <v>23</v>
      </c>
      <c r="D55" s="17">
        <v>53</v>
      </c>
    </row>
    <row r="56" spans="1:4" ht="18" customHeight="1" x14ac:dyDescent="0.2">
      <c r="A56" s="14">
        <v>42</v>
      </c>
      <c r="B56" s="15">
        <v>23</v>
      </c>
      <c r="C56" s="16">
        <v>25</v>
      </c>
      <c r="D56" s="17">
        <v>48</v>
      </c>
    </row>
    <row r="57" spans="1:4" ht="18" customHeight="1" x14ac:dyDescent="0.2">
      <c r="A57" s="14">
        <v>43</v>
      </c>
      <c r="B57" s="15">
        <v>34</v>
      </c>
      <c r="C57" s="16">
        <v>25</v>
      </c>
      <c r="D57" s="17">
        <v>59</v>
      </c>
    </row>
    <row r="58" spans="1:4" ht="18" customHeight="1" x14ac:dyDescent="0.2">
      <c r="A58" s="14">
        <v>44</v>
      </c>
      <c r="B58" s="15">
        <v>45</v>
      </c>
      <c r="C58" s="16">
        <v>41</v>
      </c>
      <c r="D58" s="17">
        <v>86</v>
      </c>
    </row>
    <row r="59" spans="1:4" ht="18" customHeight="1" x14ac:dyDescent="0.2">
      <c r="A59" s="18" t="s">
        <v>57</v>
      </c>
      <c r="B59" s="15">
        <v>154</v>
      </c>
      <c r="C59" s="16">
        <v>137</v>
      </c>
      <c r="D59" s="17">
        <v>291</v>
      </c>
    </row>
    <row r="60" spans="1:4" ht="18" customHeight="1" x14ac:dyDescent="0.2">
      <c r="A60" s="14">
        <v>45</v>
      </c>
      <c r="B60" s="15">
        <v>39</v>
      </c>
      <c r="C60" s="16">
        <v>45</v>
      </c>
      <c r="D60" s="17">
        <v>84</v>
      </c>
    </row>
    <row r="61" spans="1:4" ht="18" customHeight="1" x14ac:dyDescent="0.2">
      <c r="A61" s="14">
        <v>46</v>
      </c>
      <c r="B61" s="15">
        <v>31</v>
      </c>
      <c r="C61" s="16">
        <v>35</v>
      </c>
      <c r="D61" s="17">
        <v>66</v>
      </c>
    </row>
    <row r="62" spans="1:4" ht="18" customHeight="1" x14ac:dyDescent="0.2">
      <c r="A62" s="14">
        <v>47</v>
      </c>
      <c r="B62" s="15">
        <v>31</v>
      </c>
      <c r="C62" s="16">
        <v>41</v>
      </c>
      <c r="D62" s="17">
        <v>72</v>
      </c>
    </row>
    <row r="63" spans="1:4" ht="18" customHeight="1" x14ac:dyDescent="0.2">
      <c r="A63" s="14">
        <v>48</v>
      </c>
      <c r="B63" s="15">
        <v>47</v>
      </c>
      <c r="C63" s="16">
        <v>35</v>
      </c>
      <c r="D63" s="17">
        <v>82</v>
      </c>
    </row>
    <row r="64" spans="1:4" ht="18" customHeight="1" x14ac:dyDescent="0.2">
      <c r="A64" s="14">
        <v>49</v>
      </c>
      <c r="B64" s="15">
        <v>39</v>
      </c>
      <c r="C64" s="16">
        <v>31</v>
      </c>
      <c r="D64" s="17">
        <v>70</v>
      </c>
    </row>
    <row r="65" spans="1:4" ht="18" customHeight="1" x14ac:dyDescent="0.2">
      <c r="A65" s="18" t="s">
        <v>58</v>
      </c>
      <c r="B65" s="15">
        <v>187</v>
      </c>
      <c r="C65" s="16">
        <v>187</v>
      </c>
      <c r="D65" s="17">
        <v>374</v>
      </c>
    </row>
    <row r="66" spans="1:4" ht="18" customHeight="1" x14ac:dyDescent="0.2">
      <c r="A66" s="14">
        <v>50</v>
      </c>
      <c r="B66" s="15">
        <v>30</v>
      </c>
      <c r="C66" s="16">
        <v>33</v>
      </c>
      <c r="D66" s="17">
        <v>63</v>
      </c>
    </row>
    <row r="67" spans="1:4" ht="18" customHeight="1" x14ac:dyDescent="0.2">
      <c r="A67" s="14">
        <v>51</v>
      </c>
      <c r="B67" s="15">
        <v>41</v>
      </c>
      <c r="C67" s="16">
        <v>39</v>
      </c>
      <c r="D67" s="17">
        <v>80</v>
      </c>
    </row>
    <row r="68" spans="1:4" ht="18" customHeight="1" x14ac:dyDescent="0.2">
      <c r="A68" s="14">
        <v>52</v>
      </c>
      <c r="B68" s="15">
        <v>23</v>
      </c>
      <c r="C68" s="16">
        <v>35</v>
      </c>
      <c r="D68" s="17">
        <v>58</v>
      </c>
    </row>
    <row r="69" spans="1:4" ht="18" customHeight="1" x14ac:dyDescent="0.2">
      <c r="A69" s="14">
        <v>53</v>
      </c>
      <c r="B69" s="15">
        <v>29</v>
      </c>
      <c r="C69" s="16">
        <v>21</v>
      </c>
      <c r="D69" s="17">
        <v>50</v>
      </c>
    </row>
    <row r="70" spans="1:4" ht="18" customHeight="1" x14ac:dyDescent="0.2">
      <c r="A70" s="14">
        <v>54</v>
      </c>
      <c r="B70" s="15">
        <v>27</v>
      </c>
      <c r="C70" s="16">
        <v>38</v>
      </c>
      <c r="D70" s="17">
        <v>65</v>
      </c>
    </row>
    <row r="71" spans="1:4" ht="18" customHeight="1" x14ac:dyDescent="0.2">
      <c r="A71" s="18" t="s">
        <v>59</v>
      </c>
      <c r="B71" s="15">
        <v>150</v>
      </c>
      <c r="C71" s="16">
        <v>166</v>
      </c>
      <c r="D71" s="17">
        <v>316</v>
      </c>
    </row>
    <row r="72" spans="1:4" ht="18" customHeight="1" x14ac:dyDescent="0.2">
      <c r="A72" s="14">
        <v>55</v>
      </c>
      <c r="B72" s="15">
        <v>17</v>
      </c>
      <c r="C72" s="16">
        <v>22</v>
      </c>
      <c r="D72" s="17">
        <v>39</v>
      </c>
    </row>
    <row r="73" spans="1:4" ht="18" customHeight="1" x14ac:dyDescent="0.2">
      <c r="A73" s="14">
        <v>56</v>
      </c>
      <c r="B73" s="15">
        <v>25</v>
      </c>
      <c r="C73" s="16">
        <v>24</v>
      </c>
      <c r="D73" s="17">
        <v>49</v>
      </c>
    </row>
    <row r="74" spans="1:4" ht="18" customHeight="1" x14ac:dyDescent="0.2">
      <c r="A74" s="14">
        <v>57</v>
      </c>
      <c r="B74" s="15">
        <v>18</v>
      </c>
      <c r="C74" s="16">
        <v>21</v>
      </c>
      <c r="D74" s="17">
        <v>39</v>
      </c>
    </row>
    <row r="75" spans="1:4" ht="18" customHeight="1" x14ac:dyDescent="0.2">
      <c r="A75" s="14">
        <v>58</v>
      </c>
      <c r="B75" s="15">
        <v>31</v>
      </c>
      <c r="C75" s="16">
        <v>23</v>
      </c>
      <c r="D75" s="17">
        <v>54</v>
      </c>
    </row>
    <row r="76" spans="1:4" ht="18" customHeight="1" x14ac:dyDescent="0.2">
      <c r="A76" s="14">
        <v>59</v>
      </c>
      <c r="B76" s="15">
        <v>25</v>
      </c>
      <c r="C76" s="16">
        <v>19</v>
      </c>
      <c r="D76" s="17">
        <v>44</v>
      </c>
    </row>
    <row r="77" spans="1:4" ht="18" customHeight="1" x14ac:dyDescent="0.2">
      <c r="A77" s="18" t="s">
        <v>60</v>
      </c>
      <c r="B77" s="15">
        <v>116</v>
      </c>
      <c r="C77" s="16">
        <v>109</v>
      </c>
      <c r="D77" s="17">
        <v>225</v>
      </c>
    </row>
    <row r="78" spans="1:4" ht="18" customHeight="1" x14ac:dyDescent="0.2">
      <c r="A78" s="14">
        <v>60</v>
      </c>
      <c r="B78" s="15">
        <v>28</v>
      </c>
      <c r="C78" s="16">
        <v>19</v>
      </c>
      <c r="D78" s="17">
        <v>47</v>
      </c>
    </row>
    <row r="79" spans="1:4" ht="18" customHeight="1" x14ac:dyDescent="0.2">
      <c r="A79" s="14">
        <v>61</v>
      </c>
      <c r="B79" s="15">
        <v>17</v>
      </c>
      <c r="C79" s="16">
        <v>20</v>
      </c>
      <c r="D79" s="17">
        <v>37</v>
      </c>
    </row>
    <row r="80" spans="1:4" ht="18" customHeight="1" x14ac:dyDescent="0.2">
      <c r="A80" s="14">
        <v>62</v>
      </c>
      <c r="B80" s="15">
        <v>23</v>
      </c>
      <c r="C80" s="16">
        <v>25</v>
      </c>
      <c r="D80" s="17">
        <v>48</v>
      </c>
    </row>
    <row r="81" spans="1:4" ht="18" customHeight="1" x14ac:dyDescent="0.2">
      <c r="A81" s="14">
        <v>63</v>
      </c>
      <c r="B81" s="15">
        <v>17</v>
      </c>
      <c r="C81" s="16">
        <v>24</v>
      </c>
      <c r="D81" s="17">
        <v>41</v>
      </c>
    </row>
    <row r="82" spans="1:4" ht="18" customHeight="1" x14ac:dyDescent="0.2">
      <c r="A82" s="14">
        <v>64</v>
      </c>
      <c r="B82" s="15">
        <v>24</v>
      </c>
      <c r="C82" s="16">
        <v>22</v>
      </c>
      <c r="D82" s="17">
        <v>46</v>
      </c>
    </row>
    <row r="83" spans="1:4" ht="18" customHeight="1" x14ac:dyDescent="0.2">
      <c r="A83" s="18" t="s">
        <v>61</v>
      </c>
      <c r="B83" s="15">
        <v>109</v>
      </c>
      <c r="C83" s="16">
        <v>110</v>
      </c>
      <c r="D83" s="17">
        <v>219</v>
      </c>
    </row>
    <row r="84" spans="1:4" ht="18" customHeight="1" x14ac:dyDescent="0.2">
      <c r="A84" s="18" t="s">
        <v>62</v>
      </c>
      <c r="B84" s="15">
        <v>1238</v>
      </c>
      <c r="C84" s="16">
        <v>1130</v>
      </c>
      <c r="D84" s="17">
        <v>2368</v>
      </c>
    </row>
    <row r="85" spans="1:4" ht="18" customHeight="1" x14ac:dyDescent="0.2">
      <c r="A85" s="14">
        <v>65</v>
      </c>
      <c r="B85" s="15">
        <v>25</v>
      </c>
      <c r="C85" s="16">
        <v>20</v>
      </c>
      <c r="D85" s="17">
        <v>45</v>
      </c>
    </row>
    <row r="86" spans="1:4" ht="18" customHeight="1" x14ac:dyDescent="0.2">
      <c r="A86" s="14">
        <v>66</v>
      </c>
      <c r="B86" s="15">
        <v>33</v>
      </c>
      <c r="C86" s="16">
        <v>26</v>
      </c>
      <c r="D86" s="17">
        <v>59</v>
      </c>
    </row>
    <row r="87" spans="1:4" ht="18" customHeight="1" x14ac:dyDescent="0.2">
      <c r="A87" s="14">
        <v>67</v>
      </c>
      <c r="B87" s="15">
        <v>23</v>
      </c>
      <c r="C87" s="16">
        <v>28</v>
      </c>
      <c r="D87" s="17">
        <v>51</v>
      </c>
    </row>
    <row r="88" spans="1:4" ht="18" customHeight="1" x14ac:dyDescent="0.2">
      <c r="A88" s="14">
        <v>68</v>
      </c>
      <c r="B88" s="15">
        <v>24</v>
      </c>
      <c r="C88" s="16">
        <v>40</v>
      </c>
      <c r="D88" s="17">
        <v>64</v>
      </c>
    </row>
    <row r="89" spans="1:4" ht="18" customHeight="1" x14ac:dyDescent="0.2">
      <c r="A89" s="14">
        <v>69</v>
      </c>
      <c r="B89" s="15">
        <v>26</v>
      </c>
      <c r="C89" s="16">
        <v>45</v>
      </c>
      <c r="D89" s="17">
        <v>71</v>
      </c>
    </row>
    <row r="90" spans="1:4" ht="18" customHeight="1" x14ac:dyDescent="0.2">
      <c r="A90" s="18" t="s">
        <v>63</v>
      </c>
      <c r="B90" s="15">
        <v>131</v>
      </c>
      <c r="C90" s="16">
        <v>159</v>
      </c>
      <c r="D90" s="17">
        <v>290</v>
      </c>
    </row>
    <row r="91" spans="1:4" ht="18" customHeight="1" x14ac:dyDescent="0.2">
      <c r="A91" s="14">
        <v>70</v>
      </c>
      <c r="B91" s="15">
        <v>41</v>
      </c>
      <c r="C91" s="16">
        <v>41</v>
      </c>
      <c r="D91" s="17">
        <v>82</v>
      </c>
    </row>
    <row r="92" spans="1:4" ht="18" customHeight="1" x14ac:dyDescent="0.2">
      <c r="A92" s="14">
        <v>71</v>
      </c>
      <c r="B92" s="15">
        <v>32</v>
      </c>
      <c r="C92" s="16">
        <v>46</v>
      </c>
      <c r="D92" s="17">
        <v>78</v>
      </c>
    </row>
    <row r="93" spans="1:4" ht="18" customHeight="1" x14ac:dyDescent="0.2">
      <c r="A93" s="14">
        <v>72</v>
      </c>
      <c r="B93" s="15">
        <v>43</v>
      </c>
      <c r="C93" s="16">
        <v>47</v>
      </c>
      <c r="D93" s="17">
        <v>90</v>
      </c>
    </row>
    <row r="94" spans="1:4" ht="18" customHeight="1" x14ac:dyDescent="0.2">
      <c r="A94" s="14">
        <v>73</v>
      </c>
      <c r="B94" s="15">
        <v>24</v>
      </c>
      <c r="C94" s="16">
        <v>14</v>
      </c>
      <c r="D94" s="17">
        <v>38</v>
      </c>
    </row>
    <row r="95" spans="1:4" ht="18" customHeight="1" x14ac:dyDescent="0.2">
      <c r="A95" s="14">
        <v>74</v>
      </c>
      <c r="B95" s="15">
        <v>25</v>
      </c>
      <c r="C95" s="16">
        <v>28</v>
      </c>
      <c r="D95" s="17">
        <v>53</v>
      </c>
    </row>
    <row r="96" spans="1:4" ht="18" customHeight="1" x14ac:dyDescent="0.2">
      <c r="A96" s="18" t="s">
        <v>64</v>
      </c>
      <c r="B96" s="15">
        <v>165</v>
      </c>
      <c r="C96" s="16">
        <v>176</v>
      </c>
      <c r="D96" s="17">
        <v>341</v>
      </c>
    </row>
    <row r="97" spans="1:4" ht="18" customHeight="1" x14ac:dyDescent="0.2">
      <c r="A97" s="14">
        <v>75</v>
      </c>
      <c r="B97" s="15">
        <v>26</v>
      </c>
      <c r="C97" s="16">
        <v>34</v>
      </c>
      <c r="D97" s="17">
        <v>60</v>
      </c>
    </row>
    <row r="98" spans="1:4" ht="18" customHeight="1" x14ac:dyDescent="0.2">
      <c r="A98" s="14">
        <v>76</v>
      </c>
      <c r="B98" s="15">
        <v>13</v>
      </c>
      <c r="C98" s="16">
        <v>42</v>
      </c>
      <c r="D98" s="17">
        <v>55</v>
      </c>
    </row>
    <row r="99" spans="1:4" ht="18" customHeight="1" x14ac:dyDescent="0.2">
      <c r="A99" s="14">
        <v>77</v>
      </c>
      <c r="B99" s="15">
        <v>28</v>
      </c>
      <c r="C99" s="16">
        <v>32</v>
      </c>
      <c r="D99" s="17">
        <v>60</v>
      </c>
    </row>
    <row r="100" spans="1:4" ht="18" customHeight="1" x14ac:dyDescent="0.2">
      <c r="A100" s="14">
        <v>78</v>
      </c>
      <c r="B100" s="15">
        <v>22</v>
      </c>
      <c r="C100" s="16">
        <v>35</v>
      </c>
      <c r="D100" s="17">
        <v>57</v>
      </c>
    </row>
    <row r="101" spans="1:4" ht="18" customHeight="1" x14ac:dyDescent="0.2">
      <c r="A101" s="14">
        <v>79</v>
      </c>
      <c r="B101" s="15">
        <v>19</v>
      </c>
      <c r="C101" s="16">
        <v>28</v>
      </c>
      <c r="D101" s="17">
        <v>47</v>
      </c>
    </row>
    <row r="102" spans="1:4" ht="18" customHeight="1" x14ac:dyDescent="0.2">
      <c r="A102" s="18" t="s">
        <v>65</v>
      </c>
      <c r="B102" s="15">
        <v>108</v>
      </c>
      <c r="C102" s="16">
        <v>171</v>
      </c>
      <c r="D102" s="17">
        <v>279</v>
      </c>
    </row>
    <row r="103" spans="1:4" ht="18" customHeight="1" x14ac:dyDescent="0.2">
      <c r="A103" s="14">
        <v>80</v>
      </c>
      <c r="B103" s="15">
        <v>16</v>
      </c>
      <c r="C103" s="16">
        <v>27</v>
      </c>
      <c r="D103" s="17">
        <v>43</v>
      </c>
    </row>
    <row r="104" spans="1:4" ht="18" customHeight="1" x14ac:dyDescent="0.2">
      <c r="A104" s="14">
        <v>81</v>
      </c>
      <c r="B104" s="15">
        <v>22</v>
      </c>
      <c r="C104" s="16">
        <v>32</v>
      </c>
      <c r="D104" s="17">
        <v>54</v>
      </c>
    </row>
    <row r="105" spans="1:4" ht="18" customHeight="1" x14ac:dyDescent="0.2">
      <c r="A105" s="14">
        <v>82</v>
      </c>
      <c r="B105" s="15">
        <v>18</v>
      </c>
      <c r="C105" s="16">
        <v>26</v>
      </c>
      <c r="D105" s="17">
        <v>44</v>
      </c>
    </row>
    <row r="106" spans="1:4" ht="18" customHeight="1" x14ac:dyDescent="0.2">
      <c r="A106" s="14">
        <v>83</v>
      </c>
      <c r="B106" s="15">
        <v>11</v>
      </c>
      <c r="C106" s="16">
        <v>32</v>
      </c>
      <c r="D106" s="17">
        <v>43</v>
      </c>
    </row>
    <row r="107" spans="1:4" ht="18" customHeight="1" x14ac:dyDescent="0.2">
      <c r="A107" s="14">
        <v>84</v>
      </c>
      <c r="B107" s="15">
        <v>13</v>
      </c>
      <c r="C107" s="16">
        <v>25</v>
      </c>
      <c r="D107" s="17">
        <v>38</v>
      </c>
    </row>
    <row r="108" spans="1:4" ht="18" customHeight="1" x14ac:dyDescent="0.2">
      <c r="A108" s="18" t="s">
        <v>66</v>
      </c>
      <c r="B108" s="15">
        <v>80</v>
      </c>
      <c r="C108" s="16">
        <v>142</v>
      </c>
      <c r="D108" s="17">
        <v>222</v>
      </c>
    </row>
    <row r="109" spans="1:4" ht="18" customHeight="1" x14ac:dyDescent="0.2">
      <c r="A109" s="14">
        <v>85</v>
      </c>
      <c r="B109" s="15">
        <v>14</v>
      </c>
      <c r="C109" s="16">
        <v>24</v>
      </c>
      <c r="D109" s="17">
        <v>38</v>
      </c>
    </row>
    <row r="110" spans="1:4" ht="18" customHeight="1" x14ac:dyDescent="0.2">
      <c r="A110" s="14">
        <v>86</v>
      </c>
      <c r="B110" s="15">
        <v>5</v>
      </c>
      <c r="C110" s="16">
        <v>13</v>
      </c>
      <c r="D110" s="17">
        <v>18</v>
      </c>
    </row>
    <row r="111" spans="1:4" ht="18" customHeight="1" x14ac:dyDescent="0.2">
      <c r="A111" s="14">
        <v>87</v>
      </c>
      <c r="B111" s="15">
        <v>9</v>
      </c>
      <c r="C111" s="16">
        <v>17</v>
      </c>
      <c r="D111" s="17">
        <v>26</v>
      </c>
    </row>
    <row r="112" spans="1:4" ht="18" customHeight="1" x14ac:dyDescent="0.2">
      <c r="A112" s="14">
        <v>88</v>
      </c>
      <c r="B112" s="15">
        <v>4</v>
      </c>
      <c r="C112" s="16">
        <v>22</v>
      </c>
      <c r="D112" s="17">
        <v>26</v>
      </c>
    </row>
    <row r="113" spans="1:4" ht="18" customHeight="1" x14ac:dyDescent="0.2">
      <c r="A113" s="14">
        <v>89</v>
      </c>
      <c r="B113" s="15">
        <v>9</v>
      </c>
      <c r="C113" s="16">
        <v>11</v>
      </c>
      <c r="D113" s="17">
        <v>20</v>
      </c>
    </row>
    <row r="114" spans="1:4" ht="18" customHeight="1" x14ac:dyDescent="0.2">
      <c r="A114" s="18" t="s">
        <v>67</v>
      </c>
      <c r="B114" s="15">
        <v>41</v>
      </c>
      <c r="C114" s="16">
        <v>87</v>
      </c>
      <c r="D114" s="17">
        <v>128</v>
      </c>
    </row>
    <row r="115" spans="1:4" ht="18" customHeight="1" x14ac:dyDescent="0.2">
      <c r="A115" s="14">
        <v>90</v>
      </c>
      <c r="B115" s="15">
        <v>6</v>
      </c>
      <c r="C115" s="16">
        <v>12</v>
      </c>
      <c r="D115" s="17">
        <v>18</v>
      </c>
    </row>
    <row r="116" spans="1:4" ht="18" customHeight="1" x14ac:dyDescent="0.2">
      <c r="A116" s="14">
        <v>91</v>
      </c>
      <c r="B116" s="15">
        <v>4</v>
      </c>
      <c r="C116" s="16">
        <v>14</v>
      </c>
      <c r="D116" s="17">
        <v>18</v>
      </c>
    </row>
    <row r="117" spans="1:4" ht="18" customHeight="1" x14ac:dyDescent="0.2">
      <c r="A117" s="14">
        <v>92</v>
      </c>
      <c r="B117" s="15">
        <v>7</v>
      </c>
      <c r="C117" s="16">
        <v>7</v>
      </c>
      <c r="D117" s="17">
        <v>14</v>
      </c>
    </row>
    <row r="118" spans="1:4" ht="18" customHeight="1" x14ac:dyDescent="0.2">
      <c r="A118" s="14">
        <v>93</v>
      </c>
      <c r="B118" s="15">
        <v>4</v>
      </c>
      <c r="C118" s="16">
        <v>3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22</v>
      </c>
      <c r="C120" s="16">
        <v>42</v>
      </c>
      <c r="D120" s="17">
        <v>64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549</v>
      </c>
      <c r="C130" s="5">
        <v>801</v>
      </c>
      <c r="D130" s="6">
        <v>1350</v>
      </c>
    </row>
    <row r="131" spans="1:4" ht="18" customHeight="1" x14ac:dyDescent="0.2">
      <c r="A131" s="20" t="s">
        <v>47</v>
      </c>
      <c r="B131" s="7">
        <v>1981</v>
      </c>
      <c r="C131" s="8">
        <v>2134</v>
      </c>
      <c r="D131" s="9">
        <v>411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4</v>
      </c>
      <c r="C5" s="12">
        <v>60</v>
      </c>
      <c r="D5" s="13">
        <v>134</v>
      </c>
    </row>
    <row r="6" spans="1:4" ht="18" customHeight="1" x14ac:dyDescent="0.2">
      <c r="A6" s="14">
        <v>1</v>
      </c>
      <c r="B6" s="15">
        <v>71</v>
      </c>
      <c r="C6" s="16">
        <v>64</v>
      </c>
      <c r="D6" s="17">
        <v>135</v>
      </c>
    </row>
    <row r="7" spans="1:4" ht="18" customHeight="1" x14ac:dyDescent="0.2">
      <c r="A7" s="14">
        <v>2</v>
      </c>
      <c r="B7" s="15">
        <v>55</v>
      </c>
      <c r="C7" s="16">
        <v>72</v>
      </c>
      <c r="D7" s="17">
        <v>127</v>
      </c>
    </row>
    <row r="8" spans="1:4" ht="18" customHeight="1" x14ac:dyDescent="0.2">
      <c r="A8" s="14">
        <v>3</v>
      </c>
      <c r="B8" s="15">
        <v>48</v>
      </c>
      <c r="C8" s="16">
        <v>65</v>
      </c>
      <c r="D8" s="17">
        <v>113</v>
      </c>
    </row>
    <row r="9" spans="1:4" ht="18" customHeight="1" x14ac:dyDescent="0.2">
      <c r="A9" s="14">
        <v>4</v>
      </c>
      <c r="B9" s="15">
        <v>62</v>
      </c>
      <c r="C9" s="16">
        <v>61</v>
      </c>
      <c r="D9" s="17">
        <v>123</v>
      </c>
    </row>
    <row r="10" spans="1:4" ht="18" customHeight="1" x14ac:dyDescent="0.2">
      <c r="A10" s="18" t="s">
        <v>48</v>
      </c>
      <c r="B10" s="15">
        <v>310</v>
      </c>
      <c r="C10" s="16">
        <v>322</v>
      </c>
      <c r="D10" s="17">
        <v>632</v>
      </c>
    </row>
    <row r="11" spans="1:4" ht="18" customHeight="1" x14ac:dyDescent="0.2">
      <c r="A11" s="14">
        <v>5</v>
      </c>
      <c r="B11" s="15">
        <v>62</v>
      </c>
      <c r="C11" s="16">
        <v>56</v>
      </c>
      <c r="D11" s="17">
        <v>118</v>
      </c>
    </row>
    <row r="12" spans="1:4" ht="18" customHeight="1" x14ac:dyDescent="0.2">
      <c r="A12" s="14">
        <v>6</v>
      </c>
      <c r="B12" s="15">
        <v>66</v>
      </c>
      <c r="C12" s="16">
        <v>72</v>
      </c>
      <c r="D12" s="17">
        <v>138</v>
      </c>
    </row>
    <row r="13" spans="1:4" ht="18" customHeight="1" x14ac:dyDescent="0.2">
      <c r="A13" s="14">
        <v>7</v>
      </c>
      <c r="B13" s="15">
        <v>76</v>
      </c>
      <c r="C13" s="16">
        <v>61</v>
      </c>
      <c r="D13" s="17">
        <v>137</v>
      </c>
    </row>
    <row r="14" spans="1:4" ht="18" customHeight="1" x14ac:dyDescent="0.2">
      <c r="A14" s="14">
        <v>8</v>
      </c>
      <c r="B14" s="15">
        <v>68</v>
      </c>
      <c r="C14" s="16">
        <v>61</v>
      </c>
      <c r="D14" s="17">
        <v>129</v>
      </c>
    </row>
    <row r="15" spans="1:4" ht="18" customHeight="1" x14ac:dyDescent="0.2">
      <c r="A15" s="14">
        <v>9</v>
      </c>
      <c r="B15" s="15">
        <v>67</v>
      </c>
      <c r="C15" s="16">
        <v>60</v>
      </c>
      <c r="D15" s="17">
        <v>127</v>
      </c>
    </row>
    <row r="16" spans="1:4" ht="18" customHeight="1" x14ac:dyDescent="0.2">
      <c r="A16" s="18" t="s">
        <v>49</v>
      </c>
      <c r="B16" s="15">
        <v>339</v>
      </c>
      <c r="C16" s="16">
        <v>310</v>
      </c>
      <c r="D16" s="17">
        <v>649</v>
      </c>
    </row>
    <row r="17" spans="1:4" ht="18" customHeight="1" x14ac:dyDescent="0.2">
      <c r="A17" s="14">
        <v>10</v>
      </c>
      <c r="B17" s="15">
        <v>76</v>
      </c>
      <c r="C17" s="16">
        <v>61</v>
      </c>
      <c r="D17" s="17">
        <v>137</v>
      </c>
    </row>
    <row r="18" spans="1:4" ht="18" customHeight="1" x14ac:dyDescent="0.2">
      <c r="A18" s="14">
        <v>11</v>
      </c>
      <c r="B18" s="15">
        <v>64</v>
      </c>
      <c r="C18" s="16">
        <v>65</v>
      </c>
      <c r="D18" s="17">
        <v>129</v>
      </c>
    </row>
    <row r="19" spans="1:4" ht="18" customHeight="1" x14ac:dyDescent="0.2">
      <c r="A19" s="14">
        <v>12</v>
      </c>
      <c r="B19" s="15">
        <v>54</v>
      </c>
      <c r="C19" s="16">
        <v>51</v>
      </c>
      <c r="D19" s="17">
        <v>105</v>
      </c>
    </row>
    <row r="20" spans="1:4" ht="18" customHeight="1" x14ac:dyDescent="0.2">
      <c r="A20" s="14">
        <v>13</v>
      </c>
      <c r="B20" s="15">
        <v>77</v>
      </c>
      <c r="C20" s="16">
        <v>64</v>
      </c>
      <c r="D20" s="17">
        <v>141</v>
      </c>
    </row>
    <row r="21" spans="1:4" ht="18" customHeight="1" x14ac:dyDescent="0.2">
      <c r="A21" s="14">
        <v>14</v>
      </c>
      <c r="B21" s="15">
        <v>67</v>
      </c>
      <c r="C21" s="16">
        <v>64</v>
      </c>
      <c r="D21" s="17">
        <v>131</v>
      </c>
    </row>
    <row r="22" spans="1:4" ht="18" customHeight="1" x14ac:dyDescent="0.2">
      <c r="A22" s="18" t="s">
        <v>50</v>
      </c>
      <c r="B22" s="15">
        <v>338</v>
      </c>
      <c r="C22" s="16">
        <v>305</v>
      </c>
      <c r="D22" s="17">
        <v>643</v>
      </c>
    </row>
    <row r="23" spans="1:4" ht="18" customHeight="1" x14ac:dyDescent="0.2">
      <c r="A23" s="18" t="s">
        <v>51</v>
      </c>
      <c r="B23" s="15">
        <v>987</v>
      </c>
      <c r="C23" s="16">
        <v>937</v>
      </c>
      <c r="D23" s="17">
        <v>1924</v>
      </c>
    </row>
    <row r="24" spans="1:4" ht="18" customHeight="1" x14ac:dyDescent="0.2">
      <c r="A24" s="14">
        <v>15</v>
      </c>
      <c r="B24" s="15">
        <v>64</v>
      </c>
      <c r="C24" s="16">
        <v>78</v>
      </c>
      <c r="D24" s="17">
        <v>142</v>
      </c>
    </row>
    <row r="25" spans="1:4" ht="18" customHeight="1" x14ac:dyDescent="0.2">
      <c r="A25" s="14">
        <v>16</v>
      </c>
      <c r="B25" s="15">
        <v>69</v>
      </c>
      <c r="C25" s="16">
        <v>70</v>
      </c>
      <c r="D25" s="17">
        <v>139</v>
      </c>
    </row>
    <row r="26" spans="1:4" ht="18" customHeight="1" x14ac:dyDescent="0.2">
      <c r="A26" s="14">
        <v>17</v>
      </c>
      <c r="B26" s="15">
        <v>74</v>
      </c>
      <c r="C26" s="16">
        <v>73</v>
      </c>
      <c r="D26" s="17">
        <v>147</v>
      </c>
    </row>
    <row r="27" spans="1:4" ht="18" customHeight="1" x14ac:dyDescent="0.2">
      <c r="A27" s="14">
        <v>18</v>
      </c>
      <c r="B27" s="15">
        <v>91</v>
      </c>
      <c r="C27" s="16">
        <v>69</v>
      </c>
      <c r="D27" s="17">
        <v>160</v>
      </c>
    </row>
    <row r="28" spans="1:4" ht="18" customHeight="1" x14ac:dyDescent="0.2">
      <c r="A28" s="14">
        <v>19</v>
      </c>
      <c r="B28" s="15">
        <v>80</v>
      </c>
      <c r="C28" s="16">
        <v>72</v>
      </c>
      <c r="D28" s="17">
        <v>152</v>
      </c>
    </row>
    <row r="29" spans="1:4" ht="18" customHeight="1" x14ac:dyDescent="0.2">
      <c r="A29" s="18" t="s">
        <v>52</v>
      </c>
      <c r="B29" s="15">
        <v>378</v>
      </c>
      <c r="C29" s="16">
        <v>362</v>
      </c>
      <c r="D29" s="17">
        <v>740</v>
      </c>
    </row>
    <row r="30" spans="1:4" ht="18" customHeight="1" x14ac:dyDescent="0.2">
      <c r="A30" s="14">
        <v>20</v>
      </c>
      <c r="B30" s="15">
        <v>74</v>
      </c>
      <c r="C30" s="16">
        <v>60</v>
      </c>
      <c r="D30" s="17">
        <v>134</v>
      </c>
    </row>
    <row r="31" spans="1:4" ht="18" customHeight="1" x14ac:dyDescent="0.2">
      <c r="A31" s="14">
        <v>21</v>
      </c>
      <c r="B31" s="15">
        <v>74</v>
      </c>
      <c r="C31" s="16">
        <v>82</v>
      </c>
      <c r="D31" s="17">
        <v>156</v>
      </c>
    </row>
    <row r="32" spans="1:4" ht="18" customHeight="1" x14ac:dyDescent="0.2">
      <c r="A32" s="14">
        <v>22</v>
      </c>
      <c r="B32" s="15">
        <v>79</v>
      </c>
      <c r="C32" s="16">
        <v>61</v>
      </c>
      <c r="D32" s="17">
        <v>140</v>
      </c>
    </row>
    <row r="33" spans="1:4" ht="18" customHeight="1" x14ac:dyDescent="0.2">
      <c r="A33" s="14">
        <v>23</v>
      </c>
      <c r="B33" s="15">
        <v>79</v>
      </c>
      <c r="C33" s="16">
        <v>60</v>
      </c>
      <c r="D33" s="17">
        <v>139</v>
      </c>
    </row>
    <row r="34" spans="1:4" ht="18" customHeight="1" x14ac:dyDescent="0.2">
      <c r="A34" s="14">
        <v>24</v>
      </c>
      <c r="B34" s="15">
        <v>76</v>
      </c>
      <c r="C34" s="16">
        <v>67</v>
      </c>
      <c r="D34" s="17">
        <v>143</v>
      </c>
    </row>
    <row r="35" spans="1:4" ht="18" customHeight="1" x14ac:dyDescent="0.2">
      <c r="A35" s="18" t="s">
        <v>53</v>
      </c>
      <c r="B35" s="15">
        <v>382</v>
      </c>
      <c r="C35" s="16">
        <v>330</v>
      </c>
      <c r="D35" s="17">
        <v>712</v>
      </c>
    </row>
    <row r="36" spans="1:4" ht="18" customHeight="1" x14ac:dyDescent="0.2">
      <c r="A36" s="14">
        <v>25</v>
      </c>
      <c r="B36" s="15">
        <v>70</v>
      </c>
      <c r="C36" s="16">
        <v>81</v>
      </c>
      <c r="D36" s="17">
        <v>151</v>
      </c>
    </row>
    <row r="37" spans="1:4" ht="18" customHeight="1" x14ac:dyDescent="0.2">
      <c r="A37" s="14">
        <v>26</v>
      </c>
      <c r="B37" s="15">
        <v>84</v>
      </c>
      <c r="C37" s="16">
        <v>66</v>
      </c>
      <c r="D37" s="17">
        <v>150</v>
      </c>
    </row>
    <row r="38" spans="1:4" ht="18" customHeight="1" x14ac:dyDescent="0.2">
      <c r="A38" s="14">
        <v>27</v>
      </c>
      <c r="B38" s="15">
        <v>69</v>
      </c>
      <c r="C38" s="16">
        <v>52</v>
      </c>
      <c r="D38" s="17">
        <v>121</v>
      </c>
    </row>
    <row r="39" spans="1:4" ht="18" customHeight="1" x14ac:dyDescent="0.2">
      <c r="A39" s="14">
        <v>28</v>
      </c>
      <c r="B39" s="15">
        <v>88</v>
      </c>
      <c r="C39" s="16">
        <v>68</v>
      </c>
      <c r="D39" s="17">
        <v>156</v>
      </c>
    </row>
    <row r="40" spans="1:4" ht="18" customHeight="1" x14ac:dyDescent="0.2">
      <c r="A40" s="14">
        <v>29</v>
      </c>
      <c r="B40" s="15">
        <v>84</v>
      </c>
      <c r="C40" s="16">
        <v>64</v>
      </c>
      <c r="D40" s="17">
        <v>148</v>
      </c>
    </row>
    <row r="41" spans="1:4" ht="18" customHeight="1" x14ac:dyDescent="0.2">
      <c r="A41" s="18" t="s">
        <v>54</v>
      </c>
      <c r="B41" s="15">
        <v>395</v>
      </c>
      <c r="C41" s="16">
        <v>331</v>
      </c>
      <c r="D41" s="17">
        <v>726</v>
      </c>
    </row>
    <row r="42" spans="1:4" ht="18" customHeight="1" x14ac:dyDescent="0.2">
      <c r="A42" s="14">
        <v>30</v>
      </c>
      <c r="B42" s="15">
        <v>80</v>
      </c>
      <c r="C42" s="16">
        <v>85</v>
      </c>
      <c r="D42" s="17">
        <v>165</v>
      </c>
    </row>
    <row r="43" spans="1:4" ht="18" customHeight="1" x14ac:dyDescent="0.2">
      <c r="A43" s="14">
        <v>31</v>
      </c>
      <c r="B43" s="15">
        <v>92</v>
      </c>
      <c r="C43" s="16">
        <v>89</v>
      </c>
      <c r="D43" s="17">
        <v>181</v>
      </c>
    </row>
    <row r="44" spans="1:4" ht="18" customHeight="1" x14ac:dyDescent="0.2">
      <c r="A44" s="14">
        <v>32</v>
      </c>
      <c r="B44" s="15">
        <v>81</v>
      </c>
      <c r="C44" s="16">
        <v>83</v>
      </c>
      <c r="D44" s="17">
        <v>164</v>
      </c>
    </row>
    <row r="45" spans="1:4" ht="18" customHeight="1" x14ac:dyDescent="0.2">
      <c r="A45" s="14">
        <v>33</v>
      </c>
      <c r="B45" s="15">
        <v>72</v>
      </c>
      <c r="C45" s="16">
        <v>61</v>
      </c>
      <c r="D45" s="17">
        <v>133</v>
      </c>
    </row>
    <row r="46" spans="1:4" ht="18" customHeight="1" x14ac:dyDescent="0.2">
      <c r="A46" s="14">
        <v>34</v>
      </c>
      <c r="B46" s="15">
        <v>87</v>
      </c>
      <c r="C46" s="16">
        <v>100</v>
      </c>
      <c r="D46" s="17">
        <v>187</v>
      </c>
    </row>
    <row r="47" spans="1:4" ht="18" customHeight="1" x14ac:dyDescent="0.2">
      <c r="A47" s="18" t="s">
        <v>55</v>
      </c>
      <c r="B47" s="15">
        <v>412</v>
      </c>
      <c r="C47" s="16">
        <v>418</v>
      </c>
      <c r="D47" s="17">
        <v>830</v>
      </c>
    </row>
    <row r="48" spans="1:4" ht="18" customHeight="1" x14ac:dyDescent="0.2">
      <c r="A48" s="14">
        <v>35</v>
      </c>
      <c r="B48" s="15">
        <v>90</v>
      </c>
      <c r="C48" s="16">
        <v>94</v>
      </c>
      <c r="D48" s="17">
        <v>184</v>
      </c>
    </row>
    <row r="49" spans="1:4" ht="18" customHeight="1" x14ac:dyDescent="0.2">
      <c r="A49" s="14">
        <v>36</v>
      </c>
      <c r="B49" s="15">
        <v>95</v>
      </c>
      <c r="C49" s="16">
        <v>86</v>
      </c>
      <c r="D49" s="17">
        <v>181</v>
      </c>
    </row>
    <row r="50" spans="1:4" ht="18" customHeight="1" x14ac:dyDescent="0.2">
      <c r="A50" s="14">
        <v>37</v>
      </c>
      <c r="B50" s="15">
        <v>101</v>
      </c>
      <c r="C50" s="16">
        <v>79</v>
      </c>
      <c r="D50" s="17">
        <v>180</v>
      </c>
    </row>
    <row r="51" spans="1:4" ht="18" customHeight="1" x14ac:dyDescent="0.2">
      <c r="A51" s="14">
        <v>38</v>
      </c>
      <c r="B51" s="15">
        <v>82</v>
      </c>
      <c r="C51" s="16">
        <v>93</v>
      </c>
      <c r="D51" s="17">
        <v>175</v>
      </c>
    </row>
    <row r="52" spans="1:4" ht="18" customHeight="1" x14ac:dyDescent="0.2">
      <c r="A52" s="14">
        <v>39</v>
      </c>
      <c r="B52" s="15">
        <v>95</v>
      </c>
      <c r="C52" s="16">
        <v>90</v>
      </c>
      <c r="D52" s="17">
        <v>185</v>
      </c>
    </row>
    <row r="53" spans="1:4" ht="18" customHeight="1" x14ac:dyDescent="0.2">
      <c r="A53" s="18" t="s">
        <v>56</v>
      </c>
      <c r="B53" s="15">
        <v>463</v>
      </c>
      <c r="C53" s="16">
        <v>442</v>
      </c>
      <c r="D53" s="17">
        <v>905</v>
      </c>
    </row>
    <row r="54" spans="1:4" ht="18" customHeight="1" x14ac:dyDescent="0.2">
      <c r="A54" s="14">
        <v>40</v>
      </c>
      <c r="B54" s="15">
        <v>94</v>
      </c>
      <c r="C54" s="16">
        <v>104</v>
      </c>
      <c r="D54" s="17">
        <v>198</v>
      </c>
    </row>
    <row r="55" spans="1:4" ht="18" customHeight="1" x14ac:dyDescent="0.2">
      <c r="A55" s="14">
        <v>41</v>
      </c>
      <c r="B55" s="15">
        <v>117</v>
      </c>
      <c r="C55" s="16">
        <v>89</v>
      </c>
      <c r="D55" s="17">
        <v>206</v>
      </c>
    </row>
    <row r="56" spans="1:4" ht="18" customHeight="1" x14ac:dyDescent="0.2">
      <c r="A56" s="14">
        <v>42</v>
      </c>
      <c r="B56" s="15">
        <v>102</v>
      </c>
      <c r="C56" s="16">
        <v>89</v>
      </c>
      <c r="D56" s="17">
        <v>191</v>
      </c>
    </row>
    <row r="57" spans="1:4" ht="18" customHeight="1" x14ac:dyDescent="0.2">
      <c r="A57" s="14">
        <v>43</v>
      </c>
      <c r="B57" s="15">
        <v>116</v>
      </c>
      <c r="C57" s="16">
        <v>98</v>
      </c>
      <c r="D57" s="17">
        <v>214</v>
      </c>
    </row>
    <row r="58" spans="1:4" ht="18" customHeight="1" x14ac:dyDescent="0.2">
      <c r="A58" s="14">
        <v>44</v>
      </c>
      <c r="B58" s="15">
        <v>112</v>
      </c>
      <c r="C58" s="16">
        <v>141</v>
      </c>
      <c r="D58" s="17">
        <v>253</v>
      </c>
    </row>
    <row r="59" spans="1:4" ht="18" customHeight="1" x14ac:dyDescent="0.2">
      <c r="A59" s="18" t="s">
        <v>57</v>
      </c>
      <c r="B59" s="15">
        <v>541</v>
      </c>
      <c r="C59" s="16">
        <v>521</v>
      </c>
      <c r="D59" s="17">
        <v>1062</v>
      </c>
    </row>
    <row r="60" spans="1:4" ht="18" customHeight="1" x14ac:dyDescent="0.2">
      <c r="A60" s="14">
        <v>45</v>
      </c>
      <c r="B60" s="15">
        <v>124</v>
      </c>
      <c r="C60" s="16">
        <v>138</v>
      </c>
      <c r="D60" s="17">
        <v>262</v>
      </c>
    </row>
    <row r="61" spans="1:4" ht="18" customHeight="1" x14ac:dyDescent="0.2">
      <c r="A61" s="14">
        <v>46</v>
      </c>
      <c r="B61" s="15">
        <v>118</v>
      </c>
      <c r="C61" s="16">
        <v>114</v>
      </c>
      <c r="D61" s="17">
        <v>232</v>
      </c>
    </row>
    <row r="62" spans="1:4" ht="18" customHeight="1" x14ac:dyDescent="0.2">
      <c r="A62" s="14">
        <v>47</v>
      </c>
      <c r="B62" s="15">
        <v>123</v>
      </c>
      <c r="C62" s="16">
        <v>119</v>
      </c>
      <c r="D62" s="17">
        <v>242</v>
      </c>
    </row>
    <row r="63" spans="1:4" ht="18" customHeight="1" x14ac:dyDescent="0.2">
      <c r="A63" s="14">
        <v>48</v>
      </c>
      <c r="B63" s="15">
        <v>115</v>
      </c>
      <c r="C63" s="16">
        <v>100</v>
      </c>
      <c r="D63" s="17">
        <v>215</v>
      </c>
    </row>
    <row r="64" spans="1:4" ht="18" customHeight="1" x14ac:dyDescent="0.2">
      <c r="A64" s="14">
        <v>49</v>
      </c>
      <c r="B64" s="15">
        <v>114</v>
      </c>
      <c r="C64" s="16">
        <v>100</v>
      </c>
      <c r="D64" s="17">
        <v>214</v>
      </c>
    </row>
    <row r="65" spans="1:4" ht="18" customHeight="1" x14ac:dyDescent="0.2">
      <c r="A65" s="18" t="s">
        <v>58</v>
      </c>
      <c r="B65" s="15">
        <v>594</v>
      </c>
      <c r="C65" s="16">
        <v>571</v>
      </c>
      <c r="D65" s="17">
        <v>1165</v>
      </c>
    </row>
    <row r="66" spans="1:4" ht="18" customHeight="1" x14ac:dyDescent="0.2">
      <c r="A66" s="14">
        <v>50</v>
      </c>
      <c r="B66" s="15">
        <v>120</v>
      </c>
      <c r="C66" s="16">
        <v>101</v>
      </c>
      <c r="D66" s="17">
        <v>221</v>
      </c>
    </row>
    <row r="67" spans="1:4" ht="18" customHeight="1" x14ac:dyDescent="0.2">
      <c r="A67" s="14">
        <v>51</v>
      </c>
      <c r="B67" s="15">
        <v>107</v>
      </c>
      <c r="C67" s="16">
        <v>115</v>
      </c>
      <c r="D67" s="17">
        <v>222</v>
      </c>
    </row>
    <row r="68" spans="1:4" ht="18" customHeight="1" x14ac:dyDescent="0.2">
      <c r="A68" s="14">
        <v>52</v>
      </c>
      <c r="B68" s="15">
        <v>115</v>
      </c>
      <c r="C68" s="16">
        <v>109</v>
      </c>
      <c r="D68" s="17">
        <v>224</v>
      </c>
    </row>
    <row r="69" spans="1:4" ht="18" customHeight="1" x14ac:dyDescent="0.2">
      <c r="A69" s="14">
        <v>53</v>
      </c>
      <c r="B69" s="15">
        <v>89</v>
      </c>
      <c r="C69" s="16">
        <v>86</v>
      </c>
      <c r="D69" s="17">
        <v>175</v>
      </c>
    </row>
    <row r="70" spans="1:4" ht="18" customHeight="1" x14ac:dyDescent="0.2">
      <c r="A70" s="14">
        <v>54</v>
      </c>
      <c r="B70" s="15">
        <v>100</v>
      </c>
      <c r="C70" s="16">
        <v>102</v>
      </c>
      <c r="D70" s="17">
        <v>202</v>
      </c>
    </row>
    <row r="71" spans="1:4" ht="18" customHeight="1" x14ac:dyDescent="0.2">
      <c r="A71" s="18" t="s">
        <v>59</v>
      </c>
      <c r="B71" s="15">
        <v>531</v>
      </c>
      <c r="C71" s="16">
        <v>513</v>
      </c>
      <c r="D71" s="17">
        <v>1044</v>
      </c>
    </row>
    <row r="72" spans="1:4" ht="18" customHeight="1" x14ac:dyDescent="0.2">
      <c r="A72" s="14">
        <v>55</v>
      </c>
      <c r="B72" s="15">
        <v>103</v>
      </c>
      <c r="C72" s="16">
        <v>101</v>
      </c>
      <c r="D72" s="17">
        <v>204</v>
      </c>
    </row>
    <row r="73" spans="1:4" ht="18" customHeight="1" x14ac:dyDescent="0.2">
      <c r="A73" s="14">
        <v>56</v>
      </c>
      <c r="B73" s="15">
        <v>99</v>
      </c>
      <c r="C73" s="16">
        <v>117</v>
      </c>
      <c r="D73" s="17">
        <v>216</v>
      </c>
    </row>
    <row r="74" spans="1:4" ht="18" customHeight="1" x14ac:dyDescent="0.2">
      <c r="A74" s="14">
        <v>57</v>
      </c>
      <c r="B74" s="15">
        <v>102</v>
      </c>
      <c r="C74" s="16">
        <v>101</v>
      </c>
      <c r="D74" s="17">
        <v>203</v>
      </c>
    </row>
    <row r="75" spans="1:4" ht="18" customHeight="1" x14ac:dyDescent="0.2">
      <c r="A75" s="14">
        <v>58</v>
      </c>
      <c r="B75" s="15">
        <v>91</v>
      </c>
      <c r="C75" s="16">
        <v>93</v>
      </c>
      <c r="D75" s="17">
        <v>184</v>
      </c>
    </row>
    <row r="76" spans="1:4" ht="18" customHeight="1" x14ac:dyDescent="0.2">
      <c r="A76" s="14">
        <v>59</v>
      </c>
      <c r="B76" s="15">
        <v>98</v>
      </c>
      <c r="C76" s="16">
        <v>81</v>
      </c>
      <c r="D76" s="17">
        <v>179</v>
      </c>
    </row>
    <row r="77" spans="1:4" ht="18" customHeight="1" x14ac:dyDescent="0.2">
      <c r="A77" s="18" t="s">
        <v>60</v>
      </c>
      <c r="B77" s="15">
        <v>493</v>
      </c>
      <c r="C77" s="16">
        <v>493</v>
      </c>
      <c r="D77" s="17">
        <v>986</v>
      </c>
    </row>
    <row r="78" spans="1:4" ht="18" customHeight="1" x14ac:dyDescent="0.2">
      <c r="A78" s="14">
        <v>60</v>
      </c>
      <c r="B78" s="15">
        <v>89</v>
      </c>
      <c r="C78" s="16">
        <v>88</v>
      </c>
      <c r="D78" s="17">
        <v>177</v>
      </c>
    </row>
    <row r="79" spans="1:4" ht="18" customHeight="1" x14ac:dyDescent="0.2">
      <c r="A79" s="14">
        <v>61</v>
      </c>
      <c r="B79" s="15">
        <v>81</v>
      </c>
      <c r="C79" s="16">
        <v>84</v>
      </c>
      <c r="D79" s="17">
        <v>165</v>
      </c>
    </row>
    <row r="80" spans="1:4" ht="18" customHeight="1" x14ac:dyDescent="0.2">
      <c r="A80" s="14">
        <v>62</v>
      </c>
      <c r="B80" s="15">
        <v>90</v>
      </c>
      <c r="C80" s="16">
        <v>96</v>
      </c>
      <c r="D80" s="17">
        <v>186</v>
      </c>
    </row>
    <row r="81" spans="1:4" ht="18" customHeight="1" x14ac:dyDescent="0.2">
      <c r="A81" s="14">
        <v>63</v>
      </c>
      <c r="B81" s="15">
        <v>85</v>
      </c>
      <c r="C81" s="16">
        <v>99</v>
      </c>
      <c r="D81" s="17">
        <v>184</v>
      </c>
    </row>
    <row r="82" spans="1:4" ht="18" customHeight="1" x14ac:dyDescent="0.2">
      <c r="A82" s="14">
        <v>64</v>
      </c>
      <c r="B82" s="15">
        <v>111</v>
      </c>
      <c r="C82" s="16">
        <v>105</v>
      </c>
      <c r="D82" s="17">
        <v>216</v>
      </c>
    </row>
    <row r="83" spans="1:4" ht="18" customHeight="1" x14ac:dyDescent="0.2">
      <c r="A83" s="18" t="s">
        <v>61</v>
      </c>
      <c r="B83" s="15">
        <v>456</v>
      </c>
      <c r="C83" s="16">
        <v>472</v>
      </c>
      <c r="D83" s="17">
        <v>928</v>
      </c>
    </row>
    <row r="84" spans="1:4" ht="18" customHeight="1" x14ac:dyDescent="0.2">
      <c r="A84" s="18" t="s">
        <v>62</v>
      </c>
      <c r="B84" s="15">
        <v>4645</v>
      </c>
      <c r="C84" s="16">
        <v>4453</v>
      </c>
      <c r="D84" s="17">
        <v>9098</v>
      </c>
    </row>
    <row r="85" spans="1:4" ht="18" customHeight="1" x14ac:dyDescent="0.2">
      <c r="A85" s="14">
        <v>65</v>
      </c>
      <c r="B85" s="15">
        <v>84</v>
      </c>
      <c r="C85" s="16">
        <v>83</v>
      </c>
      <c r="D85" s="17">
        <v>167</v>
      </c>
    </row>
    <row r="86" spans="1:4" ht="18" customHeight="1" x14ac:dyDescent="0.2">
      <c r="A86" s="14">
        <v>66</v>
      </c>
      <c r="B86" s="15">
        <v>97</v>
      </c>
      <c r="C86" s="16">
        <v>119</v>
      </c>
      <c r="D86" s="17">
        <v>216</v>
      </c>
    </row>
    <row r="87" spans="1:4" ht="18" customHeight="1" x14ac:dyDescent="0.2">
      <c r="A87" s="14">
        <v>67</v>
      </c>
      <c r="B87" s="15">
        <v>109</v>
      </c>
      <c r="C87" s="16">
        <v>119</v>
      </c>
      <c r="D87" s="17">
        <v>228</v>
      </c>
    </row>
    <row r="88" spans="1:4" ht="18" customHeight="1" x14ac:dyDescent="0.2">
      <c r="A88" s="14">
        <v>68</v>
      </c>
      <c r="B88" s="15">
        <v>109</v>
      </c>
      <c r="C88" s="16">
        <v>114</v>
      </c>
      <c r="D88" s="17">
        <v>223</v>
      </c>
    </row>
    <row r="89" spans="1:4" ht="18" customHeight="1" x14ac:dyDescent="0.2">
      <c r="A89" s="14">
        <v>69</v>
      </c>
      <c r="B89" s="15">
        <v>104</v>
      </c>
      <c r="C89" s="16">
        <v>150</v>
      </c>
      <c r="D89" s="17">
        <v>254</v>
      </c>
    </row>
    <row r="90" spans="1:4" ht="18" customHeight="1" x14ac:dyDescent="0.2">
      <c r="A90" s="18" t="s">
        <v>63</v>
      </c>
      <c r="B90" s="15">
        <v>503</v>
      </c>
      <c r="C90" s="16">
        <v>585</v>
      </c>
      <c r="D90" s="17">
        <v>1088</v>
      </c>
    </row>
    <row r="91" spans="1:4" ht="18" customHeight="1" x14ac:dyDescent="0.2">
      <c r="A91" s="14">
        <v>70</v>
      </c>
      <c r="B91" s="15">
        <v>139</v>
      </c>
      <c r="C91" s="16">
        <v>126</v>
      </c>
      <c r="D91" s="17">
        <v>265</v>
      </c>
    </row>
    <row r="92" spans="1:4" ht="18" customHeight="1" x14ac:dyDescent="0.2">
      <c r="A92" s="14">
        <v>71</v>
      </c>
      <c r="B92" s="15">
        <v>130</v>
      </c>
      <c r="C92" s="16">
        <v>147</v>
      </c>
      <c r="D92" s="17">
        <v>277</v>
      </c>
    </row>
    <row r="93" spans="1:4" ht="18" customHeight="1" x14ac:dyDescent="0.2">
      <c r="A93" s="14">
        <v>72</v>
      </c>
      <c r="B93" s="15">
        <v>129</v>
      </c>
      <c r="C93" s="16">
        <v>138</v>
      </c>
      <c r="D93" s="17">
        <v>267</v>
      </c>
    </row>
    <row r="94" spans="1:4" ht="18" customHeight="1" x14ac:dyDescent="0.2">
      <c r="A94" s="14">
        <v>73</v>
      </c>
      <c r="B94" s="15">
        <v>69</v>
      </c>
      <c r="C94" s="16">
        <v>84</v>
      </c>
      <c r="D94" s="17">
        <v>153</v>
      </c>
    </row>
    <row r="95" spans="1:4" ht="18" customHeight="1" x14ac:dyDescent="0.2">
      <c r="A95" s="14">
        <v>74</v>
      </c>
      <c r="B95" s="15">
        <v>67</v>
      </c>
      <c r="C95" s="16">
        <v>88</v>
      </c>
      <c r="D95" s="17">
        <v>155</v>
      </c>
    </row>
    <row r="96" spans="1:4" ht="18" customHeight="1" x14ac:dyDescent="0.2">
      <c r="A96" s="18" t="s">
        <v>64</v>
      </c>
      <c r="B96" s="15">
        <v>534</v>
      </c>
      <c r="C96" s="16">
        <v>583</v>
      </c>
      <c r="D96" s="17">
        <v>1117</v>
      </c>
    </row>
    <row r="97" spans="1:4" ht="18" customHeight="1" x14ac:dyDescent="0.2">
      <c r="A97" s="14">
        <v>75</v>
      </c>
      <c r="B97" s="15">
        <v>93</v>
      </c>
      <c r="C97" s="16">
        <v>118</v>
      </c>
      <c r="D97" s="17">
        <v>211</v>
      </c>
    </row>
    <row r="98" spans="1:4" ht="18" customHeight="1" x14ac:dyDescent="0.2">
      <c r="A98" s="14">
        <v>76</v>
      </c>
      <c r="B98" s="15">
        <v>79</v>
      </c>
      <c r="C98" s="16">
        <v>114</v>
      </c>
      <c r="D98" s="17">
        <v>193</v>
      </c>
    </row>
    <row r="99" spans="1:4" ht="18" customHeight="1" x14ac:dyDescent="0.2">
      <c r="A99" s="14">
        <v>77</v>
      </c>
      <c r="B99" s="15">
        <v>89</v>
      </c>
      <c r="C99" s="16">
        <v>102</v>
      </c>
      <c r="D99" s="17">
        <v>191</v>
      </c>
    </row>
    <row r="100" spans="1:4" ht="18" customHeight="1" x14ac:dyDescent="0.2">
      <c r="A100" s="14">
        <v>78</v>
      </c>
      <c r="B100" s="15">
        <v>79</v>
      </c>
      <c r="C100" s="16">
        <v>73</v>
      </c>
      <c r="D100" s="17">
        <v>152</v>
      </c>
    </row>
    <row r="101" spans="1:4" ht="18" customHeight="1" x14ac:dyDescent="0.2">
      <c r="A101" s="14">
        <v>79</v>
      </c>
      <c r="B101" s="15">
        <v>81</v>
      </c>
      <c r="C101" s="16">
        <v>87</v>
      </c>
      <c r="D101" s="17">
        <v>168</v>
      </c>
    </row>
    <row r="102" spans="1:4" ht="18" customHeight="1" x14ac:dyDescent="0.2">
      <c r="A102" s="18" t="s">
        <v>65</v>
      </c>
      <c r="B102" s="15">
        <v>421</v>
      </c>
      <c r="C102" s="16">
        <v>494</v>
      </c>
      <c r="D102" s="17">
        <v>915</v>
      </c>
    </row>
    <row r="103" spans="1:4" ht="18" customHeight="1" x14ac:dyDescent="0.2">
      <c r="A103" s="14">
        <v>80</v>
      </c>
      <c r="B103" s="15">
        <v>62</v>
      </c>
      <c r="C103" s="16">
        <v>70</v>
      </c>
      <c r="D103" s="17">
        <v>132</v>
      </c>
    </row>
    <row r="104" spans="1:4" ht="18" customHeight="1" x14ac:dyDescent="0.2">
      <c r="A104" s="14">
        <v>81</v>
      </c>
      <c r="B104" s="15">
        <v>50</v>
      </c>
      <c r="C104" s="16">
        <v>81</v>
      </c>
      <c r="D104" s="17">
        <v>131</v>
      </c>
    </row>
    <row r="105" spans="1:4" ht="18" customHeight="1" x14ac:dyDescent="0.2">
      <c r="A105" s="14">
        <v>82</v>
      </c>
      <c r="B105" s="15">
        <v>47</v>
      </c>
      <c r="C105" s="16">
        <v>86</v>
      </c>
      <c r="D105" s="17">
        <v>133</v>
      </c>
    </row>
    <row r="106" spans="1:4" ht="18" customHeight="1" x14ac:dyDescent="0.2">
      <c r="A106" s="14">
        <v>83</v>
      </c>
      <c r="B106" s="15">
        <v>63</v>
      </c>
      <c r="C106" s="16">
        <v>70</v>
      </c>
      <c r="D106" s="17">
        <v>133</v>
      </c>
    </row>
    <row r="107" spans="1:4" ht="18" customHeight="1" x14ac:dyDescent="0.2">
      <c r="A107" s="14">
        <v>84</v>
      </c>
      <c r="B107" s="15">
        <v>35</v>
      </c>
      <c r="C107" s="16">
        <v>47</v>
      </c>
      <c r="D107" s="17">
        <v>82</v>
      </c>
    </row>
    <row r="108" spans="1:4" ht="18" customHeight="1" x14ac:dyDescent="0.2">
      <c r="A108" s="18" t="s">
        <v>66</v>
      </c>
      <c r="B108" s="15">
        <v>257</v>
      </c>
      <c r="C108" s="16">
        <v>354</v>
      </c>
      <c r="D108" s="17">
        <v>611</v>
      </c>
    </row>
    <row r="109" spans="1:4" ht="18" customHeight="1" x14ac:dyDescent="0.2">
      <c r="A109" s="14">
        <v>85</v>
      </c>
      <c r="B109" s="15">
        <v>29</v>
      </c>
      <c r="C109" s="16">
        <v>59</v>
      </c>
      <c r="D109" s="17">
        <v>88</v>
      </c>
    </row>
    <row r="110" spans="1:4" ht="18" customHeight="1" x14ac:dyDescent="0.2">
      <c r="A110" s="14">
        <v>86</v>
      </c>
      <c r="B110" s="15">
        <v>34</v>
      </c>
      <c r="C110" s="16">
        <v>47</v>
      </c>
      <c r="D110" s="17">
        <v>81</v>
      </c>
    </row>
    <row r="111" spans="1:4" ht="18" customHeight="1" x14ac:dyDescent="0.2">
      <c r="A111" s="14">
        <v>87</v>
      </c>
      <c r="B111" s="15">
        <v>17</v>
      </c>
      <c r="C111" s="16">
        <v>55</v>
      </c>
      <c r="D111" s="17">
        <v>72</v>
      </c>
    </row>
    <row r="112" spans="1:4" ht="18" customHeight="1" x14ac:dyDescent="0.2">
      <c r="A112" s="14">
        <v>88</v>
      </c>
      <c r="B112" s="15">
        <v>27</v>
      </c>
      <c r="C112" s="16">
        <v>40</v>
      </c>
      <c r="D112" s="17">
        <v>67</v>
      </c>
    </row>
    <row r="113" spans="1:4" ht="18" customHeight="1" x14ac:dyDescent="0.2">
      <c r="A113" s="14">
        <v>89</v>
      </c>
      <c r="B113" s="15">
        <v>16</v>
      </c>
      <c r="C113" s="16">
        <v>32</v>
      </c>
      <c r="D113" s="17">
        <v>48</v>
      </c>
    </row>
    <row r="114" spans="1:4" ht="18" customHeight="1" x14ac:dyDescent="0.2">
      <c r="A114" s="18" t="s">
        <v>67</v>
      </c>
      <c r="B114" s="15">
        <v>123</v>
      </c>
      <c r="C114" s="16">
        <v>233</v>
      </c>
      <c r="D114" s="17">
        <v>356</v>
      </c>
    </row>
    <row r="115" spans="1:4" ht="18" customHeight="1" x14ac:dyDescent="0.2">
      <c r="A115" s="14">
        <v>90</v>
      </c>
      <c r="B115" s="15">
        <v>16</v>
      </c>
      <c r="C115" s="16">
        <v>51</v>
      </c>
      <c r="D115" s="17">
        <v>67</v>
      </c>
    </row>
    <row r="116" spans="1:4" ht="18" customHeight="1" x14ac:dyDescent="0.2">
      <c r="A116" s="14">
        <v>91</v>
      </c>
      <c r="B116" s="15">
        <v>11</v>
      </c>
      <c r="C116" s="16">
        <v>38</v>
      </c>
      <c r="D116" s="17">
        <v>49</v>
      </c>
    </row>
    <row r="117" spans="1:4" ht="18" customHeight="1" x14ac:dyDescent="0.2">
      <c r="A117" s="14">
        <v>92</v>
      </c>
      <c r="B117" s="15">
        <v>8</v>
      </c>
      <c r="C117" s="16">
        <v>30</v>
      </c>
      <c r="D117" s="17">
        <v>38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5</v>
      </c>
      <c r="C119" s="16">
        <v>23</v>
      </c>
      <c r="D119" s="17">
        <v>28</v>
      </c>
    </row>
    <row r="120" spans="1:4" ht="18" customHeight="1" x14ac:dyDescent="0.2">
      <c r="A120" s="18" t="s">
        <v>68</v>
      </c>
      <c r="B120" s="15">
        <v>45</v>
      </c>
      <c r="C120" s="16">
        <v>158</v>
      </c>
      <c r="D120" s="17">
        <v>203</v>
      </c>
    </row>
    <row r="121" spans="1:4" ht="18" customHeight="1" x14ac:dyDescent="0.2">
      <c r="A121" s="14">
        <v>95</v>
      </c>
      <c r="B121" s="15">
        <v>2</v>
      </c>
      <c r="C121" s="16">
        <v>17</v>
      </c>
      <c r="D121" s="17">
        <v>19</v>
      </c>
    </row>
    <row r="122" spans="1:4" ht="18" customHeight="1" x14ac:dyDescent="0.2">
      <c r="A122" s="14">
        <v>96</v>
      </c>
      <c r="B122" s="15">
        <v>2</v>
      </c>
      <c r="C122" s="16">
        <v>13</v>
      </c>
      <c r="D122" s="17">
        <v>15</v>
      </c>
    </row>
    <row r="123" spans="1:4" ht="18" customHeight="1" x14ac:dyDescent="0.2">
      <c r="A123" s="14">
        <v>97</v>
      </c>
      <c r="B123" s="15">
        <v>0</v>
      </c>
      <c r="C123" s="16">
        <v>12</v>
      </c>
      <c r="D123" s="17">
        <v>12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1</v>
      </c>
      <c r="C125" s="16">
        <v>7</v>
      </c>
      <c r="D125" s="17">
        <v>8</v>
      </c>
    </row>
    <row r="126" spans="1:4" ht="18" customHeight="1" x14ac:dyDescent="0.2">
      <c r="A126" s="18" t="s">
        <v>69</v>
      </c>
      <c r="B126" s="15">
        <v>5</v>
      </c>
      <c r="C126" s="16">
        <v>55</v>
      </c>
      <c r="D126" s="17">
        <v>60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2</v>
      </c>
      <c r="C128" s="16">
        <v>7</v>
      </c>
      <c r="D128" s="17">
        <v>9</v>
      </c>
    </row>
    <row r="129" spans="1:4" ht="18" customHeight="1" x14ac:dyDescent="0.2">
      <c r="A129" s="18" t="s">
        <v>71</v>
      </c>
      <c r="B129" s="15">
        <v>2</v>
      </c>
      <c r="C129" s="16">
        <v>11</v>
      </c>
      <c r="D129" s="17">
        <v>13</v>
      </c>
    </row>
    <row r="130" spans="1:4" ht="18" customHeight="1" x14ac:dyDescent="0.2">
      <c r="A130" s="18" t="s">
        <v>72</v>
      </c>
      <c r="B130" s="4">
        <v>1890</v>
      </c>
      <c r="C130" s="5">
        <v>2473</v>
      </c>
      <c r="D130" s="6">
        <v>4363</v>
      </c>
    </row>
    <row r="131" spans="1:4" ht="18" customHeight="1" x14ac:dyDescent="0.2">
      <c r="A131" s="20" t="s">
        <v>47</v>
      </c>
      <c r="B131" s="7">
        <v>7522</v>
      </c>
      <c r="C131" s="8">
        <v>7863</v>
      </c>
      <c r="D131" s="9">
        <v>1538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48</v>
      </c>
      <c r="D5" s="13">
        <v>94</v>
      </c>
    </row>
    <row r="6" spans="1:4" ht="18" customHeight="1" x14ac:dyDescent="0.2">
      <c r="A6" s="14">
        <v>1</v>
      </c>
      <c r="B6" s="15">
        <v>41</v>
      </c>
      <c r="C6" s="16">
        <v>53</v>
      </c>
      <c r="D6" s="17">
        <v>94</v>
      </c>
    </row>
    <row r="7" spans="1:4" ht="18" customHeight="1" x14ac:dyDescent="0.2">
      <c r="A7" s="14">
        <v>2</v>
      </c>
      <c r="B7" s="15">
        <v>51</v>
      </c>
      <c r="C7" s="16">
        <v>39</v>
      </c>
      <c r="D7" s="17">
        <v>90</v>
      </c>
    </row>
    <row r="8" spans="1:4" ht="18" customHeight="1" x14ac:dyDescent="0.2">
      <c r="A8" s="14">
        <v>3</v>
      </c>
      <c r="B8" s="15">
        <v>40</v>
      </c>
      <c r="C8" s="16">
        <v>40</v>
      </c>
      <c r="D8" s="17">
        <v>80</v>
      </c>
    </row>
    <row r="9" spans="1:4" ht="18" customHeight="1" x14ac:dyDescent="0.2">
      <c r="A9" s="14">
        <v>4</v>
      </c>
      <c r="B9" s="15">
        <v>37</v>
      </c>
      <c r="C9" s="16">
        <v>36</v>
      </c>
      <c r="D9" s="17">
        <v>73</v>
      </c>
    </row>
    <row r="10" spans="1:4" ht="18" customHeight="1" x14ac:dyDescent="0.2">
      <c r="A10" s="18" t="s">
        <v>48</v>
      </c>
      <c r="B10" s="15">
        <v>215</v>
      </c>
      <c r="C10" s="16">
        <v>216</v>
      </c>
      <c r="D10" s="17">
        <v>431</v>
      </c>
    </row>
    <row r="11" spans="1:4" ht="18" customHeight="1" x14ac:dyDescent="0.2">
      <c r="A11" s="14">
        <v>5</v>
      </c>
      <c r="B11" s="15">
        <v>29</v>
      </c>
      <c r="C11" s="16">
        <v>31</v>
      </c>
      <c r="D11" s="17">
        <v>60</v>
      </c>
    </row>
    <row r="12" spans="1:4" ht="18" customHeight="1" x14ac:dyDescent="0.2">
      <c r="A12" s="14">
        <v>6</v>
      </c>
      <c r="B12" s="15">
        <v>34</v>
      </c>
      <c r="C12" s="16">
        <v>29</v>
      </c>
      <c r="D12" s="17">
        <v>63</v>
      </c>
    </row>
    <row r="13" spans="1:4" ht="18" customHeight="1" x14ac:dyDescent="0.2">
      <c r="A13" s="14">
        <v>7</v>
      </c>
      <c r="B13" s="15">
        <v>22</v>
      </c>
      <c r="C13" s="16">
        <v>38</v>
      </c>
      <c r="D13" s="17">
        <v>60</v>
      </c>
    </row>
    <row r="14" spans="1:4" ht="18" customHeight="1" x14ac:dyDescent="0.2">
      <c r="A14" s="14">
        <v>8</v>
      </c>
      <c r="B14" s="15">
        <v>27</v>
      </c>
      <c r="C14" s="16">
        <v>30</v>
      </c>
      <c r="D14" s="17">
        <v>57</v>
      </c>
    </row>
    <row r="15" spans="1:4" ht="18" customHeight="1" x14ac:dyDescent="0.2">
      <c r="A15" s="14">
        <v>9</v>
      </c>
      <c r="B15" s="15">
        <v>38</v>
      </c>
      <c r="C15" s="16">
        <v>28</v>
      </c>
      <c r="D15" s="17">
        <v>66</v>
      </c>
    </row>
    <row r="16" spans="1:4" ht="18" customHeight="1" x14ac:dyDescent="0.2">
      <c r="A16" s="18" t="s">
        <v>49</v>
      </c>
      <c r="B16" s="15">
        <v>150</v>
      </c>
      <c r="C16" s="16">
        <v>156</v>
      </c>
      <c r="D16" s="17">
        <v>306</v>
      </c>
    </row>
    <row r="17" spans="1:4" ht="18" customHeight="1" x14ac:dyDescent="0.2">
      <c r="A17" s="14">
        <v>10</v>
      </c>
      <c r="B17" s="15">
        <v>36</v>
      </c>
      <c r="C17" s="16">
        <v>34</v>
      </c>
      <c r="D17" s="17">
        <v>70</v>
      </c>
    </row>
    <row r="18" spans="1:4" ht="18" customHeight="1" x14ac:dyDescent="0.2">
      <c r="A18" s="14">
        <v>11</v>
      </c>
      <c r="B18" s="15">
        <v>38</v>
      </c>
      <c r="C18" s="16">
        <v>50</v>
      </c>
      <c r="D18" s="17">
        <v>88</v>
      </c>
    </row>
    <row r="19" spans="1:4" ht="18" customHeight="1" x14ac:dyDescent="0.2">
      <c r="A19" s="14">
        <v>12</v>
      </c>
      <c r="B19" s="15">
        <v>37</v>
      </c>
      <c r="C19" s="16">
        <v>43</v>
      </c>
      <c r="D19" s="17">
        <v>80</v>
      </c>
    </row>
    <row r="20" spans="1:4" ht="18" customHeight="1" x14ac:dyDescent="0.2">
      <c r="A20" s="14">
        <v>13</v>
      </c>
      <c r="B20" s="15">
        <v>28</v>
      </c>
      <c r="C20" s="16">
        <v>42</v>
      </c>
      <c r="D20" s="17">
        <v>70</v>
      </c>
    </row>
    <row r="21" spans="1:4" ht="18" customHeight="1" x14ac:dyDescent="0.2">
      <c r="A21" s="14">
        <v>14</v>
      </c>
      <c r="B21" s="15">
        <v>36</v>
      </c>
      <c r="C21" s="16">
        <v>42</v>
      </c>
      <c r="D21" s="17">
        <v>78</v>
      </c>
    </row>
    <row r="22" spans="1:4" ht="18" customHeight="1" x14ac:dyDescent="0.2">
      <c r="A22" s="18" t="s">
        <v>50</v>
      </c>
      <c r="B22" s="15">
        <v>175</v>
      </c>
      <c r="C22" s="16">
        <v>211</v>
      </c>
      <c r="D22" s="17">
        <v>386</v>
      </c>
    </row>
    <row r="23" spans="1:4" ht="18" customHeight="1" x14ac:dyDescent="0.2">
      <c r="A23" s="18" t="s">
        <v>51</v>
      </c>
      <c r="B23" s="15">
        <v>540</v>
      </c>
      <c r="C23" s="16">
        <v>583</v>
      </c>
      <c r="D23" s="17">
        <v>1123</v>
      </c>
    </row>
    <row r="24" spans="1:4" ht="18" customHeight="1" x14ac:dyDescent="0.2">
      <c r="A24" s="14">
        <v>15</v>
      </c>
      <c r="B24" s="15">
        <v>39</v>
      </c>
      <c r="C24" s="16">
        <v>42</v>
      </c>
      <c r="D24" s="17">
        <v>81</v>
      </c>
    </row>
    <row r="25" spans="1:4" ht="18" customHeight="1" x14ac:dyDescent="0.2">
      <c r="A25" s="14">
        <v>16</v>
      </c>
      <c r="B25" s="15">
        <v>38</v>
      </c>
      <c r="C25" s="16">
        <v>35</v>
      </c>
      <c r="D25" s="17">
        <v>73</v>
      </c>
    </row>
    <row r="26" spans="1:4" ht="18" customHeight="1" x14ac:dyDescent="0.2">
      <c r="A26" s="14">
        <v>17</v>
      </c>
      <c r="B26" s="15">
        <v>32</v>
      </c>
      <c r="C26" s="16">
        <v>41</v>
      </c>
      <c r="D26" s="17">
        <v>73</v>
      </c>
    </row>
    <row r="27" spans="1:4" ht="18" customHeight="1" x14ac:dyDescent="0.2">
      <c r="A27" s="14">
        <v>18</v>
      </c>
      <c r="B27" s="15">
        <v>44</v>
      </c>
      <c r="C27" s="16">
        <v>43</v>
      </c>
      <c r="D27" s="17">
        <v>87</v>
      </c>
    </row>
    <row r="28" spans="1:4" ht="18" customHeight="1" x14ac:dyDescent="0.2">
      <c r="A28" s="14">
        <v>19</v>
      </c>
      <c r="B28" s="15">
        <v>52</v>
      </c>
      <c r="C28" s="16">
        <v>36</v>
      </c>
      <c r="D28" s="17">
        <v>88</v>
      </c>
    </row>
    <row r="29" spans="1:4" ht="18" customHeight="1" x14ac:dyDescent="0.2">
      <c r="A29" s="18" t="s">
        <v>52</v>
      </c>
      <c r="B29" s="15">
        <v>205</v>
      </c>
      <c r="C29" s="16">
        <v>197</v>
      </c>
      <c r="D29" s="17">
        <v>402</v>
      </c>
    </row>
    <row r="30" spans="1:4" ht="18" customHeight="1" x14ac:dyDescent="0.2">
      <c r="A30" s="14">
        <v>20</v>
      </c>
      <c r="B30" s="15">
        <v>40</v>
      </c>
      <c r="C30" s="16">
        <v>53</v>
      </c>
      <c r="D30" s="17">
        <v>93</v>
      </c>
    </row>
    <row r="31" spans="1:4" ht="18" customHeight="1" x14ac:dyDescent="0.2">
      <c r="A31" s="14">
        <v>21</v>
      </c>
      <c r="B31" s="15">
        <v>49</v>
      </c>
      <c r="C31" s="16">
        <v>45</v>
      </c>
      <c r="D31" s="17">
        <v>94</v>
      </c>
    </row>
    <row r="32" spans="1:4" ht="18" customHeight="1" x14ac:dyDescent="0.2">
      <c r="A32" s="14">
        <v>22</v>
      </c>
      <c r="B32" s="15">
        <v>41</v>
      </c>
      <c r="C32" s="16">
        <v>48</v>
      </c>
      <c r="D32" s="17">
        <v>89</v>
      </c>
    </row>
    <row r="33" spans="1:4" ht="18" customHeight="1" x14ac:dyDescent="0.2">
      <c r="A33" s="14">
        <v>23</v>
      </c>
      <c r="B33" s="15">
        <v>56</v>
      </c>
      <c r="C33" s="16">
        <v>53</v>
      </c>
      <c r="D33" s="17">
        <v>109</v>
      </c>
    </row>
    <row r="34" spans="1:4" ht="18" customHeight="1" x14ac:dyDescent="0.2">
      <c r="A34" s="14">
        <v>24</v>
      </c>
      <c r="B34" s="15">
        <v>55</v>
      </c>
      <c r="C34" s="16">
        <v>53</v>
      </c>
      <c r="D34" s="17">
        <v>108</v>
      </c>
    </row>
    <row r="35" spans="1:4" ht="18" customHeight="1" x14ac:dyDescent="0.2">
      <c r="A35" s="18" t="s">
        <v>53</v>
      </c>
      <c r="B35" s="15">
        <v>241</v>
      </c>
      <c r="C35" s="16">
        <v>252</v>
      </c>
      <c r="D35" s="17">
        <v>493</v>
      </c>
    </row>
    <row r="36" spans="1:4" ht="18" customHeight="1" x14ac:dyDescent="0.2">
      <c r="A36" s="14">
        <v>25</v>
      </c>
      <c r="B36" s="15">
        <v>64</v>
      </c>
      <c r="C36" s="16">
        <v>52</v>
      </c>
      <c r="D36" s="17">
        <v>116</v>
      </c>
    </row>
    <row r="37" spans="1:4" ht="18" customHeight="1" x14ac:dyDescent="0.2">
      <c r="A37" s="14">
        <v>26</v>
      </c>
      <c r="B37" s="15">
        <v>49</v>
      </c>
      <c r="C37" s="16">
        <v>60</v>
      </c>
      <c r="D37" s="17">
        <v>109</v>
      </c>
    </row>
    <row r="38" spans="1:4" ht="18" customHeight="1" x14ac:dyDescent="0.2">
      <c r="A38" s="14">
        <v>27</v>
      </c>
      <c r="B38" s="15">
        <v>59</v>
      </c>
      <c r="C38" s="16">
        <v>57</v>
      </c>
      <c r="D38" s="17">
        <v>116</v>
      </c>
    </row>
    <row r="39" spans="1:4" ht="18" customHeight="1" x14ac:dyDescent="0.2">
      <c r="A39" s="14">
        <v>28</v>
      </c>
      <c r="B39" s="15">
        <v>41</v>
      </c>
      <c r="C39" s="16">
        <v>59</v>
      </c>
      <c r="D39" s="17">
        <v>100</v>
      </c>
    </row>
    <row r="40" spans="1:4" ht="18" customHeight="1" x14ac:dyDescent="0.2">
      <c r="A40" s="14">
        <v>29</v>
      </c>
      <c r="B40" s="15">
        <v>68</v>
      </c>
      <c r="C40" s="16">
        <v>62</v>
      </c>
      <c r="D40" s="17">
        <v>130</v>
      </c>
    </row>
    <row r="41" spans="1:4" ht="18" customHeight="1" x14ac:dyDescent="0.2">
      <c r="A41" s="18" t="s">
        <v>54</v>
      </c>
      <c r="B41" s="15">
        <v>281</v>
      </c>
      <c r="C41" s="16">
        <v>290</v>
      </c>
      <c r="D41" s="17">
        <v>571</v>
      </c>
    </row>
    <row r="42" spans="1:4" ht="18" customHeight="1" x14ac:dyDescent="0.2">
      <c r="A42" s="14">
        <v>30</v>
      </c>
      <c r="B42" s="15">
        <v>57</v>
      </c>
      <c r="C42" s="16">
        <v>61</v>
      </c>
      <c r="D42" s="17">
        <v>118</v>
      </c>
    </row>
    <row r="43" spans="1:4" ht="18" customHeight="1" x14ac:dyDescent="0.2">
      <c r="A43" s="14">
        <v>31</v>
      </c>
      <c r="B43" s="15">
        <v>77</v>
      </c>
      <c r="C43" s="16">
        <v>58</v>
      </c>
      <c r="D43" s="17">
        <v>135</v>
      </c>
    </row>
    <row r="44" spans="1:4" ht="18" customHeight="1" x14ac:dyDescent="0.2">
      <c r="A44" s="14">
        <v>32</v>
      </c>
      <c r="B44" s="15">
        <v>48</v>
      </c>
      <c r="C44" s="16">
        <v>54</v>
      </c>
      <c r="D44" s="17">
        <v>102</v>
      </c>
    </row>
    <row r="45" spans="1:4" ht="18" customHeight="1" x14ac:dyDescent="0.2">
      <c r="A45" s="14">
        <v>33</v>
      </c>
      <c r="B45" s="15">
        <v>69</v>
      </c>
      <c r="C45" s="16">
        <v>61</v>
      </c>
      <c r="D45" s="17">
        <v>130</v>
      </c>
    </row>
    <row r="46" spans="1:4" ht="18" customHeight="1" x14ac:dyDescent="0.2">
      <c r="A46" s="14">
        <v>34</v>
      </c>
      <c r="B46" s="15">
        <v>65</v>
      </c>
      <c r="C46" s="16">
        <v>55</v>
      </c>
      <c r="D46" s="17">
        <v>120</v>
      </c>
    </row>
    <row r="47" spans="1:4" ht="18" customHeight="1" x14ac:dyDescent="0.2">
      <c r="A47" s="18" t="s">
        <v>55</v>
      </c>
      <c r="B47" s="15">
        <v>316</v>
      </c>
      <c r="C47" s="16">
        <v>289</v>
      </c>
      <c r="D47" s="17">
        <v>605</v>
      </c>
    </row>
    <row r="48" spans="1:4" ht="18" customHeight="1" x14ac:dyDescent="0.2">
      <c r="A48" s="14">
        <v>35</v>
      </c>
      <c r="B48" s="15">
        <v>66</v>
      </c>
      <c r="C48" s="16">
        <v>57</v>
      </c>
      <c r="D48" s="17">
        <v>123</v>
      </c>
    </row>
    <row r="49" spans="1:4" ht="18" customHeight="1" x14ac:dyDescent="0.2">
      <c r="A49" s="14">
        <v>36</v>
      </c>
      <c r="B49" s="15">
        <v>59</v>
      </c>
      <c r="C49" s="16">
        <v>55</v>
      </c>
      <c r="D49" s="17">
        <v>114</v>
      </c>
    </row>
    <row r="50" spans="1:4" ht="18" customHeight="1" x14ac:dyDescent="0.2">
      <c r="A50" s="14">
        <v>37</v>
      </c>
      <c r="B50" s="15">
        <v>58</v>
      </c>
      <c r="C50" s="16">
        <v>60</v>
      </c>
      <c r="D50" s="17">
        <v>118</v>
      </c>
    </row>
    <row r="51" spans="1:4" ht="18" customHeight="1" x14ac:dyDescent="0.2">
      <c r="A51" s="14">
        <v>38</v>
      </c>
      <c r="B51" s="15">
        <v>57</v>
      </c>
      <c r="C51" s="16">
        <v>56</v>
      </c>
      <c r="D51" s="17">
        <v>113</v>
      </c>
    </row>
    <row r="52" spans="1:4" ht="18" customHeight="1" x14ac:dyDescent="0.2">
      <c r="A52" s="14">
        <v>39</v>
      </c>
      <c r="B52" s="15">
        <v>53</v>
      </c>
      <c r="C52" s="16">
        <v>56</v>
      </c>
      <c r="D52" s="17">
        <v>109</v>
      </c>
    </row>
    <row r="53" spans="1:4" ht="18" customHeight="1" x14ac:dyDescent="0.2">
      <c r="A53" s="18" t="s">
        <v>56</v>
      </c>
      <c r="B53" s="15">
        <v>293</v>
      </c>
      <c r="C53" s="16">
        <v>284</v>
      </c>
      <c r="D53" s="17">
        <v>577</v>
      </c>
    </row>
    <row r="54" spans="1:4" ht="18" customHeight="1" x14ac:dyDescent="0.2">
      <c r="A54" s="14">
        <v>40</v>
      </c>
      <c r="B54" s="15">
        <v>72</v>
      </c>
      <c r="C54" s="16">
        <v>57</v>
      </c>
      <c r="D54" s="17">
        <v>129</v>
      </c>
    </row>
    <row r="55" spans="1:4" ht="18" customHeight="1" x14ac:dyDescent="0.2">
      <c r="A55" s="14">
        <v>41</v>
      </c>
      <c r="B55" s="15">
        <v>63</v>
      </c>
      <c r="C55" s="16">
        <v>56</v>
      </c>
      <c r="D55" s="17">
        <v>119</v>
      </c>
    </row>
    <row r="56" spans="1:4" ht="18" customHeight="1" x14ac:dyDescent="0.2">
      <c r="A56" s="14">
        <v>42</v>
      </c>
      <c r="B56" s="15">
        <v>80</v>
      </c>
      <c r="C56" s="16">
        <v>63</v>
      </c>
      <c r="D56" s="17">
        <v>143</v>
      </c>
    </row>
    <row r="57" spans="1:4" ht="18" customHeight="1" x14ac:dyDescent="0.2">
      <c r="A57" s="14">
        <v>43</v>
      </c>
      <c r="B57" s="15">
        <v>74</v>
      </c>
      <c r="C57" s="16">
        <v>62</v>
      </c>
      <c r="D57" s="17">
        <v>136</v>
      </c>
    </row>
    <row r="58" spans="1:4" ht="18" customHeight="1" x14ac:dyDescent="0.2">
      <c r="A58" s="14">
        <v>44</v>
      </c>
      <c r="B58" s="15">
        <v>66</v>
      </c>
      <c r="C58" s="16">
        <v>67</v>
      </c>
      <c r="D58" s="17">
        <v>133</v>
      </c>
    </row>
    <row r="59" spans="1:4" ht="18" customHeight="1" x14ac:dyDescent="0.2">
      <c r="A59" s="18" t="s">
        <v>57</v>
      </c>
      <c r="B59" s="15">
        <v>355</v>
      </c>
      <c r="C59" s="16">
        <v>305</v>
      </c>
      <c r="D59" s="17">
        <v>660</v>
      </c>
    </row>
    <row r="60" spans="1:4" ht="18" customHeight="1" x14ac:dyDescent="0.2">
      <c r="A60" s="14">
        <v>45</v>
      </c>
      <c r="B60" s="15">
        <v>70</v>
      </c>
      <c r="C60" s="16">
        <v>74</v>
      </c>
      <c r="D60" s="17">
        <v>144</v>
      </c>
    </row>
    <row r="61" spans="1:4" ht="18" customHeight="1" x14ac:dyDescent="0.2">
      <c r="A61" s="14">
        <v>46</v>
      </c>
      <c r="B61" s="15">
        <v>86</v>
      </c>
      <c r="C61" s="16">
        <v>81</v>
      </c>
      <c r="D61" s="17">
        <v>167</v>
      </c>
    </row>
    <row r="62" spans="1:4" ht="18" customHeight="1" x14ac:dyDescent="0.2">
      <c r="A62" s="14">
        <v>47</v>
      </c>
      <c r="B62" s="15">
        <v>77</v>
      </c>
      <c r="C62" s="16">
        <v>98</v>
      </c>
      <c r="D62" s="17">
        <v>175</v>
      </c>
    </row>
    <row r="63" spans="1:4" ht="18" customHeight="1" x14ac:dyDescent="0.2">
      <c r="A63" s="14">
        <v>48</v>
      </c>
      <c r="B63" s="15">
        <v>93</v>
      </c>
      <c r="C63" s="16">
        <v>90</v>
      </c>
      <c r="D63" s="17">
        <v>183</v>
      </c>
    </row>
    <row r="64" spans="1:4" ht="18" customHeight="1" x14ac:dyDescent="0.2">
      <c r="A64" s="14">
        <v>49</v>
      </c>
      <c r="B64" s="15">
        <v>81</v>
      </c>
      <c r="C64" s="16">
        <v>81</v>
      </c>
      <c r="D64" s="17">
        <v>162</v>
      </c>
    </row>
    <row r="65" spans="1:4" ht="18" customHeight="1" x14ac:dyDescent="0.2">
      <c r="A65" s="18" t="s">
        <v>58</v>
      </c>
      <c r="B65" s="15">
        <v>407</v>
      </c>
      <c r="C65" s="16">
        <v>424</v>
      </c>
      <c r="D65" s="17">
        <v>831</v>
      </c>
    </row>
    <row r="66" spans="1:4" ht="18" customHeight="1" x14ac:dyDescent="0.2">
      <c r="A66" s="14">
        <v>50</v>
      </c>
      <c r="B66" s="15">
        <v>66</v>
      </c>
      <c r="C66" s="16">
        <v>62</v>
      </c>
      <c r="D66" s="17">
        <v>128</v>
      </c>
    </row>
    <row r="67" spans="1:4" ht="18" customHeight="1" x14ac:dyDescent="0.2">
      <c r="A67" s="14">
        <v>51</v>
      </c>
      <c r="B67" s="15">
        <v>70</v>
      </c>
      <c r="C67" s="16">
        <v>66</v>
      </c>
      <c r="D67" s="17">
        <v>136</v>
      </c>
    </row>
    <row r="68" spans="1:4" ht="18" customHeight="1" x14ac:dyDescent="0.2">
      <c r="A68" s="14">
        <v>52</v>
      </c>
      <c r="B68" s="15">
        <v>68</v>
      </c>
      <c r="C68" s="16">
        <v>58</v>
      </c>
      <c r="D68" s="17">
        <v>126</v>
      </c>
    </row>
    <row r="69" spans="1:4" ht="18" customHeight="1" x14ac:dyDescent="0.2">
      <c r="A69" s="14">
        <v>53</v>
      </c>
      <c r="B69" s="15">
        <v>39</v>
      </c>
      <c r="C69" s="16">
        <v>40</v>
      </c>
      <c r="D69" s="17">
        <v>79</v>
      </c>
    </row>
    <row r="70" spans="1:4" ht="18" customHeight="1" x14ac:dyDescent="0.2">
      <c r="A70" s="14">
        <v>54</v>
      </c>
      <c r="B70" s="15">
        <v>61</v>
      </c>
      <c r="C70" s="16">
        <v>60</v>
      </c>
      <c r="D70" s="17">
        <v>121</v>
      </c>
    </row>
    <row r="71" spans="1:4" ht="18" customHeight="1" x14ac:dyDescent="0.2">
      <c r="A71" s="18" t="s">
        <v>59</v>
      </c>
      <c r="B71" s="15">
        <v>304</v>
      </c>
      <c r="C71" s="16">
        <v>286</v>
      </c>
      <c r="D71" s="17">
        <v>590</v>
      </c>
    </row>
    <row r="72" spans="1:4" ht="18" customHeight="1" x14ac:dyDescent="0.2">
      <c r="A72" s="14">
        <v>55</v>
      </c>
      <c r="B72" s="15">
        <v>43</v>
      </c>
      <c r="C72" s="16">
        <v>43</v>
      </c>
      <c r="D72" s="17">
        <v>86</v>
      </c>
    </row>
    <row r="73" spans="1:4" ht="18" customHeight="1" x14ac:dyDescent="0.2">
      <c r="A73" s="14">
        <v>56</v>
      </c>
      <c r="B73" s="15">
        <v>52</v>
      </c>
      <c r="C73" s="16">
        <v>54</v>
      </c>
      <c r="D73" s="17">
        <v>106</v>
      </c>
    </row>
    <row r="74" spans="1:4" ht="18" customHeight="1" x14ac:dyDescent="0.2">
      <c r="A74" s="14">
        <v>57</v>
      </c>
      <c r="B74" s="15">
        <v>53</v>
      </c>
      <c r="C74" s="16">
        <v>61</v>
      </c>
      <c r="D74" s="17">
        <v>114</v>
      </c>
    </row>
    <row r="75" spans="1:4" ht="18" customHeight="1" x14ac:dyDescent="0.2">
      <c r="A75" s="14">
        <v>58</v>
      </c>
      <c r="B75" s="15">
        <v>51</v>
      </c>
      <c r="C75" s="16">
        <v>57</v>
      </c>
      <c r="D75" s="17">
        <v>108</v>
      </c>
    </row>
    <row r="76" spans="1:4" ht="18" customHeight="1" x14ac:dyDescent="0.2">
      <c r="A76" s="14">
        <v>59</v>
      </c>
      <c r="B76" s="15">
        <v>39</v>
      </c>
      <c r="C76" s="16">
        <v>59</v>
      </c>
      <c r="D76" s="17">
        <v>98</v>
      </c>
    </row>
    <row r="77" spans="1:4" ht="18" customHeight="1" x14ac:dyDescent="0.2">
      <c r="A77" s="18" t="s">
        <v>60</v>
      </c>
      <c r="B77" s="15">
        <v>238</v>
      </c>
      <c r="C77" s="16">
        <v>274</v>
      </c>
      <c r="D77" s="17">
        <v>512</v>
      </c>
    </row>
    <row r="78" spans="1:4" ht="18" customHeight="1" x14ac:dyDescent="0.2">
      <c r="A78" s="14">
        <v>60</v>
      </c>
      <c r="B78" s="15">
        <v>56</v>
      </c>
      <c r="C78" s="16">
        <v>41</v>
      </c>
      <c r="D78" s="17">
        <v>97</v>
      </c>
    </row>
    <row r="79" spans="1:4" ht="18" customHeight="1" x14ac:dyDescent="0.2">
      <c r="A79" s="14">
        <v>61</v>
      </c>
      <c r="B79" s="15">
        <v>43</v>
      </c>
      <c r="C79" s="16">
        <v>61</v>
      </c>
      <c r="D79" s="17">
        <v>104</v>
      </c>
    </row>
    <row r="80" spans="1:4" ht="18" customHeight="1" x14ac:dyDescent="0.2">
      <c r="A80" s="14">
        <v>62</v>
      </c>
      <c r="B80" s="15">
        <v>42</v>
      </c>
      <c r="C80" s="16">
        <v>40</v>
      </c>
      <c r="D80" s="17">
        <v>82</v>
      </c>
    </row>
    <row r="81" spans="1:4" ht="18" customHeight="1" x14ac:dyDescent="0.2">
      <c r="A81" s="14">
        <v>63</v>
      </c>
      <c r="B81" s="15">
        <v>38</v>
      </c>
      <c r="C81" s="16">
        <v>85</v>
      </c>
      <c r="D81" s="17">
        <v>123</v>
      </c>
    </row>
    <row r="82" spans="1:4" ht="18" customHeight="1" x14ac:dyDescent="0.2">
      <c r="A82" s="14">
        <v>64</v>
      </c>
      <c r="B82" s="15">
        <v>58</v>
      </c>
      <c r="C82" s="16">
        <v>64</v>
      </c>
      <c r="D82" s="17">
        <v>122</v>
      </c>
    </row>
    <row r="83" spans="1:4" ht="18" customHeight="1" x14ac:dyDescent="0.2">
      <c r="A83" s="18" t="s">
        <v>61</v>
      </c>
      <c r="B83" s="15">
        <v>237</v>
      </c>
      <c r="C83" s="16">
        <v>291</v>
      </c>
      <c r="D83" s="17">
        <v>528</v>
      </c>
    </row>
    <row r="84" spans="1:4" ht="18" customHeight="1" x14ac:dyDescent="0.2">
      <c r="A84" s="18" t="s">
        <v>62</v>
      </c>
      <c r="B84" s="15">
        <v>2877</v>
      </c>
      <c r="C84" s="16">
        <v>2892</v>
      </c>
      <c r="D84" s="17">
        <v>5769</v>
      </c>
    </row>
    <row r="85" spans="1:4" ht="18" customHeight="1" x14ac:dyDescent="0.2">
      <c r="A85" s="14">
        <v>65</v>
      </c>
      <c r="B85" s="15">
        <v>53</v>
      </c>
      <c r="C85" s="16">
        <v>61</v>
      </c>
      <c r="D85" s="17">
        <v>114</v>
      </c>
    </row>
    <row r="86" spans="1:4" ht="18" customHeight="1" x14ac:dyDescent="0.2">
      <c r="A86" s="14">
        <v>66</v>
      </c>
      <c r="B86" s="15">
        <v>55</v>
      </c>
      <c r="C86" s="16">
        <v>65</v>
      </c>
      <c r="D86" s="17">
        <v>120</v>
      </c>
    </row>
    <row r="87" spans="1:4" ht="18" customHeight="1" x14ac:dyDescent="0.2">
      <c r="A87" s="14">
        <v>67</v>
      </c>
      <c r="B87" s="15">
        <v>69</v>
      </c>
      <c r="C87" s="16">
        <v>70</v>
      </c>
      <c r="D87" s="17">
        <v>139</v>
      </c>
    </row>
    <row r="88" spans="1:4" ht="18" customHeight="1" x14ac:dyDescent="0.2">
      <c r="A88" s="14">
        <v>68</v>
      </c>
      <c r="B88" s="15">
        <v>64</v>
      </c>
      <c r="C88" s="16">
        <v>75</v>
      </c>
      <c r="D88" s="17">
        <v>139</v>
      </c>
    </row>
    <row r="89" spans="1:4" ht="18" customHeight="1" x14ac:dyDescent="0.2">
      <c r="A89" s="14">
        <v>69</v>
      </c>
      <c r="B89" s="15">
        <v>79</v>
      </c>
      <c r="C89" s="16">
        <v>80</v>
      </c>
      <c r="D89" s="17">
        <v>159</v>
      </c>
    </row>
    <row r="90" spans="1:4" ht="18" customHeight="1" x14ac:dyDescent="0.2">
      <c r="A90" s="18" t="s">
        <v>63</v>
      </c>
      <c r="B90" s="15">
        <v>320</v>
      </c>
      <c r="C90" s="16">
        <v>351</v>
      </c>
      <c r="D90" s="17">
        <v>671</v>
      </c>
    </row>
    <row r="91" spans="1:4" ht="18" customHeight="1" x14ac:dyDescent="0.2">
      <c r="A91" s="14">
        <v>70</v>
      </c>
      <c r="B91" s="15">
        <v>83</v>
      </c>
      <c r="C91" s="16">
        <v>87</v>
      </c>
      <c r="D91" s="17">
        <v>170</v>
      </c>
    </row>
    <row r="92" spans="1:4" ht="18" customHeight="1" x14ac:dyDescent="0.2">
      <c r="A92" s="14">
        <v>71</v>
      </c>
      <c r="B92" s="15">
        <v>84</v>
      </c>
      <c r="C92" s="16">
        <v>93</v>
      </c>
      <c r="D92" s="17">
        <v>177</v>
      </c>
    </row>
    <row r="93" spans="1:4" ht="18" customHeight="1" x14ac:dyDescent="0.2">
      <c r="A93" s="14">
        <v>72</v>
      </c>
      <c r="B93" s="15">
        <v>76</v>
      </c>
      <c r="C93" s="16">
        <v>100</v>
      </c>
      <c r="D93" s="17">
        <v>176</v>
      </c>
    </row>
    <row r="94" spans="1:4" ht="18" customHeight="1" x14ac:dyDescent="0.2">
      <c r="A94" s="14">
        <v>73</v>
      </c>
      <c r="B94" s="15">
        <v>37</v>
      </c>
      <c r="C94" s="16">
        <v>60</v>
      </c>
      <c r="D94" s="17">
        <v>97</v>
      </c>
    </row>
    <row r="95" spans="1:4" ht="18" customHeight="1" x14ac:dyDescent="0.2">
      <c r="A95" s="14">
        <v>74</v>
      </c>
      <c r="B95" s="15">
        <v>50</v>
      </c>
      <c r="C95" s="16">
        <v>42</v>
      </c>
      <c r="D95" s="17">
        <v>92</v>
      </c>
    </row>
    <row r="96" spans="1:4" ht="18" customHeight="1" x14ac:dyDescent="0.2">
      <c r="A96" s="18" t="s">
        <v>64</v>
      </c>
      <c r="B96" s="15">
        <v>330</v>
      </c>
      <c r="C96" s="16">
        <v>382</v>
      </c>
      <c r="D96" s="17">
        <v>712</v>
      </c>
    </row>
    <row r="97" spans="1:4" ht="18" customHeight="1" x14ac:dyDescent="0.2">
      <c r="A97" s="14">
        <v>75</v>
      </c>
      <c r="B97" s="15">
        <v>59</v>
      </c>
      <c r="C97" s="16">
        <v>78</v>
      </c>
      <c r="D97" s="17">
        <v>137</v>
      </c>
    </row>
    <row r="98" spans="1:4" ht="18" customHeight="1" x14ac:dyDescent="0.2">
      <c r="A98" s="14">
        <v>76</v>
      </c>
      <c r="B98" s="15">
        <v>48</v>
      </c>
      <c r="C98" s="16">
        <v>54</v>
      </c>
      <c r="D98" s="17">
        <v>102</v>
      </c>
    </row>
    <row r="99" spans="1:4" ht="18" customHeight="1" x14ac:dyDescent="0.2">
      <c r="A99" s="14">
        <v>77</v>
      </c>
      <c r="B99" s="15">
        <v>52</v>
      </c>
      <c r="C99" s="16">
        <v>85</v>
      </c>
      <c r="D99" s="17">
        <v>137</v>
      </c>
    </row>
    <row r="100" spans="1:4" ht="18" customHeight="1" x14ac:dyDescent="0.2">
      <c r="A100" s="14">
        <v>78</v>
      </c>
      <c r="B100" s="15">
        <v>47</v>
      </c>
      <c r="C100" s="16">
        <v>61</v>
      </c>
      <c r="D100" s="17">
        <v>108</v>
      </c>
    </row>
    <row r="101" spans="1:4" ht="18" customHeight="1" x14ac:dyDescent="0.2">
      <c r="A101" s="14">
        <v>79</v>
      </c>
      <c r="B101" s="15">
        <v>46</v>
      </c>
      <c r="C101" s="16">
        <v>49</v>
      </c>
      <c r="D101" s="17">
        <v>95</v>
      </c>
    </row>
    <row r="102" spans="1:4" ht="18" customHeight="1" x14ac:dyDescent="0.2">
      <c r="A102" s="18" t="s">
        <v>65</v>
      </c>
      <c r="B102" s="15">
        <v>252</v>
      </c>
      <c r="C102" s="16">
        <v>327</v>
      </c>
      <c r="D102" s="17">
        <v>579</v>
      </c>
    </row>
    <row r="103" spans="1:4" ht="18" customHeight="1" x14ac:dyDescent="0.2">
      <c r="A103" s="14">
        <v>80</v>
      </c>
      <c r="B103" s="15">
        <v>28</v>
      </c>
      <c r="C103" s="16">
        <v>52</v>
      </c>
      <c r="D103" s="17">
        <v>80</v>
      </c>
    </row>
    <row r="104" spans="1:4" ht="18" customHeight="1" x14ac:dyDescent="0.2">
      <c r="A104" s="14">
        <v>81</v>
      </c>
      <c r="B104" s="15">
        <v>24</v>
      </c>
      <c r="C104" s="16">
        <v>38</v>
      </c>
      <c r="D104" s="17">
        <v>62</v>
      </c>
    </row>
    <row r="105" spans="1:4" ht="18" customHeight="1" x14ac:dyDescent="0.2">
      <c r="A105" s="14">
        <v>82</v>
      </c>
      <c r="B105" s="15">
        <v>33</v>
      </c>
      <c r="C105" s="16">
        <v>50</v>
      </c>
      <c r="D105" s="17">
        <v>83</v>
      </c>
    </row>
    <row r="106" spans="1:4" ht="18" customHeight="1" x14ac:dyDescent="0.2">
      <c r="A106" s="14">
        <v>83</v>
      </c>
      <c r="B106" s="15">
        <v>22</v>
      </c>
      <c r="C106" s="16">
        <v>54</v>
      </c>
      <c r="D106" s="17">
        <v>76</v>
      </c>
    </row>
    <row r="107" spans="1:4" ht="18" customHeight="1" x14ac:dyDescent="0.2">
      <c r="A107" s="14">
        <v>84</v>
      </c>
      <c r="B107" s="15">
        <v>24</v>
      </c>
      <c r="C107" s="16">
        <v>33</v>
      </c>
      <c r="D107" s="17">
        <v>57</v>
      </c>
    </row>
    <row r="108" spans="1:4" ht="18" customHeight="1" x14ac:dyDescent="0.2">
      <c r="A108" s="18" t="s">
        <v>66</v>
      </c>
      <c r="B108" s="15">
        <v>131</v>
      </c>
      <c r="C108" s="16">
        <v>227</v>
      </c>
      <c r="D108" s="17">
        <v>358</v>
      </c>
    </row>
    <row r="109" spans="1:4" ht="18" customHeight="1" x14ac:dyDescent="0.2">
      <c r="A109" s="14">
        <v>85</v>
      </c>
      <c r="B109" s="15">
        <v>28</v>
      </c>
      <c r="C109" s="16">
        <v>30</v>
      </c>
      <c r="D109" s="17">
        <v>58</v>
      </c>
    </row>
    <row r="110" spans="1:4" ht="18" customHeight="1" x14ac:dyDescent="0.2">
      <c r="A110" s="14">
        <v>86</v>
      </c>
      <c r="B110" s="15">
        <v>21</v>
      </c>
      <c r="C110" s="16">
        <v>28</v>
      </c>
      <c r="D110" s="17">
        <v>49</v>
      </c>
    </row>
    <row r="111" spans="1:4" ht="18" customHeight="1" x14ac:dyDescent="0.2">
      <c r="A111" s="14">
        <v>87</v>
      </c>
      <c r="B111" s="15">
        <v>23</v>
      </c>
      <c r="C111" s="16">
        <v>23</v>
      </c>
      <c r="D111" s="17">
        <v>46</v>
      </c>
    </row>
    <row r="112" spans="1:4" ht="18" customHeight="1" x14ac:dyDescent="0.2">
      <c r="A112" s="14">
        <v>88</v>
      </c>
      <c r="B112" s="15">
        <v>14</v>
      </c>
      <c r="C112" s="16">
        <v>39</v>
      </c>
      <c r="D112" s="17">
        <v>53</v>
      </c>
    </row>
    <row r="113" spans="1:4" ht="18" customHeight="1" x14ac:dyDescent="0.2">
      <c r="A113" s="14">
        <v>89</v>
      </c>
      <c r="B113" s="15">
        <v>12</v>
      </c>
      <c r="C113" s="16">
        <v>22</v>
      </c>
      <c r="D113" s="17">
        <v>34</v>
      </c>
    </row>
    <row r="114" spans="1:4" ht="18" customHeight="1" x14ac:dyDescent="0.2">
      <c r="A114" s="18" t="s">
        <v>67</v>
      </c>
      <c r="B114" s="15">
        <v>98</v>
      </c>
      <c r="C114" s="16">
        <v>142</v>
      </c>
      <c r="D114" s="17">
        <v>240</v>
      </c>
    </row>
    <row r="115" spans="1:4" ht="18" customHeight="1" x14ac:dyDescent="0.2">
      <c r="A115" s="14">
        <v>90</v>
      </c>
      <c r="B115" s="15">
        <v>9</v>
      </c>
      <c r="C115" s="16">
        <v>19</v>
      </c>
      <c r="D115" s="17">
        <v>28</v>
      </c>
    </row>
    <row r="116" spans="1:4" ht="18" customHeight="1" x14ac:dyDescent="0.2">
      <c r="A116" s="14">
        <v>91</v>
      </c>
      <c r="B116" s="15">
        <v>5</v>
      </c>
      <c r="C116" s="16">
        <v>25</v>
      </c>
      <c r="D116" s="17">
        <v>30</v>
      </c>
    </row>
    <row r="117" spans="1:4" ht="18" customHeight="1" x14ac:dyDescent="0.2">
      <c r="A117" s="14">
        <v>92</v>
      </c>
      <c r="B117" s="15">
        <v>2</v>
      </c>
      <c r="C117" s="16">
        <v>20</v>
      </c>
      <c r="D117" s="17">
        <v>22</v>
      </c>
    </row>
    <row r="118" spans="1:4" ht="18" customHeight="1" x14ac:dyDescent="0.2">
      <c r="A118" s="14">
        <v>93</v>
      </c>
      <c r="B118" s="15">
        <v>6</v>
      </c>
      <c r="C118" s="16">
        <v>13</v>
      </c>
      <c r="D118" s="17">
        <v>19</v>
      </c>
    </row>
    <row r="119" spans="1:4" ht="18" customHeight="1" x14ac:dyDescent="0.2">
      <c r="A119" s="14">
        <v>94</v>
      </c>
      <c r="B119" s="15">
        <v>2</v>
      </c>
      <c r="C119" s="16">
        <v>10</v>
      </c>
      <c r="D119" s="17">
        <v>12</v>
      </c>
    </row>
    <row r="120" spans="1:4" ht="18" customHeight="1" x14ac:dyDescent="0.2">
      <c r="A120" s="18" t="s">
        <v>68</v>
      </c>
      <c r="B120" s="15">
        <v>24</v>
      </c>
      <c r="C120" s="16">
        <v>87</v>
      </c>
      <c r="D120" s="17">
        <v>111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1</v>
      </c>
      <c r="C129" s="16">
        <v>8</v>
      </c>
      <c r="D129" s="17">
        <v>9</v>
      </c>
    </row>
    <row r="130" spans="1:4" ht="18" customHeight="1" x14ac:dyDescent="0.2">
      <c r="A130" s="18" t="s">
        <v>72</v>
      </c>
      <c r="B130" s="4">
        <v>1159</v>
      </c>
      <c r="C130" s="5">
        <v>1543</v>
      </c>
      <c r="D130" s="6">
        <v>2702</v>
      </c>
    </row>
    <row r="131" spans="1:4" ht="18" customHeight="1" x14ac:dyDescent="0.2">
      <c r="A131" s="20" t="s">
        <v>47</v>
      </c>
      <c r="B131" s="7">
        <v>4576</v>
      </c>
      <c r="C131" s="8">
        <v>5018</v>
      </c>
      <c r="D131" s="9">
        <v>95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5</v>
      </c>
      <c r="C5" s="12">
        <v>58</v>
      </c>
      <c r="D5" s="13">
        <v>133</v>
      </c>
    </row>
    <row r="6" spans="1:4" ht="18" customHeight="1" x14ac:dyDescent="0.2">
      <c r="A6" s="14">
        <v>1</v>
      </c>
      <c r="B6" s="15">
        <v>78</v>
      </c>
      <c r="C6" s="16">
        <v>70</v>
      </c>
      <c r="D6" s="17">
        <v>148</v>
      </c>
    </row>
    <row r="7" spans="1:4" ht="18" customHeight="1" x14ac:dyDescent="0.2">
      <c r="A7" s="14">
        <v>2</v>
      </c>
      <c r="B7" s="15">
        <v>73</v>
      </c>
      <c r="C7" s="16">
        <v>39</v>
      </c>
      <c r="D7" s="17">
        <v>112</v>
      </c>
    </row>
    <row r="8" spans="1:4" ht="18" customHeight="1" x14ac:dyDescent="0.2">
      <c r="A8" s="14">
        <v>3</v>
      </c>
      <c r="B8" s="15">
        <v>64</v>
      </c>
      <c r="C8" s="16">
        <v>65</v>
      </c>
      <c r="D8" s="17">
        <v>129</v>
      </c>
    </row>
    <row r="9" spans="1:4" ht="18" customHeight="1" x14ac:dyDescent="0.2">
      <c r="A9" s="14">
        <v>4</v>
      </c>
      <c r="B9" s="15">
        <v>60</v>
      </c>
      <c r="C9" s="16">
        <v>63</v>
      </c>
      <c r="D9" s="17">
        <v>123</v>
      </c>
    </row>
    <row r="10" spans="1:4" ht="18" customHeight="1" x14ac:dyDescent="0.2">
      <c r="A10" s="18" t="s">
        <v>48</v>
      </c>
      <c r="B10" s="15">
        <v>350</v>
      </c>
      <c r="C10" s="16">
        <v>295</v>
      </c>
      <c r="D10" s="17">
        <v>645</v>
      </c>
    </row>
    <row r="11" spans="1:4" ht="18" customHeight="1" x14ac:dyDescent="0.2">
      <c r="A11" s="14">
        <v>5</v>
      </c>
      <c r="B11" s="15">
        <v>54</v>
      </c>
      <c r="C11" s="16">
        <v>57</v>
      </c>
      <c r="D11" s="17">
        <v>111</v>
      </c>
    </row>
    <row r="12" spans="1:4" ht="18" customHeight="1" x14ac:dyDescent="0.2">
      <c r="A12" s="14">
        <v>6</v>
      </c>
      <c r="B12" s="15">
        <v>53</v>
      </c>
      <c r="C12" s="16">
        <v>64</v>
      </c>
      <c r="D12" s="17">
        <v>117</v>
      </c>
    </row>
    <row r="13" spans="1:4" ht="18" customHeight="1" x14ac:dyDescent="0.2">
      <c r="A13" s="14">
        <v>7</v>
      </c>
      <c r="B13" s="15">
        <v>57</v>
      </c>
      <c r="C13" s="16">
        <v>60</v>
      </c>
      <c r="D13" s="17">
        <v>117</v>
      </c>
    </row>
    <row r="14" spans="1:4" ht="18" customHeight="1" x14ac:dyDescent="0.2">
      <c r="A14" s="14">
        <v>8</v>
      </c>
      <c r="B14" s="15">
        <v>44</v>
      </c>
      <c r="C14" s="16">
        <v>47</v>
      </c>
      <c r="D14" s="17">
        <v>91</v>
      </c>
    </row>
    <row r="15" spans="1:4" ht="18" customHeight="1" x14ac:dyDescent="0.2">
      <c r="A15" s="14">
        <v>9</v>
      </c>
      <c r="B15" s="15">
        <v>47</v>
      </c>
      <c r="C15" s="16">
        <v>55</v>
      </c>
      <c r="D15" s="17">
        <v>102</v>
      </c>
    </row>
    <row r="16" spans="1:4" ht="18" customHeight="1" x14ac:dyDescent="0.2">
      <c r="A16" s="18" t="s">
        <v>49</v>
      </c>
      <c r="B16" s="15">
        <v>255</v>
      </c>
      <c r="C16" s="16">
        <v>283</v>
      </c>
      <c r="D16" s="17">
        <v>538</v>
      </c>
    </row>
    <row r="17" spans="1:4" ht="18" customHeight="1" x14ac:dyDescent="0.2">
      <c r="A17" s="14">
        <v>10</v>
      </c>
      <c r="B17" s="15">
        <v>46</v>
      </c>
      <c r="C17" s="16">
        <v>60</v>
      </c>
      <c r="D17" s="17">
        <v>106</v>
      </c>
    </row>
    <row r="18" spans="1:4" ht="18" customHeight="1" x14ac:dyDescent="0.2">
      <c r="A18" s="14">
        <v>11</v>
      </c>
      <c r="B18" s="15">
        <v>49</v>
      </c>
      <c r="C18" s="16">
        <v>52</v>
      </c>
      <c r="D18" s="17">
        <v>101</v>
      </c>
    </row>
    <row r="19" spans="1:4" ht="18" customHeight="1" x14ac:dyDescent="0.2">
      <c r="A19" s="14">
        <v>12</v>
      </c>
      <c r="B19" s="15">
        <v>48</v>
      </c>
      <c r="C19" s="16">
        <v>43</v>
      </c>
      <c r="D19" s="17">
        <v>91</v>
      </c>
    </row>
    <row r="20" spans="1:4" ht="18" customHeight="1" x14ac:dyDescent="0.2">
      <c r="A20" s="14">
        <v>13</v>
      </c>
      <c r="B20" s="15">
        <v>48</v>
      </c>
      <c r="C20" s="16">
        <v>51</v>
      </c>
      <c r="D20" s="17">
        <v>99</v>
      </c>
    </row>
    <row r="21" spans="1:4" ht="18" customHeight="1" x14ac:dyDescent="0.2">
      <c r="A21" s="14">
        <v>14</v>
      </c>
      <c r="B21" s="15">
        <v>56</v>
      </c>
      <c r="C21" s="16">
        <v>50</v>
      </c>
      <c r="D21" s="17">
        <v>106</v>
      </c>
    </row>
    <row r="22" spans="1:4" ht="18" customHeight="1" x14ac:dyDescent="0.2">
      <c r="A22" s="18" t="s">
        <v>50</v>
      </c>
      <c r="B22" s="15">
        <v>247</v>
      </c>
      <c r="C22" s="16">
        <v>256</v>
      </c>
      <c r="D22" s="17">
        <v>503</v>
      </c>
    </row>
    <row r="23" spans="1:4" ht="18" customHeight="1" x14ac:dyDescent="0.2">
      <c r="A23" s="18" t="s">
        <v>51</v>
      </c>
      <c r="B23" s="15">
        <v>852</v>
      </c>
      <c r="C23" s="16">
        <v>834</v>
      </c>
      <c r="D23" s="17">
        <v>1686</v>
      </c>
    </row>
    <row r="24" spans="1:4" ht="18" customHeight="1" x14ac:dyDescent="0.2">
      <c r="A24" s="14">
        <v>15</v>
      </c>
      <c r="B24" s="15">
        <v>47</v>
      </c>
      <c r="C24" s="16">
        <v>42</v>
      </c>
      <c r="D24" s="17">
        <v>89</v>
      </c>
    </row>
    <row r="25" spans="1:4" ht="18" customHeight="1" x14ac:dyDescent="0.2">
      <c r="A25" s="14">
        <v>16</v>
      </c>
      <c r="B25" s="15">
        <v>49</v>
      </c>
      <c r="C25" s="16">
        <v>44</v>
      </c>
      <c r="D25" s="17">
        <v>93</v>
      </c>
    </row>
    <row r="26" spans="1:4" ht="18" customHeight="1" x14ac:dyDescent="0.2">
      <c r="A26" s="14">
        <v>17</v>
      </c>
      <c r="B26" s="15">
        <v>51</v>
      </c>
      <c r="C26" s="16">
        <v>55</v>
      </c>
      <c r="D26" s="17">
        <v>106</v>
      </c>
    </row>
    <row r="27" spans="1:4" ht="18" customHeight="1" x14ac:dyDescent="0.2">
      <c r="A27" s="14">
        <v>18</v>
      </c>
      <c r="B27" s="15">
        <v>49</v>
      </c>
      <c r="C27" s="16">
        <v>59</v>
      </c>
      <c r="D27" s="17">
        <v>108</v>
      </c>
    </row>
    <row r="28" spans="1:4" ht="18" customHeight="1" x14ac:dyDescent="0.2">
      <c r="A28" s="14">
        <v>19</v>
      </c>
      <c r="B28" s="15">
        <v>65</v>
      </c>
      <c r="C28" s="16">
        <v>43</v>
      </c>
      <c r="D28" s="17">
        <v>108</v>
      </c>
    </row>
    <row r="29" spans="1:4" ht="18" customHeight="1" x14ac:dyDescent="0.2">
      <c r="A29" s="18" t="s">
        <v>52</v>
      </c>
      <c r="B29" s="15">
        <v>261</v>
      </c>
      <c r="C29" s="16">
        <v>243</v>
      </c>
      <c r="D29" s="17">
        <v>504</v>
      </c>
    </row>
    <row r="30" spans="1:4" ht="18" customHeight="1" x14ac:dyDescent="0.2">
      <c r="A30" s="14">
        <v>20</v>
      </c>
      <c r="B30" s="15">
        <v>51</v>
      </c>
      <c r="C30" s="16">
        <v>51</v>
      </c>
      <c r="D30" s="17">
        <v>102</v>
      </c>
    </row>
    <row r="31" spans="1:4" ht="18" customHeight="1" x14ac:dyDescent="0.2">
      <c r="A31" s="14">
        <v>21</v>
      </c>
      <c r="B31" s="15">
        <v>62</v>
      </c>
      <c r="C31" s="16">
        <v>45</v>
      </c>
      <c r="D31" s="17">
        <v>107</v>
      </c>
    </row>
    <row r="32" spans="1:4" ht="18" customHeight="1" x14ac:dyDescent="0.2">
      <c r="A32" s="14">
        <v>22</v>
      </c>
      <c r="B32" s="15">
        <v>44</v>
      </c>
      <c r="C32" s="16">
        <v>58</v>
      </c>
      <c r="D32" s="17">
        <v>102</v>
      </c>
    </row>
    <row r="33" spans="1:4" ht="18" customHeight="1" x14ac:dyDescent="0.2">
      <c r="A33" s="14">
        <v>23</v>
      </c>
      <c r="B33" s="15">
        <v>60</v>
      </c>
      <c r="C33" s="16">
        <v>53</v>
      </c>
      <c r="D33" s="17">
        <v>113</v>
      </c>
    </row>
    <row r="34" spans="1:4" ht="18" customHeight="1" x14ac:dyDescent="0.2">
      <c r="A34" s="14">
        <v>24</v>
      </c>
      <c r="B34" s="15">
        <v>67</v>
      </c>
      <c r="C34" s="16">
        <v>70</v>
      </c>
      <c r="D34" s="17">
        <v>137</v>
      </c>
    </row>
    <row r="35" spans="1:4" ht="18" customHeight="1" x14ac:dyDescent="0.2">
      <c r="A35" s="18" t="s">
        <v>53</v>
      </c>
      <c r="B35" s="15">
        <v>284</v>
      </c>
      <c r="C35" s="16">
        <v>277</v>
      </c>
      <c r="D35" s="17">
        <v>561</v>
      </c>
    </row>
    <row r="36" spans="1:4" ht="18" customHeight="1" x14ac:dyDescent="0.2">
      <c r="A36" s="14">
        <v>25</v>
      </c>
      <c r="B36" s="15">
        <v>81</v>
      </c>
      <c r="C36" s="16">
        <v>71</v>
      </c>
      <c r="D36" s="17">
        <v>152</v>
      </c>
    </row>
    <row r="37" spans="1:4" ht="18" customHeight="1" x14ac:dyDescent="0.2">
      <c r="A37" s="14">
        <v>26</v>
      </c>
      <c r="B37" s="15">
        <v>62</v>
      </c>
      <c r="C37" s="16">
        <v>57</v>
      </c>
      <c r="D37" s="17">
        <v>119</v>
      </c>
    </row>
    <row r="38" spans="1:4" ht="18" customHeight="1" x14ac:dyDescent="0.2">
      <c r="A38" s="14">
        <v>27</v>
      </c>
      <c r="B38" s="15">
        <v>62</v>
      </c>
      <c r="C38" s="16">
        <v>72</v>
      </c>
      <c r="D38" s="17">
        <v>134</v>
      </c>
    </row>
    <row r="39" spans="1:4" ht="18" customHeight="1" x14ac:dyDescent="0.2">
      <c r="A39" s="14">
        <v>28</v>
      </c>
      <c r="B39" s="15">
        <v>75</v>
      </c>
      <c r="C39" s="16">
        <v>69</v>
      </c>
      <c r="D39" s="17">
        <v>144</v>
      </c>
    </row>
    <row r="40" spans="1:4" ht="18" customHeight="1" x14ac:dyDescent="0.2">
      <c r="A40" s="14">
        <v>29</v>
      </c>
      <c r="B40" s="15">
        <v>91</v>
      </c>
      <c r="C40" s="16">
        <v>87</v>
      </c>
      <c r="D40" s="17">
        <v>178</v>
      </c>
    </row>
    <row r="41" spans="1:4" ht="18" customHeight="1" x14ac:dyDescent="0.2">
      <c r="A41" s="18" t="s">
        <v>54</v>
      </c>
      <c r="B41" s="15">
        <v>371</v>
      </c>
      <c r="C41" s="16">
        <v>356</v>
      </c>
      <c r="D41" s="17">
        <v>727</v>
      </c>
    </row>
    <row r="42" spans="1:4" ht="18" customHeight="1" x14ac:dyDescent="0.2">
      <c r="A42" s="14">
        <v>30</v>
      </c>
      <c r="B42" s="15">
        <v>87</v>
      </c>
      <c r="C42" s="16">
        <v>90</v>
      </c>
      <c r="D42" s="17">
        <v>177</v>
      </c>
    </row>
    <row r="43" spans="1:4" ht="18" customHeight="1" x14ac:dyDescent="0.2">
      <c r="A43" s="14">
        <v>31</v>
      </c>
      <c r="B43" s="15">
        <v>83</v>
      </c>
      <c r="C43" s="16">
        <v>65</v>
      </c>
      <c r="D43" s="17">
        <v>148</v>
      </c>
    </row>
    <row r="44" spans="1:4" ht="18" customHeight="1" x14ac:dyDescent="0.2">
      <c r="A44" s="14">
        <v>32</v>
      </c>
      <c r="B44" s="15">
        <v>80</v>
      </c>
      <c r="C44" s="16">
        <v>72</v>
      </c>
      <c r="D44" s="17">
        <v>152</v>
      </c>
    </row>
    <row r="45" spans="1:4" ht="18" customHeight="1" x14ac:dyDescent="0.2">
      <c r="A45" s="14">
        <v>33</v>
      </c>
      <c r="B45" s="15">
        <v>92</v>
      </c>
      <c r="C45" s="16">
        <v>89</v>
      </c>
      <c r="D45" s="17">
        <v>181</v>
      </c>
    </row>
    <row r="46" spans="1:4" ht="18" customHeight="1" x14ac:dyDescent="0.2">
      <c r="A46" s="14">
        <v>34</v>
      </c>
      <c r="B46" s="15">
        <v>94</v>
      </c>
      <c r="C46" s="16">
        <v>92</v>
      </c>
      <c r="D46" s="17">
        <v>186</v>
      </c>
    </row>
    <row r="47" spans="1:4" ht="18" customHeight="1" x14ac:dyDescent="0.2">
      <c r="A47" s="18" t="s">
        <v>55</v>
      </c>
      <c r="B47" s="15">
        <v>436</v>
      </c>
      <c r="C47" s="16">
        <v>408</v>
      </c>
      <c r="D47" s="17">
        <v>844</v>
      </c>
    </row>
    <row r="48" spans="1:4" ht="18" customHeight="1" x14ac:dyDescent="0.2">
      <c r="A48" s="14">
        <v>35</v>
      </c>
      <c r="B48" s="15">
        <v>62</v>
      </c>
      <c r="C48" s="16">
        <v>80</v>
      </c>
      <c r="D48" s="17">
        <v>142</v>
      </c>
    </row>
    <row r="49" spans="1:4" ht="18" customHeight="1" x14ac:dyDescent="0.2">
      <c r="A49" s="14">
        <v>36</v>
      </c>
      <c r="B49" s="15">
        <v>92</v>
      </c>
      <c r="C49" s="16">
        <v>77</v>
      </c>
      <c r="D49" s="17">
        <v>169</v>
      </c>
    </row>
    <row r="50" spans="1:4" ht="18" customHeight="1" x14ac:dyDescent="0.2">
      <c r="A50" s="14">
        <v>37</v>
      </c>
      <c r="B50" s="15">
        <v>100</v>
      </c>
      <c r="C50" s="16">
        <v>87</v>
      </c>
      <c r="D50" s="17">
        <v>187</v>
      </c>
    </row>
    <row r="51" spans="1:4" ht="18" customHeight="1" x14ac:dyDescent="0.2">
      <c r="A51" s="14">
        <v>38</v>
      </c>
      <c r="B51" s="15">
        <v>79</v>
      </c>
      <c r="C51" s="16">
        <v>75</v>
      </c>
      <c r="D51" s="17">
        <v>154</v>
      </c>
    </row>
    <row r="52" spans="1:4" ht="18" customHeight="1" x14ac:dyDescent="0.2">
      <c r="A52" s="14">
        <v>39</v>
      </c>
      <c r="B52" s="15">
        <v>88</v>
      </c>
      <c r="C52" s="16">
        <v>96</v>
      </c>
      <c r="D52" s="17">
        <v>184</v>
      </c>
    </row>
    <row r="53" spans="1:4" ht="18" customHeight="1" x14ac:dyDescent="0.2">
      <c r="A53" s="18" t="s">
        <v>56</v>
      </c>
      <c r="B53" s="15">
        <v>421</v>
      </c>
      <c r="C53" s="16">
        <v>415</v>
      </c>
      <c r="D53" s="17">
        <v>836</v>
      </c>
    </row>
    <row r="54" spans="1:4" ht="18" customHeight="1" x14ac:dyDescent="0.2">
      <c r="A54" s="14">
        <v>40</v>
      </c>
      <c r="B54" s="15">
        <v>84</v>
      </c>
      <c r="C54" s="16">
        <v>80</v>
      </c>
      <c r="D54" s="17">
        <v>164</v>
      </c>
    </row>
    <row r="55" spans="1:4" ht="18" customHeight="1" x14ac:dyDescent="0.2">
      <c r="A55" s="14">
        <v>41</v>
      </c>
      <c r="B55" s="15">
        <v>104</v>
      </c>
      <c r="C55" s="16">
        <v>68</v>
      </c>
      <c r="D55" s="17">
        <v>172</v>
      </c>
    </row>
    <row r="56" spans="1:4" ht="18" customHeight="1" x14ac:dyDescent="0.2">
      <c r="A56" s="14">
        <v>42</v>
      </c>
      <c r="B56" s="15">
        <v>93</v>
      </c>
      <c r="C56" s="16">
        <v>85</v>
      </c>
      <c r="D56" s="17">
        <v>178</v>
      </c>
    </row>
    <row r="57" spans="1:4" ht="18" customHeight="1" x14ac:dyDescent="0.2">
      <c r="A57" s="14">
        <v>43</v>
      </c>
      <c r="B57" s="15">
        <v>95</v>
      </c>
      <c r="C57" s="16">
        <v>89</v>
      </c>
      <c r="D57" s="17">
        <v>184</v>
      </c>
    </row>
    <row r="58" spans="1:4" ht="18" customHeight="1" x14ac:dyDescent="0.2">
      <c r="A58" s="14">
        <v>44</v>
      </c>
      <c r="B58" s="15">
        <v>105</v>
      </c>
      <c r="C58" s="16">
        <v>103</v>
      </c>
      <c r="D58" s="17">
        <v>208</v>
      </c>
    </row>
    <row r="59" spans="1:4" ht="18" customHeight="1" x14ac:dyDescent="0.2">
      <c r="A59" s="18" t="s">
        <v>57</v>
      </c>
      <c r="B59" s="15">
        <v>481</v>
      </c>
      <c r="C59" s="16">
        <v>425</v>
      </c>
      <c r="D59" s="17">
        <v>906</v>
      </c>
    </row>
    <row r="60" spans="1:4" ht="18" customHeight="1" x14ac:dyDescent="0.2">
      <c r="A60" s="14">
        <v>45</v>
      </c>
      <c r="B60" s="15">
        <v>112</v>
      </c>
      <c r="C60" s="16">
        <v>95</v>
      </c>
      <c r="D60" s="17">
        <v>207</v>
      </c>
    </row>
    <row r="61" spans="1:4" ht="18" customHeight="1" x14ac:dyDescent="0.2">
      <c r="A61" s="14">
        <v>46</v>
      </c>
      <c r="B61" s="15">
        <v>107</v>
      </c>
      <c r="C61" s="16">
        <v>100</v>
      </c>
      <c r="D61" s="17">
        <v>207</v>
      </c>
    </row>
    <row r="62" spans="1:4" ht="18" customHeight="1" x14ac:dyDescent="0.2">
      <c r="A62" s="14">
        <v>47</v>
      </c>
      <c r="B62" s="15">
        <v>104</v>
      </c>
      <c r="C62" s="16">
        <v>104</v>
      </c>
      <c r="D62" s="17">
        <v>208</v>
      </c>
    </row>
    <row r="63" spans="1:4" ht="18" customHeight="1" x14ac:dyDescent="0.2">
      <c r="A63" s="14">
        <v>48</v>
      </c>
      <c r="B63" s="15">
        <v>89</v>
      </c>
      <c r="C63" s="16">
        <v>103</v>
      </c>
      <c r="D63" s="17">
        <v>192</v>
      </c>
    </row>
    <row r="64" spans="1:4" ht="18" customHeight="1" x14ac:dyDescent="0.2">
      <c r="A64" s="14">
        <v>49</v>
      </c>
      <c r="B64" s="15">
        <v>111</v>
      </c>
      <c r="C64" s="16">
        <v>87</v>
      </c>
      <c r="D64" s="17">
        <v>198</v>
      </c>
    </row>
    <row r="65" spans="1:4" ht="18" customHeight="1" x14ac:dyDescent="0.2">
      <c r="A65" s="18" t="s">
        <v>58</v>
      </c>
      <c r="B65" s="15">
        <v>523</v>
      </c>
      <c r="C65" s="16">
        <v>489</v>
      </c>
      <c r="D65" s="17">
        <v>1012</v>
      </c>
    </row>
    <row r="66" spans="1:4" ht="18" customHeight="1" x14ac:dyDescent="0.2">
      <c r="A66" s="14">
        <v>50</v>
      </c>
      <c r="B66" s="15">
        <v>105</v>
      </c>
      <c r="C66" s="16">
        <v>91</v>
      </c>
      <c r="D66" s="17">
        <v>196</v>
      </c>
    </row>
    <row r="67" spans="1:4" ht="18" customHeight="1" x14ac:dyDescent="0.2">
      <c r="A67" s="14">
        <v>51</v>
      </c>
      <c r="B67" s="15">
        <v>83</v>
      </c>
      <c r="C67" s="16">
        <v>81</v>
      </c>
      <c r="D67" s="17">
        <v>164</v>
      </c>
    </row>
    <row r="68" spans="1:4" ht="18" customHeight="1" x14ac:dyDescent="0.2">
      <c r="A68" s="14">
        <v>52</v>
      </c>
      <c r="B68" s="15">
        <v>72</v>
      </c>
      <c r="C68" s="16">
        <v>85</v>
      </c>
      <c r="D68" s="17">
        <v>157</v>
      </c>
    </row>
    <row r="69" spans="1:4" ht="18" customHeight="1" x14ac:dyDescent="0.2">
      <c r="A69" s="14">
        <v>53</v>
      </c>
      <c r="B69" s="15">
        <v>73</v>
      </c>
      <c r="C69" s="16">
        <v>55</v>
      </c>
      <c r="D69" s="17">
        <v>128</v>
      </c>
    </row>
    <row r="70" spans="1:4" ht="18" customHeight="1" x14ac:dyDescent="0.2">
      <c r="A70" s="14">
        <v>54</v>
      </c>
      <c r="B70" s="15">
        <v>61</v>
      </c>
      <c r="C70" s="16">
        <v>68</v>
      </c>
      <c r="D70" s="17">
        <v>129</v>
      </c>
    </row>
    <row r="71" spans="1:4" ht="18" customHeight="1" x14ac:dyDescent="0.2">
      <c r="A71" s="18" t="s">
        <v>59</v>
      </c>
      <c r="B71" s="15">
        <v>394</v>
      </c>
      <c r="C71" s="16">
        <v>380</v>
      </c>
      <c r="D71" s="17">
        <v>774</v>
      </c>
    </row>
    <row r="72" spans="1:4" ht="18" customHeight="1" x14ac:dyDescent="0.2">
      <c r="A72" s="14">
        <v>55</v>
      </c>
      <c r="B72" s="15">
        <v>64</v>
      </c>
      <c r="C72" s="16">
        <v>61</v>
      </c>
      <c r="D72" s="17">
        <v>125</v>
      </c>
    </row>
    <row r="73" spans="1:4" ht="18" customHeight="1" x14ac:dyDescent="0.2">
      <c r="A73" s="14">
        <v>56</v>
      </c>
      <c r="B73" s="15">
        <v>90</v>
      </c>
      <c r="C73" s="16">
        <v>73</v>
      </c>
      <c r="D73" s="17">
        <v>163</v>
      </c>
    </row>
    <row r="74" spans="1:4" ht="18" customHeight="1" x14ac:dyDescent="0.2">
      <c r="A74" s="14">
        <v>57</v>
      </c>
      <c r="B74" s="15">
        <v>64</v>
      </c>
      <c r="C74" s="16">
        <v>76</v>
      </c>
      <c r="D74" s="17">
        <v>140</v>
      </c>
    </row>
    <row r="75" spans="1:4" ht="18" customHeight="1" x14ac:dyDescent="0.2">
      <c r="A75" s="14">
        <v>58</v>
      </c>
      <c r="B75" s="15">
        <v>63</v>
      </c>
      <c r="C75" s="16">
        <v>60</v>
      </c>
      <c r="D75" s="17">
        <v>123</v>
      </c>
    </row>
    <row r="76" spans="1:4" ht="18" customHeight="1" x14ac:dyDescent="0.2">
      <c r="A76" s="14">
        <v>59</v>
      </c>
      <c r="B76" s="15">
        <v>52</v>
      </c>
      <c r="C76" s="16">
        <v>66</v>
      </c>
      <c r="D76" s="17">
        <v>118</v>
      </c>
    </row>
    <row r="77" spans="1:4" ht="18" customHeight="1" x14ac:dyDescent="0.2">
      <c r="A77" s="18" t="s">
        <v>60</v>
      </c>
      <c r="B77" s="15">
        <v>333</v>
      </c>
      <c r="C77" s="16">
        <v>336</v>
      </c>
      <c r="D77" s="17">
        <v>669</v>
      </c>
    </row>
    <row r="78" spans="1:4" ht="18" customHeight="1" x14ac:dyDescent="0.2">
      <c r="A78" s="14">
        <v>60</v>
      </c>
      <c r="B78" s="15">
        <v>57</v>
      </c>
      <c r="C78" s="16">
        <v>70</v>
      </c>
      <c r="D78" s="17">
        <v>127</v>
      </c>
    </row>
    <row r="79" spans="1:4" ht="18" customHeight="1" x14ac:dyDescent="0.2">
      <c r="A79" s="14">
        <v>61</v>
      </c>
      <c r="B79" s="15">
        <v>44</v>
      </c>
      <c r="C79" s="16">
        <v>64</v>
      </c>
      <c r="D79" s="17">
        <v>108</v>
      </c>
    </row>
    <row r="80" spans="1:4" ht="18" customHeight="1" x14ac:dyDescent="0.2">
      <c r="A80" s="14">
        <v>62</v>
      </c>
      <c r="B80" s="15">
        <v>61</v>
      </c>
      <c r="C80" s="16">
        <v>54</v>
      </c>
      <c r="D80" s="17">
        <v>115</v>
      </c>
    </row>
    <row r="81" spans="1:4" ht="18" customHeight="1" x14ac:dyDescent="0.2">
      <c r="A81" s="14">
        <v>63</v>
      </c>
      <c r="B81" s="15">
        <v>62</v>
      </c>
      <c r="C81" s="16">
        <v>56</v>
      </c>
      <c r="D81" s="17">
        <v>118</v>
      </c>
    </row>
    <row r="82" spans="1:4" ht="18" customHeight="1" x14ac:dyDescent="0.2">
      <c r="A82" s="14">
        <v>64</v>
      </c>
      <c r="B82" s="15">
        <v>63</v>
      </c>
      <c r="C82" s="16">
        <v>61</v>
      </c>
      <c r="D82" s="17">
        <v>124</v>
      </c>
    </row>
    <row r="83" spans="1:4" ht="18" customHeight="1" x14ac:dyDescent="0.2">
      <c r="A83" s="18" t="s">
        <v>61</v>
      </c>
      <c r="B83" s="15">
        <v>287</v>
      </c>
      <c r="C83" s="16">
        <v>305</v>
      </c>
      <c r="D83" s="17">
        <v>592</v>
      </c>
    </row>
    <row r="84" spans="1:4" ht="18" customHeight="1" x14ac:dyDescent="0.2">
      <c r="A84" s="18" t="s">
        <v>62</v>
      </c>
      <c r="B84" s="15">
        <v>3791</v>
      </c>
      <c r="C84" s="16">
        <v>3634</v>
      </c>
      <c r="D84" s="17">
        <v>7425</v>
      </c>
    </row>
    <row r="85" spans="1:4" ht="18" customHeight="1" x14ac:dyDescent="0.2">
      <c r="A85" s="14">
        <v>65</v>
      </c>
      <c r="B85" s="15">
        <v>75</v>
      </c>
      <c r="C85" s="16">
        <v>62</v>
      </c>
      <c r="D85" s="17">
        <v>137</v>
      </c>
    </row>
    <row r="86" spans="1:4" ht="18" customHeight="1" x14ac:dyDescent="0.2">
      <c r="A86" s="14">
        <v>66</v>
      </c>
      <c r="B86" s="15">
        <v>64</v>
      </c>
      <c r="C86" s="16">
        <v>72</v>
      </c>
      <c r="D86" s="17">
        <v>136</v>
      </c>
    </row>
    <row r="87" spans="1:4" ht="18" customHeight="1" x14ac:dyDescent="0.2">
      <c r="A87" s="14">
        <v>67</v>
      </c>
      <c r="B87" s="15">
        <v>56</v>
      </c>
      <c r="C87" s="16">
        <v>69</v>
      </c>
      <c r="D87" s="17">
        <v>125</v>
      </c>
    </row>
    <row r="88" spans="1:4" ht="18" customHeight="1" x14ac:dyDescent="0.2">
      <c r="A88" s="14">
        <v>68</v>
      </c>
      <c r="B88" s="15">
        <v>72</v>
      </c>
      <c r="C88" s="16">
        <v>87</v>
      </c>
      <c r="D88" s="17">
        <v>159</v>
      </c>
    </row>
    <row r="89" spans="1:4" ht="18" customHeight="1" x14ac:dyDescent="0.2">
      <c r="A89" s="14">
        <v>69</v>
      </c>
      <c r="B89" s="15">
        <v>83</v>
      </c>
      <c r="C89" s="16">
        <v>96</v>
      </c>
      <c r="D89" s="17">
        <v>179</v>
      </c>
    </row>
    <row r="90" spans="1:4" ht="18" customHeight="1" x14ac:dyDescent="0.2">
      <c r="A90" s="18" t="s">
        <v>63</v>
      </c>
      <c r="B90" s="15">
        <v>350</v>
      </c>
      <c r="C90" s="16">
        <v>386</v>
      </c>
      <c r="D90" s="17">
        <v>736</v>
      </c>
    </row>
    <row r="91" spans="1:4" ht="18" customHeight="1" x14ac:dyDescent="0.2">
      <c r="A91" s="14">
        <v>70</v>
      </c>
      <c r="B91" s="15">
        <v>99</v>
      </c>
      <c r="C91" s="16">
        <v>95</v>
      </c>
      <c r="D91" s="17">
        <v>194</v>
      </c>
    </row>
    <row r="92" spans="1:4" ht="18" customHeight="1" x14ac:dyDescent="0.2">
      <c r="A92" s="14">
        <v>71</v>
      </c>
      <c r="B92" s="15">
        <v>97</v>
      </c>
      <c r="C92" s="16">
        <v>107</v>
      </c>
      <c r="D92" s="17">
        <v>204</v>
      </c>
    </row>
    <row r="93" spans="1:4" ht="18" customHeight="1" x14ac:dyDescent="0.2">
      <c r="A93" s="14">
        <v>72</v>
      </c>
      <c r="B93" s="15">
        <v>78</v>
      </c>
      <c r="C93" s="16">
        <v>121</v>
      </c>
      <c r="D93" s="17">
        <v>199</v>
      </c>
    </row>
    <row r="94" spans="1:4" ht="18" customHeight="1" x14ac:dyDescent="0.2">
      <c r="A94" s="14">
        <v>73</v>
      </c>
      <c r="B94" s="15">
        <v>45</v>
      </c>
      <c r="C94" s="16">
        <v>54</v>
      </c>
      <c r="D94" s="17">
        <v>99</v>
      </c>
    </row>
    <row r="95" spans="1:4" ht="18" customHeight="1" x14ac:dyDescent="0.2">
      <c r="A95" s="14">
        <v>74</v>
      </c>
      <c r="B95" s="15">
        <v>47</v>
      </c>
      <c r="C95" s="16">
        <v>53</v>
      </c>
      <c r="D95" s="17">
        <v>100</v>
      </c>
    </row>
    <row r="96" spans="1:4" ht="18" customHeight="1" x14ac:dyDescent="0.2">
      <c r="A96" s="18" t="s">
        <v>64</v>
      </c>
      <c r="B96" s="15">
        <v>366</v>
      </c>
      <c r="C96" s="16">
        <v>430</v>
      </c>
      <c r="D96" s="17">
        <v>796</v>
      </c>
    </row>
    <row r="97" spans="1:4" ht="18" customHeight="1" x14ac:dyDescent="0.2">
      <c r="A97" s="14">
        <v>75</v>
      </c>
      <c r="B97" s="15">
        <v>69</v>
      </c>
      <c r="C97" s="16">
        <v>87</v>
      </c>
      <c r="D97" s="17">
        <v>156</v>
      </c>
    </row>
    <row r="98" spans="1:4" ht="18" customHeight="1" x14ac:dyDescent="0.2">
      <c r="A98" s="14">
        <v>76</v>
      </c>
      <c r="B98" s="15">
        <v>64</v>
      </c>
      <c r="C98" s="16">
        <v>77</v>
      </c>
      <c r="D98" s="17">
        <v>141</v>
      </c>
    </row>
    <row r="99" spans="1:4" ht="18" customHeight="1" x14ac:dyDescent="0.2">
      <c r="A99" s="14">
        <v>77</v>
      </c>
      <c r="B99" s="15">
        <v>63</v>
      </c>
      <c r="C99" s="16">
        <v>91</v>
      </c>
      <c r="D99" s="17">
        <v>154</v>
      </c>
    </row>
    <row r="100" spans="1:4" ht="18" customHeight="1" x14ac:dyDescent="0.2">
      <c r="A100" s="14">
        <v>78</v>
      </c>
      <c r="B100" s="15">
        <v>62</v>
      </c>
      <c r="C100" s="16">
        <v>74</v>
      </c>
      <c r="D100" s="17">
        <v>136</v>
      </c>
    </row>
    <row r="101" spans="1:4" ht="18" customHeight="1" x14ac:dyDescent="0.2">
      <c r="A101" s="14">
        <v>79</v>
      </c>
      <c r="B101" s="15">
        <v>50</v>
      </c>
      <c r="C101" s="16">
        <v>75</v>
      </c>
      <c r="D101" s="17">
        <v>125</v>
      </c>
    </row>
    <row r="102" spans="1:4" ht="18" customHeight="1" x14ac:dyDescent="0.2">
      <c r="A102" s="18" t="s">
        <v>65</v>
      </c>
      <c r="B102" s="15">
        <v>308</v>
      </c>
      <c r="C102" s="16">
        <v>404</v>
      </c>
      <c r="D102" s="17">
        <v>712</v>
      </c>
    </row>
    <row r="103" spans="1:4" ht="18" customHeight="1" x14ac:dyDescent="0.2">
      <c r="A103" s="14">
        <v>80</v>
      </c>
      <c r="B103" s="15">
        <v>43</v>
      </c>
      <c r="C103" s="16">
        <v>65</v>
      </c>
      <c r="D103" s="17">
        <v>108</v>
      </c>
    </row>
    <row r="104" spans="1:4" ht="18" customHeight="1" x14ac:dyDescent="0.2">
      <c r="A104" s="14">
        <v>81</v>
      </c>
      <c r="B104" s="15">
        <v>39</v>
      </c>
      <c r="C104" s="16">
        <v>50</v>
      </c>
      <c r="D104" s="17">
        <v>89</v>
      </c>
    </row>
    <row r="105" spans="1:4" ht="18" customHeight="1" x14ac:dyDescent="0.2">
      <c r="A105" s="14">
        <v>82</v>
      </c>
      <c r="B105" s="15">
        <v>43</v>
      </c>
      <c r="C105" s="16">
        <v>48</v>
      </c>
      <c r="D105" s="17">
        <v>91</v>
      </c>
    </row>
    <row r="106" spans="1:4" ht="18" customHeight="1" x14ac:dyDescent="0.2">
      <c r="A106" s="14">
        <v>83</v>
      </c>
      <c r="B106" s="15">
        <v>44</v>
      </c>
      <c r="C106" s="16">
        <v>62</v>
      </c>
      <c r="D106" s="17">
        <v>106</v>
      </c>
    </row>
    <row r="107" spans="1:4" ht="18" customHeight="1" x14ac:dyDescent="0.2">
      <c r="A107" s="14">
        <v>84</v>
      </c>
      <c r="B107" s="15">
        <v>33</v>
      </c>
      <c r="C107" s="16">
        <v>47</v>
      </c>
      <c r="D107" s="17">
        <v>80</v>
      </c>
    </row>
    <row r="108" spans="1:4" ht="18" customHeight="1" x14ac:dyDescent="0.2">
      <c r="A108" s="18" t="s">
        <v>66</v>
      </c>
      <c r="B108" s="15">
        <v>202</v>
      </c>
      <c r="C108" s="16">
        <v>272</v>
      </c>
      <c r="D108" s="17">
        <v>474</v>
      </c>
    </row>
    <row r="109" spans="1:4" ht="18" customHeight="1" x14ac:dyDescent="0.2">
      <c r="A109" s="14">
        <v>85</v>
      </c>
      <c r="B109" s="15">
        <v>30</v>
      </c>
      <c r="C109" s="16">
        <v>53</v>
      </c>
      <c r="D109" s="17">
        <v>83</v>
      </c>
    </row>
    <row r="110" spans="1:4" ht="18" customHeight="1" x14ac:dyDescent="0.2">
      <c r="A110" s="14">
        <v>86</v>
      </c>
      <c r="B110" s="15">
        <v>26</v>
      </c>
      <c r="C110" s="16">
        <v>55</v>
      </c>
      <c r="D110" s="17">
        <v>81</v>
      </c>
    </row>
    <row r="111" spans="1:4" ht="18" customHeight="1" x14ac:dyDescent="0.2">
      <c r="A111" s="14">
        <v>87</v>
      </c>
      <c r="B111" s="15">
        <v>24</v>
      </c>
      <c r="C111" s="16">
        <v>36</v>
      </c>
      <c r="D111" s="17">
        <v>60</v>
      </c>
    </row>
    <row r="112" spans="1:4" ht="18" customHeight="1" x14ac:dyDescent="0.2">
      <c r="A112" s="14">
        <v>88</v>
      </c>
      <c r="B112" s="15">
        <v>16</v>
      </c>
      <c r="C112" s="16">
        <v>37</v>
      </c>
      <c r="D112" s="17">
        <v>53</v>
      </c>
    </row>
    <row r="113" spans="1:4" ht="18" customHeight="1" x14ac:dyDescent="0.2">
      <c r="A113" s="14">
        <v>89</v>
      </c>
      <c r="B113" s="15">
        <v>10</v>
      </c>
      <c r="C113" s="16">
        <v>35</v>
      </c>
      <c r="D113" s="17">
        <v>45</v>
      </c>
    </row>
    <row r="114" spans="1:4" ht="18" customHeight="1" x14ac:dyDescent="0.2">
      <c r="A114" s="18" t="s">
        <v>67</v>
      </c>
      <c r="B114" s="15">
        <v>106</v>
      </c>
      <c r="C114" s="16">
        <v>216</v>
      </c>
      <c r="D114" s="17">
        <v>322</v>
      </c>
    </row>
    <row r="115" spans="1:4" ht="18" customHeight="1" x14ac:dyDescent="0.2">
      <c r="A115" s="14">
        <v>90</v>
      </c>
      <c r="B115" s="15">
        <v>5</v>
      </c>
      <c r="C115" s="16">
        <v>34</v>
      </c>
      <c r="D115" s="17">
        <v>39</v>
      </c>
    </row>
    <row r="116" spans="1:4" ht="18" customHeight="1" x14ac:dyDescent="0.2">
      <c r="A116" s="14">
        <v>91</v>
      </c>
      <c r="B116" s="15">
        <v>6</v>
      </c>
      <c r="C116" s="16">
        <v>31</v>
      </c>
      <c r="D116" s="17">
        <v>37</v>
      </c>
    </row>
    <row r="117" spans="1:4" ht="18" customHeight="1" x14ac:dyDescent="0.2">
      <c r="A117" s="14">
        <v>92</v>
      </c>
      <c r="B117" s="15">
        <v>7</v>
      </c>
      <c r="C117" s="16">
        <v>25</v>
      </c>
      <c r="D117" s="17">
        <v>32</v>
      </c>
    </row>
    <row r="118" spans="1:4" ht="18" customHeight="1" x14ac:dyDescent="0.2">
      <c r="A118" s="14">
        <v>93</v>
      </c>
      <c r="B118" s="15">
        <v>8</v>
      </c>
      <c r="C118" s="16">
        <v>17</v>
      </c>
      <c r="D118" s="17">
        <v>25</v>
      </c>
    </row>
    <row r="119" spans="1:4" ht="18" customHeight="1" x14ac:dyDescent="0.2">
      <c r="A119" s="14">
        <v>94</v>
      </c>
      <c r="B119" s="15">
        <v>4</v>
      </c>
      <c r="C119" s="16">
        <v>17</v>
      </c>
      <c r="D119" s="17">
        <v>21</v>
      </c>
    </row>
    <row r="120" spans="1:4" ht="18" customHeight="1" x14ac:dyDescent="0.2">
      <c r="A120" s="18" t="s">
        <v>68</v>
      </c>
      <c r="B120" s="15">
        <v>30</v>
      </c>
      <c r="C120" s="16">
        <v>124</v>
      </c>
      <c r="D120" s="17">
        <v>154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6</v>
      </c>
      <c r="C122" s="16">
        <v>16</v>
      </c>
      <c r="D122" s="17">
        <v>22</v>
      </c>
    </row>
    <row r="123" spans="1:4" ht="18" customHeight="1" x14ac:dyDescent="0.2">
      <c r="A123" s="14">
        <v>97</v>
      </c>
      <c r="B123" s="15">
        <v>2</v>
      </c>
      <c r="C123" s="16">
        <v>8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2</v>
      </c>
      <c r="C126" s="16">
        <v>42</v>
      </c>
      <c r="D126" s="17">
        <v>54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375</v>
      </c>
      <c r="C130" s="5">
        <v>1879</v>
      </c>
      <c r="D130" s="6">
        <v>3254</v>
      </c>
    </row>
    <row r="131" spans="1:4" ht="18" customHeight="1" x14ac:dyDescent="0.2">
      <c r="A131" s="20" t="s">
        <v>47</v>
      </c>
      <c r="B131" s="7">
        <v>6018</v>
      </c>
      <c r="C131" s="8">
        <v>6347</v>
      </c>
      <c r="D131" s="9">
        <v>123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5</v>
      </c>
      <c r="C5" s="12">
        <v>67</v>
      </c>
      <c r="D5" s="13">
        <v>162</v>
      </c>
    </row>
    <row r="6" spans="1:4" ht="18" customHeight="1" x14ac:dyDescent="0.2">
      <c r="A6" s="14">
        <v>1</v>
      </c>
      <c r="B6" s="15">
        <v>78</v>
      </c>
      <c r="C6" s="16">
        <v>73</v>
      </c>
      <c r="D6" s="17">
        <v>151</v>
      </c>
    </row>
    <row r="7" spans="1:4" ht="18" customHeight="1" x14ac:dyDescent="0.2">
      <c r="A7" s="14">
        <v>2</v>
      </c>
      <c r="B7" s="15">
        <v>99</v>
      </c>
      <c r="C7" s="16">
        <v>66</v>
      </c>
      <c r="D7" s="17">
        <v>165</v>
      </c>
    </row>
    <row r="8" spans="1:4" ht="18" customHeight="1" x14ac:dyDescent="0.2">
      <c r="A8" s="14">
        <v>3</v>
      </c>
      <c r="B8" s="15">
        <v>100</v>
      </c>
      <c r="C8" s="16">
        <v>90</v>
      </c>
      <c r="D8" s="17">
        <v>190</v>
      </c>
    </row>
    <row r="9" spans="1:4" ht="18" customHeight="1" x14ac:dyDescent="0.2">
      <c r="A9" s="14">
        <v>4</v>
      </c>
      <c r="B9" s="15">
        <v>98</v>
      </c>
      <c r="C9" s="16">
        <v>69</v>
      </c>
      <c r="D9" s="17">
        <v>167</v>
      </c>
    </row>
    <row r="10" spans="1:4" ht="18" customHeight="1" x14ac:dyDescent="0.2">
      <c r="A10" s="18" t="s">
        <v>48</v>
      </c>
      <c r="B10" s="15">
        <v>470</v>
      </c>
      <c r="C10" s="16">
        <v>365</v>
      </c>
      <c r="D10" s="17">
        <v>835</v>
      </c>
    </row>
    <row r="11" spans="1:4" ht="18" customHeight="1" x14ac:dyDescent="0.2">
      <c r="A11" s="14">
        <v>5</v>
      </c>
      <c r="B11" s="15">
        <v>78</v>
      </c>
      <c r="C11" s="16">
        <v>105</v>
      </c>
      <c r="D11" s="17">
        <v>183</v>
      </c>
    </row>
    <row r="12" spans="1:4" ht="18" customHeight="1" x14ac:dyDescent="0.2">
      <c r="A12" s="14">
        <v>6</v>
      </c>
      <c r="B12" s="15">
        <v>93</v>
      </c>
      <c r="C12" s="16">
        <v>74</v>
      </c>
      <c r="D12" s="17">
        <v>167</v>
      </c>
    </row>
    <row r="13" spans="1:4" ht="18" customHeight="1" x14ac:dyDescent="0.2">
      <c r="A13" s="14">
        <v>7</v>
      </c>
      <c r="B13" s="15">
        <v>90</v>
      </c>
      <c r="C13" s="16">
        <v>104</v>
      </c>
      <c r="D13" s="17">
        <v>194</v>
      </c>
    </row>
    <row r="14" spans="1:4" ht="18" customHeight="1" x14ac:dyDescent="0.2">
      <c r="A14" s="14">
        <v>8</v>
      </c>
      <c r="B14" s="15">
        <v>98</v>
      </c>
      <c r="C14" s="16">
        <v>76</v>
      </c>
      <c r="D14" s="17">
        <v>174</v>
      </c>
    </row>
    <row r="15" spans="1:4" ht="18" customHeight="1" x14ac:dyDescent="0.2">
      <c r="A15" s="14">
        <v>9</v>
      </c>
      <c r="B15" s="15">
        <v>84</v>
      </c>
      <c r="C15" s="16">
        <v>84</v>
      </c>
      <c r="D15" s="17">
        <v>168</v>
      </c>
    </row>
    <row r="16" spans="1:4" ht="18" customHeight="1" x14ac:dyDescent="0.2">
      <c r="A16" s="18" t="s">
        <v>49</v>
      </c>
      <c r="B16" s="15">
        <v>443</v>
      </c>
      <c r="C16" s="16">
        <v>443</v>
      </c>
      <c r="D16" s="17">
        <v>886</v>
      </c>
    </row>
    <row r="17" spans="1:4" ht="18" customHeight="1" x14ac:dyDescent="0.2">
      <c r="A17" s="14">
        <v>10</v>
      </c>
      <c r="B17" s="15">
        <v>95</v>
      </c>
      <c r="C17" s="16">
        <v>94</v>
      </c>
      <c r="D17" s="17">
        <v>189</v>
      </c>
    </row>
    <row r="18" spans="1:4" ht="18" customHeight="1" x14ac:dyDescent="0.2">
      <c r="A18" s="14">
        <v>11</v>
      </c>
      <c r="B18" s="15">
        <v>98</v>
      </c>
      <c r="C18" s="16">
        <v>85</v>
      </c>
      <c r="D18" s="17">
        <v>183</v>
      </c>
    </row>
    <row r="19" spans="1:4" ht="18" customHeight="1" x14ac:dyDescent="0.2">
      <c r="A19" s="14">
        <v>12</v>
      </c>
      <c r="B19" s="15">
        <v>76</v>
      </c>
      <c r="C19" s="16">
        <v>100</v>
      </c>
      <c r="D19" s="17">
        <v>176</v>
      </c>
    </row>
    <row r="20" spans="1:4" ht="18" customHeight="1" x14ac:dyDescent="0.2">
      <c r="A20" s="14">
        <v>13</v>
      </c>
      <c r="B20" s="15">
        <v>84</v>
      </c>
      <c r="C20" s="16">
        <v>89</v>
      </c>
      <c r="D20" s="17">
        <v>173</v>
      </c>
    </row>
    <row r="21" spans="1:4" ht="18" customHeight="1" x14ac:dyDescent="0.2">
      <c r="A21" s="14">
        <v>14</v>
      </c>
      <c r="B21" s="15">
        <v>75</v>
      </c>
      <c r="C21" s="16">
        <v>58</v>
      </c>
      <c r="D21" s="17">
        <v>133</v>
      </c>
    </row>
    <row r="22" spans="1:4" ht="18" customHeight="1" x14ac:dyDescent="0.2">
      <c r="A22" s="18" t="s">
        <v>50</v>
      </c>
      <c r="B22" s="15">
        <v>428</v>
      </c>
      <c r="C22" s="16">
        <v>426</v>
      </c>
      <c r="D22" s="17">
        <v>854</v>
      </c>
    </row>
    <row r="23" spans="1:4" ht="18" customHeight="1" x14ac:dyDescent="0.2">
      <c r="A23" s="18" t="s">
        <v>51</v>
      </c>
      <c r="B23" s="15">
        <v>1341</v>
      </c>
      <c r="C23" s="16">
        <v>1234</v>
      </c>
      <c r="D23" s="17">
        <v>2575</v>
      </c>
    </row>
    <row r="24" spans="1:4" ht="18" customHeight="1" x14ac:dyDescent="0.2">
      <c r="A24" s="14">
        <v>15</v>
      </c>
      <c r="B24" s="15">
        <v>87</v>
      </c>
      <c r="C24" s="16">
        <v>73</v>
      </c>
      <c r="D24" s="17">
        <v>160</v>
      </c>
    </row>
    <row r="25" spans="1:4" ht="18" customHeight="1" x14ac:dyDescent="0.2">
      <c r="A25" s="14">
        <v>16</v>
      </c>
      <c r="B25" s="15">
        <v>77</v>
      </c>
      <c r="C25" s="16">
        <v>73</v>
      </c>
      <c r="D25" s="17">
        <v>150</v>
      </c>
    </row>
    <row r="26" spans="1:4" ht="18" customHeight="1" x14ac:dyDescent="0.2">
      <c r="A26" s="14">
        <v>17</v>
      </c>
      <c r="B26" s="15">
        <v>76</v>
      </c>
      <c r="C26" s="16">
        <v>70</v>
      </c>
      <c r="D26" s="17">
        <v>146</v>
      </c>
    </row>
    <row r="27" spans="1:4" ht="18" customHeight="1" x14ac:dyDescent="0.2">
      <c r="A27" s="14">
        <v>18</v>
      </c>
      <c r="B27" s="15">
        <v>53</v>
      </c>
      <c r="C27" s="16">
        <v>69</v>
      </c>
      <c r="D27" s="17">
        <v>122</v>
      </c>
    </row>
    <row r="28" spans="1:4" ht="18" customHeight="1" x14ac:dyDescent="0.2">
      <c r="A28" s="14">
        <v>19</v>
      </c>
      <c r="B28" s="15">
        <v>71</v>
      </c>
      <c r="C28" s="16">
        <v>51</v>
      </c>
      <c r="D28" s="17">
        <v>122</v>
      </c>
    </row>
    <row r="29" spans="1:4" ht="18" customHeight="1" x14ac:dyDescent="0.2">
      <c r="A29" s="18" t="s">
        <v>52</v>
      </c>
      <c r="B29" s="15">
        <v>364</v>
      </c>
      <c r="C29" s="16">
        <v>336</v>
      </c>
      <c r="D29" s="17">
        <v>700</v>
      </c>
    </row>
    <row r="30" spans="1:4" ht="18" customHeight="1" x14ac:dyDescent="0.2">
      <c r="A30" s="14">
        <v>20</v>
      </c>
      <c r="B30" s="15">
        <v>76</v>
      </c>
      <c r="C30" s="16">
        <v>66</v>
      </c>
      <c r="D30" s="17">
        <v>142</v>
      </c>
    </row>
    <row r="31" spans="1:4" ht="18" customHeight="1" x14ac:dyDescent="0.2">
      <c r="A31" s="14">
        <v>21</v>
      </c>
      <c r="B31" s="15">
        <v>50</v>
      </c>
      <c r="C31" s="16">
        <v>73</v>
      </c>
      <c r="D31" s="17">
        <v>123</v>
      </c>
    </row>
    <row r="32" spans="1:4" ht="18" customHeight="1" x14ac:dyDescent="0.2">
      <c r="A32" s="14">
        <v>22</v>
      </c>
      <c r="B32" s="15">
        <v>43</v>
      </c>
      <c r="C32" s="16">
        <v>70</v>
      </c>
      <c r="D32" s="17">
        <v>113</v>
      </c>
    </row>
    <row r="33" spans="1:4" ht="18" customHeight="1" x14ac:dyDescent="0.2">
      <c r="A33" s="14">
        <v>23</v>
      </c>
      <c r="B33" s="15">
        <v>63</v>
      </c>
      <c r="C33" s="16">
        <v>57</v>
      </c>
      <c r="D33" s="17">
        <v>120</v>
      </c>
    </row>
    <row r="34" spans="1:4" ht="18" customHeight="1" x14ac:dyDescent="0.2">
      <c r="A34" s="14">
        <v>24</v>
      </c>
      <c r="B34" s="15">
        <v>66</v>
      </c>
      <c r="C34" s="16">
        <v>79</v>
      </c>
      <c r="D34" s="17">
        <v>145</v>
      </c>
    </row>
    <row r="35" spans="1:4" ht="18" customHeight="1" x14ac:dyDescent="0.2">
      <c r="A35" s="18" t="s">
        <v>53</v>
      </c>
      <c r="B35" s="15">
        <v>298</v>
      </c>
      <c r="C35" s="16">
        <v>345</v>
      </c>
      <c r="D35" s="17">
        <v>643</v>
      </c>
    </row>
    <row r="36" spans="1:4" ht="18" customHeight="1" x14ac:dyDescent="0.2">
      <c r="A36" s="14">
        <v>25</v>
      </c>
      <c r="B36" s="15">
        <v>62</v>
      </c>
      <c r="C36" s="16">
        <v>83</v>
      </c>
      <c r="D36" s="17">
        <v>145</v>
      </c>
    </row>
    <row r="37" spans="1:4" ht="18" customHeight="1" x14ac:dyDescent="0.2">
      <c r="A37" s="14">
        <v>26</v>
      </c>
      <c r="B37" s="15">
        <v>70</v>
      </c>
      <c r="C37" s="16">
        <v>84</v>
      </c>
      <c r="D37" s="17">
        <v>154</v>
      </c>
    </row>
    <row r="38" spans="1:4" ht="18" customHeight="1" x14ac:dyDescent="0.2">
      <c r="A38" s="14">
        <v>27</v>
      </c>
      <c r="B38" s="15">
        <v>66</v>
      </c>
      <c r="C38" s="16">
        <v>68</v>
      </c>
      <c r="D38" s="17">
        <v>134</v>
      </c>
    </row>
    <row r="39" spans="1:4" ht="18" customHeight="1" x14ac:dyDescent="0.2">
      <c r="A39" s="14">
        <v>28</v>
      </c>
      <c r="B39" s="15">
        <v>80</v>
      </c>
      <c r="C39" s="16">
        <v>86</v>
      </c>
      <c r="D39" s="17">
        <v>166</v>
      </c>
    </row>
    <row r="40" spans="1:4" ht="18" customHeight="1" x14ac:dyDescent="0.2">
      <c r="A40" s="14">
        <v>29</v>
      </c>
      <c r="B40" s="15">
        <v>79</v>
      </c>
      <c r="C40" s="16">
        <v>93</v>
      </c>
      <c r="D40" s="17">
        <v>172</v>
      </c>
    </row>
    <row r="41" spans="1:4" ht="18" customHeight="1" x14ac:dyDescent="0.2">
      <c r="A41" s="18" t="s">
        <v>54</v>
      </c>
      <c r="B41" s="15">
        <v>357</v>
      </c>
      <c r="C41" s="16">
        <v>414</v>
      </c>
      <c r="D41" s="17">
        <v>771</v>
      </c>
    </row>
    <row r="42" spans="1:4" ht="18" customHeight="1" x14ac:dyDescent="0.2">
      <c r="A42" s="14">
        <v>30</v>
      </c>
      <c r="B42" s="15">
        <v>106</v>
      </c>
      <c r="C42" s="16">
        <v>95</v>
      </c>
      <c r="D42" s="17">
        <v>201</v>
      </c>
    </row>
    <row r="43" spans="1:4" ht="18" customHeight="1" x14ac:dyDescent="0.2">
      <c r="A43" s="14">
        <v>31</v>
      </c>
      <c r="B43" s="15">
        <v>106</v>
      </c>
      <c r="C43" s="16">
        <v>94</v>
      </c>
      <c r="D43" s="17">
        <v>200</v>
      </c>
    </row>
    <row r="44" spans="1:4" ht="18" customHeight="1" x14ac:dyDescent="0.2">
      <c r="A44" s="14">
        <v>32</v>
      </c>
      <c r="B44" s="15">
        <v>89</v>
      </c>
      <c r="C44" s="16">
        <v>98</v>
      </c>
      <c r="D44" s="17">
        <v>187</v>
      </c>
    </row>
    <row r="45" spans="1:4" ht="18" customHeight="1" x14ac:dyDescent="0.2">
      <c r="A45" s="14">
        <v>33</v>
      </c>
      <c r="B45" s="15">
        <v>110</v>
      </c>
      <c r="C45" s="16">
        <v>102</v>
      </c>
      <c r="D45" s="17">
        <v>212</v>
      </c>
    </row>
    <row r="46" spans="1:4" ht="18" customHeight="1" x14ac:dyDescent="0.2">
      <c r="A46" s="14">
        <v>34</v>
      </c>
      <c r="B46" s="15">
        <v>124</v>
      </c>
      <c r="C46" s="16">
        <v>113</v>
      </c>
      <c r="D46" s="17">
        <v>237</v>
      </c>
    </row>
    <row r="47" spans="1:4" ht="18" customHeight="1" x14ac:dyDescent="0.2">
      <c r="A47" s="18" t="s">
        <v>55</v>
      </c>
      <c r="B47" s="15">
        <v>535</v>
      </c>
      <c r="C47" s="16">
        <v>502</v>
      </c>
      <c r="D47" s="17">
        <v>1037</v>
      </c>
    </row>
    <row r="48" spans="1:4" ht="18" customHeight="1" x14ac:dyDescent="0.2">
      <c r="A48" s="14">
        <v>35</v>
      </c>
      <c r="B48" s="15">
        <v>126</v>
      </c>
      <c r="C48" s="16">
        <v>108</v>
      </c>
      <c r="D48" s="17">
        <v>234</v>
      </c>
    </row>
    <row r="49" spans="1:4" ht="18" customHeight="1" x14ac:dyDescent="0.2">
      <c r="A49" s="14">
        <v>36</v>
      </c>
      <c r="B49" s="15">
        <v>125</v>
      </c>
      <c r="C49" s="16">
        <v>109</v>
      </c>
      <c r="D49" s="17">
        <v>234</v>
      </c>
    </row>
    <row r="50" spans="1:4" ht="18" customHeight="1" x14ac:dyDescent="0.2">
      <c r="A50" s="14">
        <v>37</v>
      </c>
      <c r="B50" s="15">
        <v>125</v>
      </c>
      <c r="C50" s="16">
        <v>107</v>
      </c>
      <c r="D50" s="17">
        <v>232</v>
      </c>
    </row>
    <row r="51" spans="1:4" ht="18" customHeight="1" x14ac:dyDescent="0.2">
      <c r="A51" s="14">
        <v>38</v>
      </c>
      <c r="B51" s="15">
        <v>123</v>
      </c>
      <c r="C51" s="16">
        <v>135</v>
      </c>
      <c r="D51" s="17">
        <v>258</v>
      </c>
    </row>
    <row r="52" spans="1:4" ht="18" customHeight="1" x14ac:dyDescent="0.2">
      <c r="A52" s="14">
        <v>39</v>
      </c>
      <c r="B52" s="15">
        <v>150</v>
      </c>
      <c r="C52" s="16">
        <v>97</v>
      </c>
      <c r="D52" s="17">
        <v>247</v>
      </c>
    </row>
    <row r="53" spans="1:4" ht="18" customHeight="1" x14ac:dyDescent="0.2">
      <c r="A53" s="18" t="s">
        <v>56</v>
      </c>
      <c r="B53" s="15">
        <v>649</v>
      </c>
      <c r="C53" s="16">
        <v>556</v>
      </c>
      <c r="D53" s="17">
        <v>1205</v>
      </c>
    </row>
    <row r="54" spans="1:4" ht="18" customHeight="1" x14ac:dyDescent="0.2">
      <c r="A54" s="14">
        <v>40</v>
      </c>
      <c r="B54" s="15">
        <v>126</v>
      </c>
      <c r="C54" s="16">
        <v>128</v>
      </c>
      <c r="D54" s="17">
        <v>254</v>
      </c>
    </row>
    <row r="55" spans="1:4" ht="18" customHeight="1" x14ac:dyDescent="0.2">
      <c r="A55" s="14">
        <v>41</v>
      </c>
      <c r="B55" s="15">
        <v>109</v>
      </c>
      <c r="C55" s="16">
        <v>106</v>
      </c>
      <c r="D55" s="17">
        <v>215</v>
      </c>
    </row>
    <row r="56" spans="1:4" ht="18" customHeight="1" x14ac:dyDescent="0.2">
      <c r="A56" s="14">
        <v>42</v>
      </c>
      <c r="B56" s="15">
        <v>138</v>
      </c>
      <c r="C56" s="16">
        <v>125</v>
      </c>
      <c r="D56" s="17">
        <v>263</v>
      </c>
    </row>
    <row r="57" spans="1:4" ht="18" customHeight="1" x14ac:dyDescent="0.2">
      <c r="A57" s="14">
        <v>43</v>
      </c>
      <c r="B57" s="15">
        <v>135</v>
      </c>
      <c r="C57" s="16">
        <v>130</v>
      </c>
      <c r="D57" s="17">
        <v>265</v>
      </c>
    </row>
    <row r="58" spans="1:4" ht="18" customHeight="1" x14ac:dyDescent="0.2">
      <c r="A58" s="14">
        <v>44</v>
      </c>
      <c r="B58" s="15">
        <v>163</v>
      </c>
      <c r="C58" s="16">
        <v>146</v>
      </c>
      <c r="D58" s="17">
        <v>309</v>
      </c>
    </row>
    <row r="59" spans="1:4" ht="18" customHeight="1" x14ac:dyDescent="0.2">
      <c r="A59" s="18" t="s">
        <v>57</v>
      </c>
      <c r="B59" s="15">
        <v>671</v>
      </c>
      <c r="C59" s="16">
        <v>635</v>
      </c>
      <c r="D59" s="17">
        <v>1306</v>
      </c>
    </row>
    <row r="60" spans="1:4" ht="18" customHeight="1" x14ac:dyDescent="0.2">
      <c r="A60" s="14">
        <v>45</v>
      </c>
      <c r="B60" s="15">
        <v>150</v>
      </c>
      <c r="C60" s="16">
        <v>166</v>
      </c>
      <c r="D60" s="17">
        <v>316</v>
      </c>
    </row>
    <row r="61" spans="1:4" ht="18" customHeight="1" x14ac:dyDescent="0.2">
      <c r="A61" s="14">
        <v>46</v>
      </c>
      <c r="B61" s="15">
        <v>139</v>
      </c>
      <c r="C61" s="16">
        <v>142</v>
      </c>
      <c r="D61" s="17">
        <v>281</v>
      </c>
    </row>
    <row r="62" spans="1:4" ht="18" customHeight="1" x14ac:dyDescent="0.2">
      <c r="A62" s="14">
        <v>47</v>
      </c>
      <c r="B62" s="15">
        <v>158</v>
      </c>
      <c r="C62" s="16">
        <v>118</v>
      </c>
      <c r="D62" s="17">
        <v>276</v>
      </c>
    </row>
    <row r="63" spans="1:4" ht="18" customHeight="1" x14ac:dyDescent="0.2">
      <c r="A63" s="14">
        <v>48</v>
      </c>
      <c r="B63" s="15">
        <v>117</v>
      </c>
      <c r="C63" s="16">
        <v>120</v>
      </c>
      <c r="D63" s="17">
        <v>237</v>
      </c>
    </row>
    <row r="64" spans="1:4" ht="18" customHeight="1" x14ac:dyDescent="0.2">
      <c r="A64" s="14">
        <v>49</v>
      </c>
      <c r="B64" s="15">
        <v>103</v>
      </c>
      <c r="C64" s="16">
        <v>95</v>
      </c>
      <c r="D64" s="17">
        <v>198</v>
      </c>
    </row>
    <row r="65" spans="1:4" ht="18" customHeight="1" x14ac:dyDescent="0.2">
      <c r="A65" s="18" t="s">
        <v>58</v>
      </c>
      <c r="B65" s="15">
        <v>667</v>
      </c>
      <c r="C65" s="16">
        <v>641</v>
      </c>
      <c r="D65" s="17">
        <v>1308</v>
      </c>
    </row>
    <row r="66" spans="1:4" ht="18" customHeight="1" x14ac:dyDescent="0.2">
      <c r="A66" s="14">
        <v>50</v>
      </c>
      <c r="B66" s="15">
        <v>104</v>
      </c>
      <c r="C66" s="16">
        <v>103</v>
      </c>
      <c r="D66" s="17">
        <v>207</v>
      </c>
    </row>
    <row r="67" spans="1:4" ht="18" customHeight="1" x14ac:dyDescent="0.2">
      <c r="A67" s="14">
        <v>51</v>
      </c>
      <c r="B67" s="15">
        <v>94</v>
      </c>
      <c r="C67" s="16">
        <v>97</v>
      </c>
      <c r="D67" s="17">
        <v>191</v>
      </c>
    </row>
    <row r="68" spans="1:4" ht="18" customHeight="1" x14ac:dyDescent="0.2">
      <c r="A68" s="14">
        <v>52</v>
      </c>
      <c r="B68" s="15">
        <v>93</v>
      </c>
      <c r="C68" s="16">
        <v>83</v>
      </c>
      <c r="D68" s="17">
        <v>176</v>
      </c>
    </row>
    <row r="69" spans="1:4" ht="18" customHeight="1" x14ac:dyDescent="0.2">
      <c r="A69" s="14">
        <v>53</v>
      </c>
      <c r="B69" s="15">
        <v>66</v>
      </c>
      <c r="C69" s="16">
        <v>70</v>
      </c>
      <c r="D69" s="17">
        <v>136</v>
      </c>
    </row>
    <row r="70" spans="1:4" ht="18" customHeight="1" x14ac:dyDescent="0.2">
      <c r="A70" s="14">
        <v>54</v>
      </c>
      <c r="B70" s="15">
        <v>93</v>
      </c>
      <c r="C70" s="16">
        <v>100</v>
      </c>
      <c r="D70" s="17">
        <v>193</v>
      </c>
    </row>
    <row r="71" spans="1:4" ht="18" customHeight="1" x14ac:dyDescent="0.2">
      <c r="A71" s="18" t="s">
        <v>59</v>
      </c>
      <c r="B71" s="15">
        <v>450</v>
      </c>
      <c r="C71" s="16">
        <v>453</v>
      </c>
      <c r="D71" s="17">
        <v>903</v>
      </c>
    </row>
    <row r="72" spans="1:4" ht="18" customHeight="1" x14ac:dyDescent="0.2">
      <c r="A72" s="14">
        <v>55</v>
      </c>
      <c r="B72" s="15">
        <v>68</v>
      </c>
      <c r="C72" s="16">
        <v>90</v>
      </c>
      <c r="D72" s="17">
        <v>158</v>
      </c>
    </row>
    <row r="73" spans="1:4" ht="18" customHeight="1" x14ac:dyDescent="0.2">
      <c r="A73" s="14">
        <v>56</v>
      </c>
      <c r="B73" s="15">
        <v>80</v>
      </c>
      <c r="C73" s="16">
        <v>85</v>
      </c>
      <c r="D73" s="17">
        <v>165</v>
      </c>
    </row>
    <row r="74" spans="1:4" ht="18" customHeight="1" x14ac:dyDescent="0.2">
      <c r="A74" s="14">
        <v>57</v>
      </c>
      <c r="B74" s="15">
        <v>66</v>
      </c>
      <c r="C74" s="16">
        <v>62</v>
      </c>
      <c r="D74" s="17">
        <v>128</v>
      </c>
    </row>
    <row r="75" spans="1:4" ht="18" customHeight="1" x14ac:dyDescent="0.2">
      <c r="A75" s="14">
        <v>58</v>
      </c>
      <c r="B75" s="15">
        <v>71</v>
      </c>
      <c r="C75" s="16">
        <v>81</v>
      </c>
      <c r="D75" s="17">
        <v>152</v>
      </c>
    </row>
    <row r="76" spans="1:4" ht="18" customHeight="1" x14ac:dyDescent="0.2">
      <c r="A76" s="14">
        <v>59</v>
      </c>
      <c r="B76" s="15">
        <v>73</v>
      </c>
      <c r="C76" s="16">
        <v>74</v>
      </c>
      <c r="D76" s="17">
        <v>147</v>
      </c>
    </row>
    <row r="77" spans="1:4" ht="18" customHeight="1" x14ac:dyDescent="0.2">
      <c r="A77" s="18" t="s">
        <v>60</v>
      </c>
      <c r="B77" s="15">
        <v>358</v>
      </c>
      <c r="C77" s="16">
        <v>392</v>
      </c>
      <c r="D77" s="17">
        <v>750</v>
      </c>
    </row>
    <row r="78" spans="1:4" ht="18" customHeight="1" x14ac:dyDescent="0.2">
      <c r="A78" s="14">
        <v>60</v>
      </c>
      <c r="B78" s="15">
        <v>58</v>
      </c>
      <c r="C78" s="16">
        <v>83</v>
      </c>
      <c r="D78" s="17">
        <v>141</v>
      </c>
    </row>
    <row r="79" spans="1:4" ht="18" customHeight="1" x14ac:dyDescent="0.2">
      <c r="A79" s="14">
        <v>61</v>
      </c>
      <c r="B79" s="15">
        <v>82</v>
      </c>
      <c r="C79" s="16">
        <v>79</v>
      </c>
      <c r="D79" s="17">
        <v>161</v>
      </c>
    </row>
    <row r="80" spans="1:4" ht="18" customHeight="1" x14ac:dyDescent="0.2">
      <c r="A80" s="14">
        <v>62</v>
      </c>
      <c r="B80" s="15">
        <v>65</v>
      </c>
      <c r="C80" s="16">
        <v>68</v>
      </c>
      <c r="D80" s="17">
        <v>133</v>
      </c>
    </row>
    <row r="81" spans="1:4" ht="18" customHeight="1" x14ac:dyDescent="0.2">
      <c r="A81" s="14">
        <v>63</v>
      </c>
      <c r="B81" s="15">
        <v>72</v>
      </c>
      <c r="C81" s="16">
        <v>72</v>
      </c>
      <c r="D81" s="17">
        <v>144</v>
      </c>
    </row>
    <row r="82" spans="1:4" ht="18" customHeight="1" x14ac:dyDescent="0.2">
      <c r="A82" s="14">
        <v>64</v>
      </c>
      <c r="B82" s="15">
        <v>77</v>
      </c>
      <c r="C82" s="16">
        <v>78</v>
      </c>
      <c r="D82" s="17">
        <v>155</v>
      </c>
    </row>
    <row r="83" spans="1:4" ht="18" customHeight="1" x14ac:dyDescent="0.2">
      <c r="A83" s="18" t="s">
        <v>61</v>
      </c>
      <c r="B83" s="15">
        <v>354</v>
      </c>
      <c r="C83" s="16">
        <v>380</v>
      </c>
      <c r="D83" s="17">
        <v>734</v>
      </c>
    </row>
    <row r="84" spans="1:4" ht="18" customHeight="1" x14ac:dyDescent="0.2">
      <c r="A84" s="18" t="s">
        <v>62</v>
      </c>
      <c r="B84" s="15">
        <v>4703</v>
      </c>
      <c r="C84" s="16">
        <v>4654</v>
      </c>
      <c r="D84" s="17">
        <v>9357</v>
      </c>
    </row>
    <row r="85" spans="1:4" ht="18" customHeight="1" x14ac:dyDescent="0.2">
      <c r="A85" s="14">
        <v>65</v>
      </c>
      <c r="B85" s="15">
        <v>82</v>
      </c>
      <c r="C85" s="16">
        <v>84</v>
      </c>
      <c r="D85" s="17">
        <v>166</v>
      </c>
    </row>
    <row r="86" spans="1:4" ht="18" customHeight="1" x14ac:dyDescent="0.2">
      <c r="A86" s="14">
        <v>66</v>
      </c>
      <c r="B86" s="15">
        <v>88</v>
      </c>
      <c r="C86" s="16">
        <v>105</v>
      </c>
      <c r="D86" s="17">
        <v>193</v>
      </c>
    </row>
    <row r="87" spans="1:4" ht="18" customHeight="1" x14ac:dyDescent="0.2">
      <c r="A87" s="14">
        <v>67</v>
      </c>
      <c r="B87" s="15">
        <v>88</v>
      </c>
      <c r="C87" s="16">
        <v>108</v>
      </c>
      <c r="D87" s="17">
        <v>196</v>
      </c>
    </row>
    <row r="88" spans="1:4" ht="18" customHeight="1" x14ac:dyDescent="0.2">
      <c r="A88" s="14">
        <v>68</v>
      </c>
      <c r="B88" s="15">
        <v>82</v>
      </c>
      <c r="C88" s="16">
        <v>84</v>
      </c>
      <c r="D88" s="17">
        <v>166</v>
      </c>
    </row>
    <row r="89" spans="1:4" ht="18" customHeight="1" x14ac:dyDescent="0.2">
      <c r="A89" s="14">
        <v>69</v>
      </c>
      <c r="B89" s="15">
        <v>102</v>
      </c>
      <c r="C89" s="16">
        <v>116</v>
      </c>
      <c r="D89" s="17">
        <v>218</v>
      </c>
    </row>
    <row r="90" spans="1:4" ht="18" customHeight="1" x14ac:dyDescent="0.2">
      <c r="A90" s="18" t="s">
        <v>63</v>
      </c>
      <c r="B90" s="15">
        <v>442</v>
      </c>
      <c r="C90" s="16">
        <v>497</v>
      </c>
      <c r="D90" s="17">
        <v>939</v>
      </c>
    </row>
    <row r="91" spans="1:4" ht="18" customHeight="1" x14ac:dyDescent="0.2">
      <c r="A91" s="14">
        <v>70</v>
      </c>
      <c r="B91" s="15">
        <v>105</v>
      </c>
      <c r="C91" s="16">
        <v>132</v>
      </c>
      <c r="D91" s="17">
        <v>237</v>
      </c>
    </row>
    <row r="92" spans="1:4" ht="18" customHeight="1" x14ac:dyDescent="0.2">
      <c r="A92" s="14">
        <v>71</v>
      </c>
      <c r="B92" s="15">
        <v>112</v>
      </c>
      <c r="C92" s="16">
        <v>155</v>
      </c>
      <c r="D92" s="17">
        <v>267</v>
      </c>
    </row>
    <row r="93" spans="1:4" ht="18" customHeight="1" x14ac:dyDescent="0.2">
      <c r="A93" s="14">
        <v>72</v>
      </c>
      <c r="B93" s="15">
        <v>133</v>
      </c>
      <c r="C93" s="16">
        <v>168</v>
      </c>
      <c r="D93" s="17">
        <v>301</v>
      </c>
    </row>
    <row r="94" spans="1:4" ht="18" customHeight="1" x14ac:dyDescent="0.2">
      <c r="A94" s="14">
        <v>73</v>
      </c>
      <c r="B94" s="15">
        <v>73</v>
      </c>
      <c r="C94" s="16">
        <v>74</v>
      </c>
      <c r="D94" s="17">
        <v>147</v>
      </c>
    </row>
    <row r="95" spans="1:4" ht="18" customHeight="1" x14ac:dyDescent="0.2">
      <c r="A95" s="14">
        <v>74</v>
      </c>
      <c r="B95" s="15">
        <v>72</v>
      </c>
      <c r="C95" s="16">
        <v>95</v>
      </c>
      <c r="D95" s="17">
        <v>167</v>
      </c>
    </row>
    <row r="96" spans="1:4" ht="18" customHeight="1" x14ac:dyDescent="0.2">
      <c r="A96" s="18" t="s">
        <v>64</v>
      </c>
      <c r="B96" s="15">
        <v>495</v>
      </c>
      <c r="C96" s="16">
        <v>624</v>
      </c>
      <c r="D96" s="17">
        <v>1119</v>
      </c>
    </row>
    <row r="97" spans="1:4" ht="18" customHeight="1" x14ac:dyDescent="0.2">
      <c r="A97" s="14">
        <v>75</v>
      </c>
      <c r="B97" s="15">
        <v>93</v>
      </c>
      <c r="C97" s="16">
        <v>113</v>
      </c>
      <c r="D97" s="17">
        <v>206</v>
      </c>
    </row>
    <row r="98" spans="1:4" ht="18" customHeight="1" x14ac:dyDescent="0.2">
      <c r="A98" s="14">
        <v>76</v>
      </c>
      <c r="B98" s="15">
        <v>83</v>
      </c>
      <c r="C98" s="16">
        <v>88</v>
      </c>
      <c r="D98" s="17">
        <v>171</v>
      </c>
    </row>
    <row r="99" spans="1:4" ht="18" customHeight="1" x14ac:dyDescent="0.2">
      <c r="A99" s="14">
        <v>77</v>
      </c>
      <c r="B99" s="15">
        <v>86</v>
      </c>
      <c r="C99" s="16">
        <v>116</v>
      </c>
      <c r="D99" s="17">
        <v>202</v>
      </c>
    </row>
    <row r="100" spans="1:4" ht="18" customHeight="1" x14ac:dyDescent="0.2">
      <c r="A100" s="14">
        <v>78</v>
      </c>
      <c r="B100" s="15">
        <v>76</v>
      </c>
      <c r="C100" s="16">
        <v>92</v>
      </c>
      <c r="D100" s="17">
        <v>168</v>
      </c>
    </row>
    <row r="101" spans="1:4" ht="18" customHeight="1" x14ac:dyDescent="0.2">
      <c r="A101" s="14">
        <v>79</v>
      </c>
      <c r="B101" s="15">
        <v>60</v>
      </c>
      <c r="C101" s="16">
        <v>86</v>
      </c>
      <c r="D101" s="17">
        <v>146</v>
      </c>
    </row>
    <row r="102" spans="1:4" ht="18" customHeight="1" x14ac:dyDescent="0.2">
      <c r="A102" s="18" t="s">
        <v>65</v>
      </c>
      <c r="B102" s="15">
        <v>398</v>
      </c>
      <c r="C102" s="16">
        <v>495</v>
      </c>
      <c r="D102" s="17">
        <v>893</v>
      </c>
    </row>
    <row r="103" spans="1:4" ht="18" customHeight="1" x14ac:dyDescent="0.2">
      <c r="A103" s="14">
        <v>80</v>
      </c>
      <c r="B103" s="15">
        <v>61</v>
      </c>
      <c r="C103" s="16">
        <v>57</v>
      </c>
      <c r="D103" s="17">
        <v>118</v>
      </c>
    </row>
    <row r="104" spans="1:4" ht="18" customHeight="1" x14ac:dyDescent="0.2">
      <c r="A104" s="14">
        <v>81</v>
      </c>
      <c r="B104" s="15">
        <v>53</v>
      </c>
      <c r="C104" s="16">
        <v>57</v>
      </c>
      <c r="D104" s="17">
        <v>110</v>
      </c>
    </row>
    <row r="105" spans="1:4" ht="18" customHeight="1" x14ac:dyDescent="0.2">
      <c r="A105" s="14">
        <v>82</v>
      </c>
      <c r="B105" s="15">
        <v>48</v>
      </c>
      <c r="C105" s="16">
        <v>62</v>
      </c>
      <c r="D105" s="17">
        <v>110</v>
      </c>
    </row>
    <row r="106" spans="1:4" ht="18" customHeight="1" x14ac:dyDescent="0.2">
      <c r="A106" s="14">
        <v>83</v>
      </c>
      <c r="B106" s="15">
        <v>34</v>
      </c>
      <c r="C106" s="16">
        <v>66</v>
      </c>
      <c r="D106" s="17">
        <v>100</v>
      </c>
    </row>
    <row r="107" spans="1:4" ht="18" customHeight="1" x14ac:dyDescent="0.2">
      <c r="A107" s="14">
        <v>84</v>
      </c>
      <c r="B107" s="15">
        <v>41</v>
      </c>
      <c r="C107" s="16">
        <v>50</v>
      </c>
      <c r="D107" s="17">
        <v>91</v>
      </c>
    </row>
    <row r="108" spans="1:4" ht="18" customHeight="1" x14ac:dyDescent="0.2">
      <c r="A108" s="18" t="s">
        <v>66</v>
      </c>
      <c r="B108" s="15">
        <v>237</v>
      </c>
      <c r="C108" s="16">
        <v>292</v>
      </c>
      <c r="D108" s="17">
        <v>529</v>
      </c>
    </row>
    <row r="109" spans="1:4" ht="18" customHeight="1" x14ac:dyDescent="0.2">
      <c r="A109" s="14">
        <v>85</v>
      </c>
      <c r="B109" s="15">
        <v>34</v>
      </c>
      <c r="C109" s="16">
        <v>47</v>
      </c>
      <c r="D109" s="17">
        <v>81</v>
      </c>
    </row>
    <row r="110" spans="1:4" ht="18" customHeight="1" x14ac:dyDescent="0.2">
      <c r="A110" s="14">
        <v>86</v>
      </c>
      <c r="B110" s="15">
        <v>33</v>
      </c>
      <c r="C110" s="16">
        <v>34</v>
      </c>
      <c r="D110" s="17">
        <v>67</v>
      </c>
    </row>
    <row r="111" spans="1:4" ht="18" customHeight="1" x14ac:dyDescent="0.2">
      <c r="A111" s="14">
        <v>87</v>
      </c>
      <c r="B111" s="15">
        <v>11</v>
      </c>
      <c r="C111" s="16">
        <v>30</v>
      </c>
      <c r="D111" s="17">
        <v>41</v>
      </c>
    </row>
    <row r="112" spans="1:4" ht="18" customHeight="1" x14ac:dyDescent="0.2">
      <c r="A112" s="14">
        <v>88</v>
      </c>
      <c r="B112" s="15">
        <v>24</v>
      </c>
      <c r="C112" s="16">
        <v>44</v>
      </c>
      <c r="D112" s="17">
        <v>68</v>
      </c>
    </row>
    <row r="113" spans="1:4" ht="18" customHeight="1" x14ac:dyDescent="0.2">
      <c r="A113" s="14">
        <v>89</v>
      </c>
      <c r="B113" s="15">
        <v>10</v>
      </c>
      <c r="C113" s="16">
        <v>25</v>
      </c>
      <c r="D113" s="17">
        <v>35</v>
      </c>
    </row>
    <row r="114" spans="1:4" ht="18" customHeight="1" x14ac:dyDescent="0.2">
      <c r="A114" s="18" t="s">
        <v>67</v>
      </c>
      <c r="B114" s="15">
        <v>112</v>
      </c>
      <c r="C114" s="16">
        <v>180</v>
      </c>
      <c r="D114" s="17">
        <v>292</v>
      </c>
    </row>
    <row r="115" spans="1:4" ht="18" customHeight="1" x14ac:dyDescent="0.2">
      <c r="A115" s="14">
        <v>90</v>
      </c>
      <c r="B115" s="15">
        <v>14</v>
      </c>
      <c r="C115" s="16">
        <v>38</v>
      </c>
      <c r="D115" s="17">
        <v>52</v>
      </c>
    </row>
    <row r="116" spans="1:4" ht="18" customHeight="1" x14ac:dyDescent="0.2">
      <c r="A116" s="14">
        <v>91</v>
      </c>
      <c r="B116" s="15">
        <v>8</v>
      </c>
      <c r="C116" s="16">
        <v>20</v>
      </c>
      <c r="D116" s="17">
        <v>28</v>
      </c>
    </row>
    <row r="117" spans="1:4" ht="18" customHeight="1" x14ac:dyDescent="0.2">
      <c r="A117" s="14">
        <v>92</v>
      </c>
      <c r="B117" s="15">
        <v>11</v>
      </c>
      <c r="C117" s="16">
        <v>16</v>
      </c>
      <c r="D117" s="17">
        <v>27</v>
      </c>
    </row>
    <row r="118" spans="1:4" ht="18" customHeight="1" x14ac:dyDescent="0.2">
      <c r="A118" s="14">
        <v>93</v>
      </c>
      <c r="B118" s="15">
        <v>0</v>
      </c>
      <c r="C118" s="16">
        <v>18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5</v>
      </c>
      <c r="D119" s="17">
        <v>19</v>
      </c>
    </row>
    <row r="120" spans="1:4" ht="18" customHeight="1" x14ac:dyDescent="0.2">
      <c r="A120" s="18" t="s">
        <v>68</v>
      </c>
      <c r="B120" s="15">
        <v>37</v>
      </c>
      <c r="C120" s="16">
        <v>107</v>
      </c>
      <c r="D120" s="17">
        <v>144</v>
      </c>
    </row>
    <row r="121" spans="1:4" ht="18" customHeight="1" x14ac:dyDescent="0.2">
      <c r="A121" s="14">
        <v>95</v>
      </c>
      <c r="B121" s="15">
        <v>3</v>
      </c>
      <c r="C121" s="16">
        <v>17</v>
      </c>
      <c r="D121" s="17">
        <v>20</v>
      </c>
    </row>
    <row r="122" spans="1:4" ht="18" customHeight="1" x14ac:dyDescent="0.2">
      <c r="A122" s="14">
        <v>96</v>
      </c>
      <c r="B122" s="15">
        <v>0</v>
      </c>
      <c r="C122" s="16">
        <v>10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14</v>
      </c>
      <c r="D123" s="17">
        <v>15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50</v>
      </c>
      <c r="D126" s="17">
        <v>54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726</v>
      </c>
      <c r="C130" s="5">
        <v>2249</v>
      </c>
      <c r="D130" s="6">
        <v>3975</v>
      </c>
    </row>
    <row r="131" spans="1:4" ht="18" customHeight="1" x14ac:dyDescent="0.2">
      <c r="A131" s="20" t="s">
        <v>47</v>
      </c>
      <c r="B131" s="7">
        <v>7770</v>
      </c>
      <c r="C131" s="8">
        <v>8137</v>
      </c>
      <c r="D131" s="9">
        <v>1590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8</v>
      </c>
      <c r="C5" s="12">
        <v>69</v>
      </c>
      <c r="D5" s="13">
        <v>117</v>
      </c>
    </row>
    <row r="6" spans="1:4" ht="18" customHeight="1" x14ac:dyDescent="0.2">
      <c r="A6" s="14">
        <v>1</v>
      </c>
      <c r="B6" s="15">
        <v>57</v>
      </c>
      <c r="C6" s="16">
        <v>56</v>
      </c>
      <c r="D6" s="17">
        <v>113</v>
      </c>
    </row>
    <row r="7" spans="1:4" ht="18" customHeight="1" x14ac:dyDescent="0.2">
      <c r="A7" s="14">
        <v>2</v>
      </c>
      <c r="B7" s="15">
        <v>57</v>
      </c>
      <c r="C7" s="16">
        <v>69</v>
      </c>
      <c r="D7" s="17">
        <v>126</v>
      </c>
    </row>
    <row r="8" spans="1:4" ht="18" customHeight="1" x14ac:dyDescent="0.2">
      <c r="A8" s="14">
        <v>3</v>
      </c>
      <c r="B8" s="15">
        <v>73</v>
      </c>
      <c r="C8" s="16">
        <v>54</v>
      </c>
      <c r="D8" s="17">
        <v>127</v>
      </c>
    </row>
    <row r="9" spans="1:4" ht="18" customHeight="1" x14ac:dyDescent="0.2">
      <c r="A9" s="14">
        <v>4</v>
      </c>
      <c r="B9" s="15">
        <v>46</v>
      </c>
      <c r="C9" s="16">
        <v>57</v>
      </c>
      <c r="D9" s="17">
        <v>103</v>
      </c>
    </row>
    <row r="10" spans="1:4" ht="18" customHeight="1" x14ac:dyDescent="0.2">
      <c r="A10" s="18" t="s">
        <v>48</v>
      </c>
      <c r="B10" s="15">
        <v>281</v>
      </c>
      <c r="C10" s="16">
        <v>305</v>
      </c>
      <c r="D10" s="17">
        <v>586</v>
      </c>
    </row>
    <row r="11" spans="1:4" ht="18" customHeight="1" x14ac:dyDescent="0.2">
      <c r="A11" s="14">
        <v>5</v>
      </c>
      <c r="B11" s="15">
        <v>55</v>
      </c>
      <c r="C11" s="16">
        <v>58</v>
      </c>
      <c r="D11" s="17">
        <v>113</v>
      </c>
    </row>
    <row r="12" spans="1:4" ht="18" customHeight="1" x14ac:dyDescent="0.2">
      <c r="A12" s="14">
        <v>6</v>
      </c>
      <c r="B12" s="15">
        <v>64</v>
      </c>
      <c r="C12" s="16">
        <v>50</v>
      </c>
      <c r="D12" s="17">
        <v>114</v>
      </c>
    </row>
    <row r="13" spans="1:4" ht="18" customHeight="1" x14ac:dyDescent="0.2">
      <c r="A13" s="14">
        <v>7</v>
      </c>
      <c r="B13" s="15">
        <v>48</v>
      </c>
      <c r="C13" s="16">
        <v>56</v>
      </c>
      <c r="D13" s="17">
        <v>104</v>
      </c>
    </row>
    <row r="14" spans="1:4" ht="18" customHeight="1" x14ac:dyDescent="0.2">
      <c r="A14" s="14">
        <v>8</v>
      </c>
      <c r="B14" s="15">
        <v>56</v>
      </c>
      <c r="C14" s="16">
        <v>44</v>
      </c>
      <c r="D14" s="17">
        <v>100</v>
      </c>
    </row>
    <row r="15" spans="1:4" ht="18" customHeight="1" x14ac:dyDescent="0.2">
      <c r="A15" s="14">
        <v>9</v>
      </c>
      <c r="B15" s="15">
        <v>44</v>
      </c>
      <c r="C15" s="16">
        <v>46</v>
      </c>
      <c r="D15" s="17">
        <v>90</v>
      </c>
    </row>
    <row r="16" spans="1:4" ht="18" customHeight="1" x14ac:dyDescent="0.2">
      <c r="A16" s="18" t="s">
        <v>49</v>
      </c>
      <c r="B16" s="15">
        <v>267</v>
      </c>
      <c r="C16" s="16">
        <v>254</v>
      </c>
      <c r="D16" s="17">
        <v>521</v>
      </c>
    </row>
    <row r="17" spans="1:4" ht="18" customHeight="1" x14ac:dyDescent="0.2">
      <c r="A17" s="14">
        <v>10</v>
      </c>
      <c r="B17" s="15">
        <v>46</v>
      </c>
      <c r="C17" s="16">
        <v>49</v>
      </c>
      <c r="D17" s="17">
        <v>95</v>
      </c>
    </row>
    <row r="18" spans="1:4" ht="18" customHeight="1" x14ac:dyDescent="0.2">
      <c r="A18" s="14">
        <v>11</v>
      </c>
      <c r="B18" s="15">
        <v>52</v>
      </c>
      <c r="C18" s="16">
        <v>40</v>
      </c>
      <c r="D18" s="17">
        <v>92</v>
      </c>
    </row>
    <row r="19" spans="1:4" ht="18" customHeight="1" x14ac:dyDescent="0.2">
      <c r="A19" s="14">
        <v>12</v>
      </c>
      <c r="B19" s="15">
        <v>42</v>
      </c>
      <c r="C19" s="16">
        <v>50</v>
      </c>
      <c r="D19" s="17">
        <v>92</v>
      </c>
    </row>
    <row r="20" spans="1:4" ht="18" customHeight="1" x14ac:dyDescent="0.2">
      <c r="A20" s="14">
        <v>13</v>
      </c>
      <c r="B20" s="15">
        <v>55</v>
      </c>
      <c r="C20" s="16">
        <v>44</v>
      </c>
      <c r="D20" s="17">
        <v>99</v>
      </c>
    </row>
    <row r="21" spans="1:4" ht="18" customHeight="1" x14ac:dyDescent="0.2">
      <c r="A21" s="14">
        <v>14</v>
      </c>
      <c r="B21" s="15">
        <v>52</v>
      </c>
      <c r="C21" s="16">
        <v>44</v>
      </c>
      <c r="D21" s="17">
        <v>96</v>
      </c>
    </row>
    <row r="22" spans="1:4" ht="18" customHeight="1" x14ac:dyDescent="0.2">
      <c r="A22" s="18" t="s">
        <v>50</v>
      </c>
      <c r="B22" s="15">
        <v>247</v>
      </c>
      <c r="C22" s="16">
        <v>227</v>
      </c>
      <c r="D22" s="17">
        <v>474</v>
      </c>
    </row>
    <row r="23" spans="1:4" ht="18" customHeight="1" x14ac:dyDescent="0.2">
      <c r="A23" s="18" t="s">
        <v>51</v>
      </c>
      <c r="B23" s="15">
        <v>795</v>
      </c>
      <c r="C23" s="16">
        <v>786</v>
      </c>
      <c r="D23" s="17">
        <v>1581</v>
      </c>
    </row>
    <row r="24" spans="1:4" ht="18" customHeight="1" x14ac:dyDescent="0.2">
      <c r="A24" s="14">
        <v>15</v>
      </c>
      <c r="B24" s="15">
        <v>51</v>
      </c>
      <c r="C24" s="16">
        <v>32</v>
      </c>
      <c r="D24" s="17">
        <v>83</v>
      </c>
    </row>
    <row r="25" spans="1:4" ht="18" customHeight="1" x14ac:dyDescent="0.2">
      <c r="A25" s="14">
        <v>16</v>
      </c>
      <c r="B25" s="15">
        <v>53</v>
      </c>
      <c r="C25" s="16">
        <v>48</v>
      </c>
      <c r="D25" s="17">
        <v>101</v>
      </c>
    </row>
    <row r="26" spans="1:4" ht="18" customHeight="1" x14ac:dyDescent="0.2">
      <c r="A26" s="14">
        <v>17</v>
      </c>
      <c r="B26" s="15">
        <v>49</v>
      </c>
      <c r="C26" s="16">
        <v>49</v>
      </c>
      <c r="D26" s="17">
        <v>98</v>
      </c>
    </row>
    <row r="27" spans="1:4" ht="18" customHeight="1" x14ac:dyDescent="0.2">
      <c r="A27" s="14">
        <v>18</v>
      </c>
      <c r="B27" s="15">
        <v>59</v>
      </c>
      <c r="C27" s="16">
        <v>47</v>
      </c>
      <c r="D27" s="17">
        <v>106</v>
      </c>
    </row>
    <row r="28" spans="1:4" ht="18" customHeight="1" x14ac:dyDescent="0.2">
      <c r="A28" s="14">
        <v>19</v>
      </c>
      <c r="B28" s="15">
        <v>40</v>
      </c>
      <c r="C28" s="16">
        <v>38</v>
      </c>
      <c r="D28" s="17">
        <v>78</v>
      </c>
    </row>
    <row r="29" spans="1:4" ht="18" customHeight="1" x14ac:dyDescent="0.2">
      <c r="A29" s="18" t="s">
        <v>52</v>
      </c>
      <c r="B29" s="15">
        <v>252</v>
      </c>
      <c r="C29" s="16">
        <v>214</v>
      </c>
      <c r="D29" s="17">
        <v>466</v>
      </c>
    </row>
    <row r="30" spans="1:4" ht="18" customHeight="1" x14ac:dyDescent="0.2">
      <c r="A30" s="14">
        <v>20</v>
      </c>
      <c r="B30" s="15">
        <v>47</v>
      </c>
      <c r="C30" s="16">
        <v>50</v>
      </c>
      <c r="D30" s="17">
        <v>97</v>
      </c>
    </row>
    <row r="31" spans="1:4" ht="18" customHeight="1" x14ac:dyDescent="0.2">
      <c r="A31" s="14">
        <v>21</v>
      </c>
      <c r="B31" s="15">
        <v>54</v>
      </c>
      <c r="C31" s="16">
        <v>50</v>
      </c>
      <c r="D31" s="17">
        <v>104</v>
      </c>
    </row>
    <row r="32" spans="1:4" ht="18" customHeight="1" x14ac:dyDescent="0.2">
      <c r="A32" s="14">
        <v>22</v>
      </c>
      <c r="B32" s="15">
        <v>49</v>
      </c>
      <c r="C32" s="16">
        <v>56</v>
      </c>
      <c r="D32" s="17">
        <v>105</v>
      </c>
    </row>
    <row r="33" spans="1:4" ht="18" customHeight="1" x14ac:dyDescent="0.2">
      <c r="A33" s="14">
        <v>23</v>
      </c>
      <c r="B33" s="15">
        <v>42</v>
      </c>
      <c r="C33" s="16">
        <v>57</v>
      </c>
      <c r="D33" s="17">
        <v>99</v>
      </c>
    </row>
    <row r="34" spans="1:4" ht="18" customHeight="1" x14ac:dyDescent="0.2">
      <c r="A34" s="14">
        <v>24</v>
      </c>
      <c r="B34" s="15">
        <v>61</v>
      </c>
      <c r="C34" s="16">
        <v>63</v>
      </c>
      <c r="D34" s="17">
        <v>124</v>
      </c>
    </row>
    <row r="35" spans="1:4" ht="18" customHeight="1" x14ac:dyDescent="0.2">
      <c r="A35" s="18" t="s">
        <v>53</v>
      </c>
      <c r="B35" s="15">
        <v>253</v>
      </c>
      <c r="C35" s="16">
        <v>276</v>
      </c>
      <c r="D35" s="17">
        <v>529</v>
      </c>
    </row>
    <row r="36" spans="1:4" ht="18" customHeight="1" x14ac:dyDescent="0.2">
      <c r="A36" s="14">
        <v>25</v>
      </c>
      <c r="B36" s="15">
        <v>55</v>
      </c>
      <c r="C36" s="16">
        <v>64</v>
      </c>
      <c r="D36" s="17">
        <v>119</v>
      </c>
    </row>
    <row r="37" spans="1:4" ht="18" customHeight="1" x14ac:dyDescent="0.2">
      <c r="A37" s="14">
        <v>26</v>
      </c>
      <c r="B37" s="15">
        <v>59</v>
      </c>
      <c r="C37" s="16">
        <v>56</v>
      </c>
      <c r="D37" s="17">
        <v>115</v>
      </c>
    </row>
    <row r="38" spans="1:4" ht="18" customHeight="1" x14ac:dyDescent="0.2">
      <c r="A38" s="14">
        <v>27</v>
      </c>
      <c r="B38" s="15">
        <v>54</v>
      </c>
      <c r="C38" s="16">
        <v>62</v>
      </c>
      <c r="D38" s="17">
        <v>116</v>
      </c>
    </row>
    <row r="39" spans="1:4" ht="18" customHeight="1" x14ac:dyDescent="0.2">
      <c r="A39" s="14">
        <v>28</v>
      </c>
      <c r="B39" s="15">
        <v>72</v>
      </c>
      <c r="C39" s="16">
        <v>64</v>
      </c>
      <c r="D39" s="17">
        <v>136</v>
      </c>
    </row>
    <row r="40" spans="1:4" ht="18" customHeight="1" x14ac:dyDescent="0.2">
      <c r="A40" s="14">
        <v>29</v>
      </c>
      <c r="B40" s="15">
        <v>71</v>
      </c>
      <c r="C40" s="16">
        <v>66</v>
      </c>
      <c r="D40" s="17">
        <v>137</v>
      </c>
    </row>
    <row r="41" spans="1:4" ht="18" customHeight="1" x14ac:dyDescent="0.2">
      <c r="A41" s="18" t="s">
        <v>54</v>
      </c>
      <c r="B41" s="15">
        <v>311</v>
      </c>
      <c r="C41" s="16">
        <v>312</v>
      </c>
      <c r="D41" s="17">
        <v>623</v>
      </c>
    </row>
    <row r="42" spans="1:4" ht="18" customHeight="1" x14ac:dyDescent="0.2">
      <c r="A42" s="14">
        <v>30</v>
      </c>
      <c r="B42" s="15">
        <v>66</v>
      </c>
      <c r="C42" s="16">
        <v>79</v>
      </c>
      <c r="D42" s="17">
        <v>145</v>
      </c>
    </row>
    <row r="43" spans="1:4" ht="18" customHeight="1" x14ac:dyDescent="0.2">
      <c r="A43" s="14">
        <v>31</v>
      </c>
      <c r="B43" s="15">
        <v>79</v>
      </c>
      <c r="C43" s="16">
        <v>80</v>
      </c>
      <c r="D43" s="17">
        <v>159</v>
      </c>
    </row>
    <row r="44" spans="1:4" ht="18" customHeight="1" x14ac:dyDescent="0.2">
      <c r="A44" s="14">
        <v>32</v>
      </c>
      <c r="B44" s="15">
        <v>77</v>
      </c>
      <c r="C44" s="16">
        <v>78</v>
      </c>
      <c r="D44" s="17">
        <v>155</v>
      </c>
    </row>
    <row r="45" spans="1:4" ht="18" customHeight="1" x14ac:dyDescent="0.2">
      <c r="A45" s="14">
        <v>33</v>
      </c>
      <c r="B45" s="15">
        <v>65</v>
      </c>
      <c r="C45" s="16">
        <v>74</v>
      </c>
      <c r="D45" s="17">
        <v>139</v>
      </c>
    </row>
    <row r="46" spans="1:4" ht="18" customHeight="1" x14ac:dyDescent="0.2">
      <c r="A46" s="14">
        <v>34</v>
      </c>
      <c r="B46" s="15">
        <v>83</v>
      </c>
      <c r="C46" s="16">
        <v>71</v>
      </c>
      <c r="D46" s="17">
        <v>154</v>
      </c>
    </row>
    <row r="47" spans="1:4" ht="18" customHeight="1" x14ac:dyDescent="0.2">
      <c r="A47" s="18" t="s">
        <v>55</v>
      </c>
      <c r="B47" s="15">
        <v>370</v>
      </c>
      <c r="C47" s="16">
        <v>382</v>
      </c>
      <c r="D47" s="17">
        <v>752</v>
      </c>
    </row>
    <row r="48" spans="1:4" ht="18" customHeight="1" x14ac:dyDescent="0.2">
      <c r="A48" s="14">
        <v>35</v>
      </c>
      <c r="B48" s="15">
        <v>100</v>
      </c>
      <c r="C48" s="16">
        <v>68</v>
      </c>
      <c r="D48" s="17">
        <v>168</v>
      </c>
    </row>
    <row r="49" spans="1:4" ht="18" customHeight="1" x14ac:dyDescent="0.2">
      <c r="A49" s="14">
        <v>36</v>
      </c>
      <c r="B49" s="15">
        <v>58</v>
      </c>
      <c r="C49" s="16">
        <v>68</v>
      </c>
      <c r="D49" s="17">
        <v>126</v>
      </c>
    </row>
    <row r="50" spans="1:4" ht="18" customHeight="1" x14ac:dyDescent="0.2">
      <c r="A50" s="14">
        <v>37</v>
      </c>
      <c r="B50" s="15">
        <v>77</v>
      </c>
      <c r="C50" s="16">
        <v>71</v>
      </c>
      <c r="D50" s="17">
        <v>148</v>
      </c>
    </row>
    <row r="51" spans="1:4" ht="18" customHeight="1" x14ac:dyDescent="0.2">
      <c r="A51" s="14">
        <v>38</v>
      </c>
      <c r="B51" s="15">
        <v>79</v>
      </c>
      <c r="C51" s="16">
        <v>76</v>
      </c>
      <c r="D51" s="17">
        <v>155</v>
      </c>
    </row>
    <row r="52" spans="1:4" ht="18" customHeight="1" x14ac:dyDescent="0.2">
      <c r="A52" s="14">
        <v>39</v>
      </c>
      <c r="B52" s="15">
        <v>74</v>
      </c>
      <c r="C52" s="16">
        <v>82</v>
      </c>
      <c r="D52" s="17">
        <v>156</v>
      </c>
    </row>
    <row r="53" spans="1:4" ht="18" customHeight="1" x14ac:dyDescent="0.2">
      <c r="A53" s="18" t="s">
        <v>56</v>
      </c>
      <c r="B53" s="15">
        <v>388</v>
      </c>
      <c r="C53" s="16">
        <v>365</v>
      </c>
      <c r="D53" s="17">
        <v>753</v>
      </c>
    </row>
    <row r="54" spans="1:4" ht="18" customHeight="1" x14ac:dyDescent="0.2">
      <c r="A54" s="14">
        <v>40</v>
      </c>
      <c r="B54" s="15">
        <v>76</v>
      </c>
      <c r="C54" s="16">
        <v>83</v>
      </c>
      <c r="D54" s="17">
        <v>159</v>
      </c>
    </row>
    <row r="55" spans="1:4" ht="18" customHeight="1" x14ac:dyDescent="0.2">
      <c r="A55" s="14">
        <v>41</v>
      </c>
      <c r="B55" s="15">
        <v>86</v>
      </c>
      <c r="C55" s="16">
        <v>85</v>
      </c>
      <c r="D55" s="17">
        <v>171</v>
      </c>
    </row>
    <row r="56" spans="1:4" ht="18" customHeight="1" x14ac:dyDescent="0.2">
      <c r="A56" s="14">
        <v>42</v>
      </c>
      <c r="B56" s="15">
        <v>77</v>
      </c>
      <c r="C56" s="16">
        <v>87</v>
      </c>
      <c r="D56" s="17">
        <v>164</v>
      </c>
    </row>
    <row r="57" spans="1:4" ht="18" customHeight="1" x14ac:dyDescent="0.2">
      <c r="A57" s="14">
        <v>43</v>
      </c>
      <c r="B57" s="15">
        <v>101</v>
      </c>
      <c r="C57" s="16">
        <v>86</v>
      </c>
      <c r="D57" s="17">
        <v>187</v>
      </c>
    </row>
    <row r="58" spans="1:4" ht="18" customHeight="1" x14ac:dyDescent="0.2">
      <c r="A58" s="14">
        <v>44</v>
      </c>
      <c r="B58" s="15">
        <v>97</v>
      </c>
      <c r="C58" s="16">
        <v>89</v>
      </c>
      <c r="D58" s="17">
        <v>186</v>
      </c>
    </row>
    <row r="59" spans="1:4" ht="18" customHeight="1" x14ac:dyDescent="0.2">
      <c r="A59" s="18" t="s">
        <v>57</v>
      </c>
      <c r="B59" s="15">
        <v>437</v>
      </c>
      <c r="C59" s="16">
        <v>430</v>
      </c>
      <c r="D59" s="17">
        <v>867</v>
      </c>
    </row>
    <row r="60" spans="1:4" ht="18" customHeight="1" x14ac:dyDescent="0.2">
      <c r="A60" s="14">
        <v>45</v>
      </c>
      <c r="B60" s="15">
        <v>117</v>
      </c>
      <c r="C60" s="16">
        <v>93</v>
      </c>
      <c r="D60" s="17">
        <v>210</v>
      </c>
    </row>
    <row r="61" spans="1:4" ht="18" customHeight="1" x14ac:dyDescent="0.2">
      <c r="A61" s="14">
        <v>46</v>
      </c>
      <c r="B61" s="15">
        <v>91</v>
      </c>
      <c r="C61" s="16">
        <v>82</v>
      </c>
      <c r="D61" s="17">
        <v>173</v>
      </c>
    </row>
    <row r="62" spans="1:4" ht="18" customHeight="1" x14ac:dyDescent="0.2">
      <c r="A62" s="14">
        <v>47</v>
      </c>
      <c r="B62" s="15">
        <v>115</v>
      </c>
      <c r="C62" s="16">
        <v>90</v>
      </c>
      <c r="D62" s="17">
        <v>205</v>
      </c>
    </row>
    <row r="63" spans="1:4" ht="18" customHeight="1" x14ac:dyDescent="0.2">
      <c r="A63" s="14">
        <v>48</v>
      </c>
      <c r="B63" s="15">
        <v>74</v>
      </c>
      <c r="C63" s="16">
        <v>100</v>
      </c>
      <c r="D63" s="17">
        <v>174</v>
      </c>
    </row>
    <row r="64" spans="1:4" ht="18" customHeight="1" x14ac:dyDescent="0.2">
      <c r="A64" s="14">
        <v>49</v>
      </c>
      <c r="B64" s="15">
        <v>91</v>
      </c>
      <c r="C64" s="16">
        <v>64</v>
      </c>
      <c r="D64" s="17">
        <v>155</v>
      </c>
    </row>
    <row r="65" spans="1:4" ht="18" customHeight="1" x14ac:dyDescent="0.2">
      <c r="A65" s="18" t="s">
        <v>58</v>
      </c>
      <c r="B65" s="15">
        <v>488</v>
      </c>
      <c r="C65" s="16">
        <v>429</v>
      </c>
      <c r="D65" s="17">
        <v>917</v>
      </c>
    </row>
    <row r="66" spans="1:4" ht="18" customHeight="1" x14ac:dyDescent="0.2">
      <c r="A66" s="14">
        <v>50</v>
      </c>
      <c r="B66" s="15">
        <v>83</v>
      </c>
      <c r="C66" s="16">
        <v>79</v>
      </c>
      <c r="D66" s="17">
        <v>162</v>
      </c>
    </row>
    <row r="67" spans="1:4" ht="18" customHeight="1" x14ac:dyDescent="0.2">
      <c r="A67" s="14">
        <v>51</v>
      </c>
      <c r="B67" s="15">
        <v>74</v>
      </c>
      <c r="C67" s="16">
        <v>81</v>
      </c>
      <c r="D67" s="17">
        <v>155</v>
      </c>
    </row>
    <row r="68" spans="1:4" ht="18" customHeight="1" x14ac:dyDescent="0.2">
      <c r="A68" s="14">
        <v>52</v>
      </c>
      <c r="B68" s="15">
        <v>69</v>
      </c>
      <c r="C68" s="16">
        <v>65</v>
      </c>
      <c r="D68" s="17">
        <v>134</v>
      </c>
    </row>
    <row r="69" spans="1:4" ht="18" customHeight="1" x14ac:dyDescent="0.2">
      <c r="A69" s="14">
        <v>53</v>
      </c>
      <c r="B69" s="15">
        <v>51</v>
      </c>
      <c r="C69" s="16">
        <v>62</v>
      </c>
      <c r="D69" s="17">
        <v>113</v>
      </c>
    </row>
    <row r="70" spans="1:4" ht="18" customHeight="1" x14ac:dyDescent="0.2">
      <c r="A70" s="14">
        <v>54</v>
      </c>
      <c r="B70" s="15">
        <v>66</v>
      </c>
      <c r="C70" s="16">
        <v>71</v>
      </c>
      <c r="D70" s="17">
        <v>137</v>
      </c>
    </row>
    <row r="71" spans="1:4" ht="18" customHeight="1" x14ac:dyDescent="0.2">
      <c r="A71" s="18" t="s">
        <v>59</v>
      </c>
      <c r="B71" s="15">
        <v>343</v>
      </c>
      <c r="C71" s="16">
        <v>358</v>
      </c>
      <c r="D71" s="17">
        <v>701</v>
      </c>
    </row>
    <row r="72" spans="1:4" ht="18" customHeight="1" x14ac:dyDescent="0.2">
      <c r="A72" s="14">
        <v>55</v>
      </c>
      <c r="B72" s="15">
        <v>69</v>
      </c>
      <c r="C72" s="16">
        <v>73</v>
      </c>
      <c r="D72" s="17">
        <v>142</v>
      </c>
    </row>
    <row r="73" spans="1:4" ht="18" customHeight="1" x14ac:dyDescent="0.2">
      <c r="A73" s="14">
        <v>56</v>
      </c>
      <c r="B73" s="15">
        <v>74</v>
      </c>
      <c r="C73" s="16">
        <v>66</v>
      </c>
      <c r="D73" s="17">
        <v>140</v>
      </c>
    </row>
    <row r="74" spans="1:4" ht="18" customHeight="1" x14ac:dyDescent="0.2">
      <c r="A74" s="14">
        <v>57</v>
      </c>
      <c r="B74" s="15">
        <v>58</v>
      </c>
      <c r="C74" s="16">
        <v>68</v>
      </c>
      <c r="D74" s="17">
        <v>126</v>
      </c>
    </row>
    <row r="75" spans="1:4" ht="18" customHeight="1" x14ac:dyDescent="0.2">
      <c r="A75" s="14">
        <v>58</v>
      </c>
      <c r="B75" s="15">
        <v>49</v>
      </c>
      <c r="C75" s="16">
        <v>57</v>
      </c>
      <c r="D75" s="17">
        <v>106</v>
      </c>
    </row>
    <row r="76" spans="1:4" ht="18" customHeight="1" x14ac:dyDescent="0.2">
      <c r="A76" s="14">
        <v>59</v>
      </c>
      <c r="B76" s="15">
        <v>68</v>
      </c>
      <c r="C76" s="16">
        <v>48</v>
      </c>
      <c r="D76" s="17">
        <v>116</v>
      </c>
    </row>
    <row r="77" spans="1:4" ht="18" customHeight="1" x14ac:dyDescent="0.2">
      <c r="A77" s="18" t="s">
        <v>60</v>
      </c>
      <c r="B77" s="15">
        <v>318</v>
      </c>
      <c r="C77" s="16">
        <v>312</v>
      </c>
      <c r="D77" s="17">
        <v>630</v>
      </c>
    </row>
    <row r="78" spans="1:4" ht="18" customHeight="1" x14ac:dyDescent="0.2">
      <c r="A78" s="14">
        <v>60</v>
      </c>
      <c r="B78" s="15">
        <v>66</v>
      </c>
      <c r="C78" s="16">
        <v>65</v>
      </c>
      <c r="D78" s="17">
        <v>131</v>
      </c>
    </row>
    <row r="79" spans="1:4" ht="18" customHeight="1" x14ac:dyDescent="0.2">
      <c r="A79" s="14">
        <v>61</v>
      </c>
      <c r="B79" s="15">
        <v>59</v>
      </c>
      <c r="C79" s="16">
        <v>57</v>
      </c>
      <c r="D79" s="17">
        <v>116</v>
      </c>
    </row>
    <row r="80" spans="1:4" ht="18" customHeight="1" x14ac:dyDescent="0.2">
      <c r="A80" s="14">
        <v>62</v>
      </c>
      <c r="B80" s="15">
        <v>66</v>
      </c>
      <c r="C80" s="16">
        <v>63</v>
      </c>
      <c r="D80" s="17">
        <v>129</v>
      </c>
    </row>
    <row r="81" spans="1:4" ht="18" customHeight="1" x14ac:dyDescent="0.2">
      <c r="A81" s="14">
        <v>63</v>
      </c>
      <c r="B81" s="15">
        <v>47</v>
      </c>
      <c r="C81" s="16">
        <v>71</v>
      </c>
      <c r="D81" s="17">
        <v>118</v>
      </c>
    </row>
    <row r="82" spans="1:4" ht="18" customHeight="1" x14ac:dyDescent="0.2">
      <c r="A82" s="14">
        <v>64</v>
      </c>
      <c r="B82" s="15">
        <v>64</v>
      </c>
      <c r="C82" s="16">
        <v>72</v>
      </c>
      <c r="D82" s="17">
        <v>136</v>
      </c>
    </row>
    <row r="83" spans="1:4" ht="18" customHeight="1" x14ac:dyDescent="0.2">
      <c r="A83" s="18" t="s">
        <v>61</v>
      </c>
      <c r="B83" s="15">
        <v>302</v>
      </c>
      <c r="C83" s="16">
        <v>328</v>
      </c>
      <c r="D83" s="17">
        <v>630</v>
      </c>
    </row>
    <row r="84" spans="1:4" ht="18" customHeight="1" x14ac:dyDescent="0.2">
      <c r="A84" s="18" t="s">
        <v>62</v>
      </c>
      <c r="B84" s="15">
        <v>3462</v>
      </c>
      <c r="C84" s="16">
        <v>3406</v>
      </c>
      <c r="D84" s="17">
        <v>6868</v>
      </c>
    </row>
    <row r="85" spans="1:4" ht="18" customHeight="1" x14ac:dyDescent="0.2">
      <c r="A85" s="14">
        <v>65</v>
      </c>
      <c r="B85" s="15">
        <v>73</v>
      </c>
      <c r="C85" s="16">
        <v>56</v>
      </c>
      <c r="D85" s="17">
        <v>129</v>
      </c>
    </row>
    <row r="86" spans="1:4" ht="18" customHeight="1" x14ac:dyDescent="0.2">
      <c r="A86" s="14">
        <v>66</v>
      </c>
      <c r="B86" s="15">
        <v>57</v>
      </c>
      <c r="C86" s="16">
        <v>61</v>
      </c>
      <c r="D86" s="17">
        <v>118</v>
      </c>
    </row>
    <row r="87" spans="1:4" ht="18" customHeight="1" x14ac:dyDescent="0.2">
      <c r="A87" s="14">
        <v>67</v>
      </c>
      <c r="B87" s="15">
        <v>64</v>
      </c>
      <c r="C87" s="16">
        <v>82</v>
      </c>
      <c r="D87" s="17">
        <v>146</v>
      </c>
    </row>
    <row r="88" spans="1:4" ht="18" customHeight="1" x14ac:dyDescent="0.2">
      <c r="A88" s="14">
        <v>68</v>
      </c>
      <c r="B88" s="15">
        <v>61</v>
      </c>
      <c r="C88" s="16">
        <v>85</v>
      </c>
      <c r="D88" s="17">
        <v>146</v>
      </c>
    </row>
    <row r="89" spans="1:4" ht="18" customHeight="1" x14ac:dyDescent="0.2">
      <c r="A89" s="14">
        <v>69</v>
      </c>
      <c r="B89" s="15">
        <v>89</v>
      </c>
      <c r="C89" s="16">
        <v>109</v>
      </c>
      <c r="D89" s="17">
        <v>198</v>
      </c>
    </row>
    <row r="90" spans="1:4" ht="18" customHeight="1" x14ac:dyDescent="0.2">
      <c r="A90" s="18" t="s">
        <v>63</v>
      </c>
      <c r="B90" s="15">
        <v>344</v>
      </c>
      <c r="C90" s="16">
        <v>393</v>
      </c>
      <c r="D90" s="17">
        <v>737</v>
      </c>
    </row>
    <row r="91" spans="1:4" ht="18" customHeight="1" x14ac:dyDescent="0.2">
      <c r="A91" s="14">
        <v>70</v>
      </c>
      <c r="B91" s="15">
        <v>79</v>
      </c>
      <c r="C91" s="16">
        <v>109</v>
      </c>
      <c r="D91" s="17">
        <v>188</v>
      </c>
    </row>
    <row r="92" spans="1:4" ht="18" customHeight="1" x14ac:dyDescent="0.2">
      <c r="A92" s="14">
        <v>71</v>
      </c>
      <c r="B92" s="15">
        <v>89</v>
      </c>
      <c r="C92" s="16">
        <v>108</v>
      </c>
      <c r="D92" s="17">
        <v>197</v>
      </c>
    </row>
    <row r="93" spans="1:4" ht="18" customHeight="1" x14ac:dyDescent="0.2">
      <c r="A93" s="14">
        <v>72</v>
      </c>
      <c r="B93" s="15">
        <v>80</v>
      </c>
      <c r="C93" s="16">
        <v>113</v>
      </c>
      <c r="D93" s="17">
        <v>193</v>
      </c>
    </row>
    <row r="94" spans="1:4" ht="18" customHeight="1" x14ac:dyDescent="0.2">
      <c r="A94" s="14">
        <v>73</v>
      </c>
      <c r="B94" s="15">
        <v>47</v>
      </c>
      <c r="C94" s="16">
        <v>81</v>
      </c>
      <c r="D94" s="17">
        <v>128</v>
      </c>
    </row>
    <row r="95" spans="1:4" ht="18" customHeight="1" x14ac:dyDescent="0.2">
      <c r="A95" s="14">
        <v>74</v>
      </c>
      <c r="B95" s="15">
        <v>63</v>
      </c>
      <c r="C95" s="16">
        <v>74</v>
      </c>
      <c r="D95" s="17">
        <v>137</v>
      </c>
    </row>
    <row r="96" spans="1:4" ht="18" customHeight="1" x14ac:dyDescent="0.2">
      <c r="A96" s="18" t="s">
        <v>64</v>
      </c>
      <c r="B96" s="15">
        <v>358</v>
      </c>
      <c r="C96" s="16">
        <v>485</v>
      </c>
      <c r="D96" s="17">
        <v>843</v>
      </c>
    </row>
    <row r="97" spans="1:4" ht="18" customHeight="1" x14ac:dyDescent="0.2">
      <c r="A97" s="14">
        <v>75</v>
      </c>
      <c r="B97" s="15">
        <v>79</v>
      </c>
      <c r="C97" s="16">
        <v>81</v>
      </c>
      <c r="D97" s="17">
        <v>160</v>
      </c>
    </row>
    <row r="98" spans="1:4" ht="18" customHeight="1" x14ac:dyDescent="0.2">
      <c r="A98" s="14">
        <v>76</v>
      </c>
      <c r="B98" s="15">
        <v>62</v>
      </c>
      <c r="C98" s="16">
        <v>90</v>
      </c>
      <c r="D98" s="17">
        <v>152</v>
      </c>
    </row>
    <row r="99" spans="1:4" ht="18" customHeight="1" x14ac:dyDescent="0.2">
      <c r="A99" s="14">
        <v>77</v>
      </c>
      <c r="B99" s="15">
        <v>68</v>
      </c>
      <c r="C99" s="16">
        <v>105</v>
      </c>
      <c r="D99" s="17">
        <v>173</v>
      </c>
    </row>
    <row r="100" spans="1:4" ht="18" customHeight="1" x14ac:dyDescent="0.2">
      <c r="A100" s="14">
        <v>78</v>
      </c>
      <c r="B100" s="15">
        <v>74</v>
      </c>
      <c r="C100" s="16">
        <v>82</v>
      </c>
      <c r="D100" s="17">
        <v>156</v>
      </c>
    </row>
    <row r="101" spans="1:4" ht="18" customHeight="1" x14ac:dyDescent="0.2">
      <c r="A101" s="14">
        <v>79</v>
      </c>
      <c r="B101" s="15">
        <v>56</v>
      </c>
      <c r="C101" s="16">
        <v>69</v>
      </c>
      <c r="D101" s="17">
        <v>125</v>
      </c>
    </row>
    <row r="102" spans="1:4" ht="18" customHeight="1" x14ac:dyDescent="0.2">
      <c r="A102" s="18" t="s">
        <v>65</v>
      </c>
      <c r="B102" s="15">
        <v>339</v>
      </c>
      <c r="C102" s="16">
        <v>427</v>
      </c>
      <c r="D102" s="17">
        <v>766</v>
      </c>
    </row>
    <row r="103" spans="1:4" ht="18" customHeight="1" x14ac:dyDescent="0.2">
      <c r="A103" s="14">
        <v>80</v>
      </c>
      <c r="B103" s="15">
        <v>43</v>
      </c>
      <c r="C103" s="16">
        <v>51</v>
      </c>
      <c r="D103" s="17">
        <v>94</v>
      </c>
    </row>
    <row r="104" spans="1:4" ht="18" customHeight="1" x14ac:dyDescent="0.2">
      <c r="A104" s="14">
        <v>81</v>
      </c>
      <c r="B104" s="15">
        <v>38</v>
      </c>
      <c r="C104" s="16">
        <v>60</v>
      </c>
      <c r="D104" s="17">
        <v>98</v>
      </c>
    </row>
    <row r="105" spans="1:4" ht="18" customHeight="1" x14ac:dyDescent="0.2">
      <c r="A105" s="14">
        <v>82</v>
      </c>
      <c r="B105" s="15">
        <v>43</v>
      </c>
      <c r="C105" s="16">
        <v>72</v>
      </c>
      <c r="D105" s="17">
        <v>115</v>
      </c>
    </row>
    <row r="106" spans="1:4" ht="18" customHeight="1" x14ac:dyDescent="0.2">
      <c r="A106" s="14">
        <v>83</v>
      </c>
      <c r="B106" s="15">
        <v>43</v>
      </c>
      <c r="C106" s="16">
        <v>59</v>
      </c>
      <c r="D106" s="17">
        <v>102</v>
      </c>
    </row>
    <row r="107" spans="1:4" ht="18" customHeight="1" x14ac:dyDescent="0.2">
      <c r="A107" s="14">
        <v>84</v>
      </c>
      <c r="B107" s="15">
        <v>37</v>
      </c>
      <c r="C107" s="16">
        <v>48</v>
      </c>
      <c r="D107" s="17">
        <v>85</v>
      </c>
    </row>
    <row r="108" spans="1:4" ht="18" customHeight="1" x14ac:dyDescent="0.2">
      <c r="A108" s="18" t="s">
        <v>66</v>
      </c>
      <c r="B108" s="15">
        <v>204</v>
      </c>
      <c r="C108" s="16">
        <v>290</v>
      </c>
      <c r="D108" s="17">
        <v>494</v>
      </c>
    </row>
    <row r="109" spans="1:4" ht="18" customHeight="1" x14ac:dyDescent="0.2">
      <c r="A109" s="14">
        <v>85</v>
      </c>
      <c r="B109" s="15">
        <v>30</v>
      </c>
      <c r="C109" s="16">
        <v>55</v>
      </c>
      <c r="D109" s="17">
        <v>85</v>
      </c>
    </row>
    <row r="110" spans="1:4" ht="18" customHeight="1" x14ac:dyDescent="0.2">
      <c r="A110" s="14">
        <v>86</v>
      </c>
      <c r="B110" s="15">
        <v>27</v>
      </c>
      <c r="C110" s="16">
        <v>51</v>
      </c>
      <c r="D110" s="17">
        <v>78</v>
      </c>
    </row>
    <row r="111" spans="1:4" ht="18" customHeight="1" x14ac:dyDescent="0.2">
      <c r="A111" s="14">
        <v>87</v>
      </c>
      <c r="B111" s="15">
        <v>17</v>
      </c>
      <c r="C111" s="16">
        <v>54</v>
      </c>
      <c r="D111" s="17">
        <v>71</v>
      </c>
    </row>
    <row r="112" spans="1:4" ht="18" customHeight="1" x14ac:dyDescent="0.2">
      <c r="A112" s="14">
        <v>88</v>
      </c>
      <c r="B112" s="15">
        <v>20</v>
      </c>
      <c r="C112" s="16">
        <v>43</v>
      </c>
      <c r="D112" s="17">
        <v>63</v>
      </c>
    </row>
    <row r="113" spans="1:4" ht="18" customHeight="1" x14ac:dyDescent="0.2">
      <c r="A113" s="14">
        <v>89</v>
      </c>
      <c r="B113" s="15">
        <v>22</v>
      </c>
      <c r="C113" s="16">
        <v>31</v>
      </c>
      <c r="D113" s="17">
        <v>53</v>
      </c>
    </row>
    <row r="114" spans="1:4" ht="18" customHeight="1" x14ac:dyDescent="0.2">
      <c r="A114" s="18" t="s">
        <v>67</v>
      </c>
      <c r="B114" s="15">
        <v>116</v>
      </c>
      <c r="C114" s="16">
        <v>234</v>
      </c>
      <c r="D114" s="17">
        <v>350</v>
      </c>
    </row>
    <row r="115" spans="1:4" ht="18" customHeight="1" x14ac:dyDescent="0.2">
      <c r="A115" s="14">
        <v>90</v>
      </c>
      <c r="B115" s="15">
        <v>22</v>
      </c>
      <c r="C115" s="16">
        <v>36</v>
      </c>
      <c r="D115" s="17">
        <v>58</v>
      </c>
    </row>
    <row r="116" spans="1:4" ht="18" customHeight="1" x14ac:dyDescent="0.2">
      <c r="A116" s="14">
        <v>91</v>
      </c>
      <c r="B116" s="15">
        <v>9</v>
      </c>
      <c r="C116" s="16">
        <v>24</v>
      </c>
      <c r="D116" s="17">
        <v>33</v>
      </c>
    </row>
    <row r="117" spans="1:4" ht="18" customHeight="1" x14ac:dyDescent="0.2">
      <c r="A117" s="14">
        <v>92</v>
      </c>
      <c r="B117" s="15">
        <v>8</v>
      </c>
      <c r="C117" s="16">
        <v>30</v>
      </c>
      <c r="D117" s="17">
        <v>38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44</v>
      </c>
      <c r="C120" s="16">
        <v>110</v>
      </c>
      <c r="D120" s="17">
        <v>154</v>
      </c>
    </row>
    <row r="121" spans="1:4" ht="18" customHeight="1" x14ac:dyDescent="0.2">
      <c r="A121" s="14">
        <v>95</v>
      </c>
      <c r="B121" s="15">
        <v>4</v>
      </c>
      <c r="C121" s="16">
        <v>12</v>
      </c>
      <c r="D121" s="17">
        <v>16</v>
      </c>
    </row>
    <row r="122" spans="1:4" ht="18" customHeight="1" x14ac:dyDescent="0.2">
      <c r="A122" s="14">
        <v>96</v>
      </c>
      <c r="B122" s="15">
        <v>2</v>
      </c>
      <c r="C122" s="16">
        <v>9</v>
      </c>
      <c r="D122" s="17">
        <v>11</v>
      </c>
    </row>
    <row r="123" spans="1:4" ht="18" customHeight="1" x14ac:dyDescent="0.2">
      <c r="A123" s="14">
        <v>97</v>
      </c>
      <c r="B123" s="15">
        <v>3</v>
      </c>
      <c r="C123" s="16">
        <v>7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11</v>
      </c>
      <c r="C126" s="16">
        <v>34</v>
      </c>
      <c r="D126" s="17">
        <v>45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8</v>
      </c>
      <c r="D129" s="17">
        <v>8</v>
      </c>
    </row>
    <row r="130" spans="1:4" ht="18" customHeight="1" x14ac:dyDescent="0.2">
      <c r="A130" s="18" t="s">
        <v>72</v>
      </c>
      <c r="B130" s="4">
        <v>1416</v>
      </c>
      <c r="C130" s="5">
        <v>1981</v>
      </c>
      <c r="D130" s="6">
        <v>3397</v>
      </c>
    </row>
    <row r="131" spans="1:4" ht="18" customHeight="1" x14ac:dyDescent="0.2">
      <c r="A131" s="20" t="s">
        <v>47</v>
      </c>
      <c r="B131" s="7">
        <v>5673</v>
      </c>
      <c r="C131" s="8">
        <v>6173</v>
      </c>
      <c r="D131" s="9">
        <v>118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1</v>
      </c>
      <c r="C5" s="12">
        <v>45</v>
      </c>
      <c r="D5" s="13">
        <v>86</v>
      </c>
    </row>
    <row r="6" spans="1:4" ht="18" customHeight="1" x14ac:dyDescent="0.2">
      <c r="A6" s="14">
        <v>1</v>
      </c>
      <c r="B6" s="15">
        <v>41</v>
      </c>
      <c r="C6" s="16">
        <v>32</v>
      </c>
      <c r="D6" s="17">
        <v>73</v>
      </c>
    </row>
    <row r="7" spans="1:4" ht="18" customHeight="1" x14ac:dyDescent="0.2">
      <c r="A7" s="14">
        <v>2</v>
      </c>
      <c r="B7" s="15">
        <v>51</v>
      </c>
      <c r="C7" s="16">
        <v>34</v>
      </c>
      <c r="D7" s="17">
        <v>85</v>
      </c>
    </row>
    <row r="8" spans="1:4" ht="18" customHeight="1" x14ac:dyDescent="0.2">
      <c r="A8" s="14">
        <v>3</v>
      </c>
      <c r="B8" s="15">
        <v>33</v>
      </c>
      <c r="C8" s="16">
        <v>43</v>
      </c>
      <c r="D8" s="17">
        <v>76</v>
      </c>
    </row>
    <row r="9" spans="1:4" ht="18" customHeight="1" x14ac:dyDescent="0.2">
      <c r="A9" s="14">
        <v>4</v>
      </c>
      <c r="B9" s="15">
        <v>37</v>
      </c>
      <c r="C9" s="16">
        <v>38</v>
      </c>
      <c r="D9" s="17">
        <v>75</v>
      </c>
    </row>
    <row r="10" spans="1:4" ht="18" customHeight="1" x14ac:dyDescent="0.2">
      <c r="A10" s="18" t="s">
        <v>48</v>
      </c>
      <c r="B10" s="15">
        <v>203</v>
      </c>
      <c r="C10" s="16">
        <v>192</v>
      </c>
      <c r="D10" s="17">
        <v>395</v>
      </c>
    </row>
    <row r="11" spans="1:4" ht="18" customHeight="1" x14ac:dyDescent="0.2">
      <c r="A11" s="14">
        <v>5</v>
      </c>
      <c r="B11" s="15">
        <v>45</v>
      </c>
      <c r="C11" s="16">
        <v>46</v>
      </c>
      <c r="D11" s="17">
        <v>91</v>
      </c>
    </row>
    <row r="12" spans="1:4" ht="18" customHeight="1" x14ac:dyDescent="0.2">
      <c r="A12" s="14">
        <v>6</v>
      </c>
      <c r="B12" s="15">
        <v>45</v>
      </c>
      <c r="C12" s="16">
        <v>41</v>
      </c>
      <c r="D12" s="17">
        <v>86</v>
      </c>
    </row>
    <row r="13" spans="1:4" ht="18" customHeight="1" x14ac:dyDescent="0.2">
      <c r="A13" s="14">
        <v>7</v>
      </c>
      <c r="B13" s="15">
        <v>47</v>
      </c>
      <c r="C13" s="16">
        <v>47</v>
      </c>
      <c r="D13" s="17">
        <v>94</v>
      </c>
    </row>
    <row r="14" spans="1:4" ht="18" customHeight="1" x14ac:dyDescent="0.2">
      <c r="A14" s="14">
        <v>8</v>
      </c>
      <c r="B14" s="15">
        <v>42</v>
      </c>
      <c r="C14" s="16">
        <v>42</v>
      </c>
      <c r="D14" s="17">
        <v>84</v>
      </c>
    </row>
    <row r="15" spans="1:4" ht="18" customHeight="1" x14ac:dyDescent="0.2">
      <c r="A15" s="14">
        <v>9</v>
      </c>
      <c r="B15" s="15">
        <v>45</v>
      </c>
      <c r="C15" s="16">
        <v>50</v>
      </c>
      <c r="D15" s="17">
        <v>95</v>
      </c>
    </row>
    <row r="16" spans="1:4" ht="18" customHeight="1" x14ac:dyDescent="0.2">
      <c r="A16" s="18" t="s">
        <v>49</v>
      </c>
      <c r="B16" s="15">
        <v>224</v>
      </c>
      <c r="C16" s="16">
        <v>226</v>
      </c>
      <c r="D16" s="17">
        <v>450</v>
      </c>
    </row>
    <row r="17" spans="1:4" ht="18" customHeight="1" x14ac:dyDescent="0.2">
      <c r="A17" s="14">
        <v>10</v>
      </c>
      <c r="B17" s="15">
        <v>47</v>
      </c>
      <c r="C17" s="16">
        <v>54</v>
      </c>
      <c r="D17" s="17">
        <v>101</v>
      </c>
    </row>
    <row r="18" spans="1:4" ht="18" customHeight="1" x14ac:dyDescent="0.2">
      <c r="A18" s="14">
        <v>11</v>
      </c>
      <c r="B18" s="15">
        <v>66</v>
      </c>
      <c r="C18" s="16">
        <v>41</v>
      </c>
      <c r="D18" s="17">
        <v>107</v>
      </c>
    </row>
    <row r="19" spans="1:4" ht="18" customHeight="1" x14ac:dyDescent="0.2">
      <c r="A19" s="14">
        <v>12</v>
      </c>
      <c r="B19" s="15">
        <v>58</v>
      </c>
      <c r="C19" s="16">
        <v>56</v>
      </c>
      <c r="D19" s="17">
        <v>114</v>
      </c>
    </row>
    <row r="20" spans="1:4" ht="18" customHeight="1" x14ac:dyDescent="0.2">
      <c r="A20" s="14">
        <v>13</v>
      </c>
      <c r="B20" s="15">
        <v>62</v>
      </c>
      <c r="C20" s="16">
        <v>56</v>
      </c>
      <c r="D20" s="17">
        <v>118</v>
      </c>
    </row>
    <row r="21" spans="1:4" ht="18" customHeight="1" x14ac:dyDescent="0.2">
      <c r="A21" s="14">
        <v>14</v>
      </c>
      <c r="B21" s="15">
        <v>63</v>
      </c>
      <c r="C21" s="16">
        <v>61</v>
      </c>
      <c r="D21" s="17">
        <v>124</v>
      </c>
    </row>
    <row r="22" spans="1:4" ht="18" customHeight="1" x14ac:dyDescent="0.2">
      <c r="A22" s="18" t="s">
        <v>50</v>
      </c>
      <c r="B22" s="15">
        <v>296</v>
      </c>
      <c r="C22" s="16">
        <v>268</v>
      </c>
      <c r="D22" s="17">
        <v>564</v>
      </c>
    </row>
    <row r="23" spans="1:4" ht="18" customHeight="1" x14ac:dyDescent="0.2">
      <c r="A23" s="18" t="s">
        <v>51</v>
      </c>
      <c r="B23" s="15">
        <v>723</v>
      </c>
      <c r="C23" s="16">
        <v>686</v>
      </c>
      <c r="D23" s="17">
        <v>1409</v>
      </c>
    </row>
    <row r="24" spans="1:4" ht="18" customHeight="1" x14ac:dyDescent="0.2">
      <c r="A24" s="14">
        <v>15</v>
      </c>
      <c r="B24" s="15">
        <v>59</v>
      </c>
      <c r="C24" s="16">
        <v>58</v>
      </c>
      <c r="D24" s="17">
        <v>117</v>
      </c>
    </row>
    <row r="25" spans="1:4" ht="18" customHeight="1" x14ac:dyDescent="0.2">
      <c r="A25" s="14">
        <v>16</v>
      </c>
      <c r="B25" s="15">
        <v>66</v>
      </c>
      <c r="C25" s="16">
        <v>54</v>
      </c>
      <c r="D25" s="17">
        <v>120</v>
      </c>
    </row>
    <row r="26" spans="1:4" ht="18" customHeight="1" x14ac:dyDescent="0.2">
      <c r="A26" s="14">
        <v>17</v>
      </c>
      <c r="B26" s="15">
        <v>62</v>
      </c>
      <c r="C26" s="16">
        <v>58</v>
      </c>
      <c r="D26" s="17">
        <v>120</v>
      </c>
    </row>
    <row r="27" spans="1:4" ht="18" customHeight="1" x14ac:dyDescent="0.2">
      <c r="A27" s="14">
        <v>18</v>
      </c>
      <c r="B27" s="15">
        <v>74</v>
      </c>
      <c r="C27" s="16">
        <v>77</v>
      </c>
      <c r="D27" s="17">
        <v>151</v>
      </c>
    </row>
    <row r="28" spans="1:4" ht="18" customHeight="1" x14ac:dyDescent="0.2">
      <c r="A28" s="14">
        <v>19</v>
      </c>
      <c r="B28" s="15">
        <v>51</v>
      </c>
      <c r="C28" s="16">
        <v>64</v>
      </c>
      <c r="D28" s="17">
        <v>115</v>
      </c>
    </row>
    <row r="29" spans="1:4" ht="18" customHeight="1" x14ac:dyDescent="0.2">
      <c r="A29" s="18" t="s">
        <v>52</v>
      </c>
      <c r="B29" s="15">
        <v>312</v>
      </c>
      <c r="C29" s="16">
        <v>311</v>
      </c>
      <c r="D29" s="17">
        <v>623</v>
      </c>
    </row>
    <row r="30" spans="1:4" ht="18" customHeight="1" x14ac:dyDescent="0.2">
      <c r="A30" s="14">
        <v>20</v>
      </c>
      <c r="B30" s="15">
        <v>68</v>
      </c>
      <c r="C30" s="16">
        <v>61</v>
      </c>
      <c r="D30" s="17">
        <v>129</v>
      </c>
    </row>
    <row r="31" spans="1:4" ht="18" customHeight="1" x14ac:dyDescent="0.2">
      <c r="A31" s="14">
        <v>21</v>
      </c>
      <c r="B31" s="15">
        <v>65</v>
      </c>
      <c r="C31" s="16">
        <v>68</v>
      </c>
      <c r="D31" s="17">
        <v>133</v>
      </c>
    </row>
    <row r="32" spans="1:4" ht="18" customHeight="1" x14ac:dyDescent="0.2">
      <c r="A32" s="14">
        <v>22</v>
      </c>
      <c r="B32" s="15">
        <v>71</v>
      </c>
      <c r="C32" s="16">
        <v>56</v>
      </c>
      <c r="D32" s="17">
        <v>127</v>
      </c>
    </row>
    <row r="33" spans="1:4" ht="18" customHeight="1" x14ac:dyDescent="0.2">
      <c r="A33" s="14">
        <v>23</v>
      </c>
      <c r="B33" s="15">
        <v>62</v>
      </c>
      <c r="C33" s="16">
        <v>49</v>
      </c>
      <c r="D33" s="17">
        <v>111</v>
      </c>
    </row>
    <row r="34" spans="1:4" ht="18" customHeight="1" x14ac:dyDescent="0.2">
      <c r="A34" s="14">
        <v>24</v>
      </c>
      <c r="B34" s="15">
        <v>79</v>
      </c>
      <c r="C34" s="16">
        <v>58</v>
      </c>
      <c r="D34" s="17">
        <v>137</v>
      </c>
    </row>
    <row r="35" spans="1:4" ht="18" customHeight="1" x14ac:dyDescent="0.2">
      <c r="A35" s="18" t="s">
        <v>53</v>
      </c>
      <c r="B35" s="15">
        <v>345</v>
      </c>
      <c r="C35" s="16">
        <v>292</v>
      </c>
      <c r="D35" s="17">
        <v>637</v>
      </c>
    </row>
    <row r="36" spans="1:4" ht="18" customHeight="1" x14ac:dyDescent="0.2">
      <c r="A36" s="14">
        <v>25</v>
      </c>
      <c r="B36" s="15">
        <v>60</v>
      </c>
      <c r="C36" s="16">
        <v>53</v>
      </c>
      <c r="D36" s="17">
        <v>113</v>
      </c>
    </row>
    <row r="37" spans="1:4" ht="18" customHeight="1" x14ac:dyDescent="0.2">
      <c r="A37" s="14">
        <v>26</v>
      </c>
      <c r="B37" s="15">
        <v>53</v>
      </c>
      <c r="C37" s="16">
        <v>60</v>
      </c>
      <c r="D37" s="17">
        <v>113</v>
      </c>
    </row>
    <row r="38" spans="1:4" ht="18" customHeight="1" x14ac:dyDescent="0.2">
      <c r="A38" s="14">
        <v>27</v>
      </c>
      <c r="B38" s="15">
        <v>58</v>
      </c>
      <c r="C38" s="16">
        <v>55</v>
      </c>
      <c r="D38" s="17">
        <v>113</v>
      </c>
    </row>
    <row r="39" spans="1:4" ht="18" customHeight="1" x14ac:dyDescent="0.2">
      <c r="A39" s="14">
        <v>28</v>
      </c>
      <c r="B39" s="15">
        <v>45</v>
      </c>
      <c r="C39" s="16">
        <v>44</v>
      </c>
      <c r="D39" s="17">
        <v>89</v>
      </c>
    </row>
    <row r="40" spans="1:4" ht="18" customHeight="1" x14ac:dyDescent="0.2">
      <c r="A40" s="14">
        <v>29</v>
      </c>
      <c r="B40" s="15">
        <v>61</v>
      </c>
      <c r="C40" s="16">
        <v>43</v>
      </c>
      <c r="D40" s="17">
        <v>104</v>
      </c>
    </row>
    <row r="41" spans="1:4" ht="18" customHeight="1" x14ac:dyDescent="0.2">
      <c r="A41" s="18" t="s">
        <v>54</v>
      </c>
      <c r="B41" s="15">
        <v>277</v>
      </c>
      <c r="C41" s="16">
        <v>255</v>
      </c>
      <c r="D41" s="17">
        <v>532</v>
      </c>
    </row>
    <row r="42" spans="1:4" ht="18" customHeight="1" x14ac:dyDescent="0.2">
      <c r="A42" s="14">
        <v>30</v>
      </c>
      <c r="B42" s="15">
        <v>51</v>
      </c>
      <c r="C42" s="16">
        <v>45</v>
      </c>
      <c r="D42" s="17">
        <v>96</v>
      </c>
    </row>
    <row r="43" spans="1:4" ht="18" customHeight="1" x14ac:dyDescent="0.2">
      <c r="A43" s="14">
        <v>31</v>
      </c>
      <c r="B43" s="15">
        <v>49</v>
      </c>
      <c r="C43" s="16">
        <v>49</v>
      </c>
      <c r="D43" s="17">
        <v>98</v>
      </c>
    </row>
    <row r="44" spans="1:4" ht="18" customHeight="1" x14ac:dyDescent="0.2">
      <c r="A44" s="14">
        <v>32</v>
      </c>
      <c r="B44" s="15">
        <v>53</v>
      </c>
      <c r="C44" s="16">
        <v>68</v>
      </c>
      <c r="D44" s="17">
        <v>121</v>
      </c>
    </row>
    <row r="45" spans="1:4" ht="18" customHeight="1" x14ac:dyDescent="0.2">
      <c r="A45" s="14">
        <v>33</v>
      </c>
      <c r="B45" s="15">
        <v>49</v>
      </c>
      <c r="C45" s="16">
        <v>55</v>
      </c>
      <c r="D45" s="17">
        <v>104</v>
      </c>
    </row>
    <row r="46" spans="1:4" ht="18" customHeight="1" x14ac:dyDescent="0.2">
      <c r="A46" s="14">
        <v>34</v>
      </c>
      <c r="B46" s="15">
        <v>67</v>
      </c>
      <c r="C46" s="16">
        <v>54</v>
      </c>
      <c r="D46" s="17">
        <v>121</v>
      </c>
    </row>
    <row r="47" spans="1:4" ht="18" customHeight="1" x14ac:dyDescent="0.2">
      <c r="A47" s="18" t="s">
        <v>55</v>
      </c>
      <c r="B47" s="15">
        <v>269</v>
      </c>
      <c r="C47" s="16">
        <v>271</v>
      </c>
      <c r="D47" s="17">
        <v>540</v>
      </c>
    </row>
    <row r="48" spans="1:4" ht="18" customHeight="1" x14ac:dyDescent="0.2">
      <c r="A48" s="14">
        <v>35</v>
      </c>
      <c r="B48" s="15">
        <v>62</v>
      </c>
      <c r="C48" s="16">
        <v>62</v>
      </c>
      <c r="D48" s="17">
        <v>124</v>
      </c>
    </row>
    <row r="49" spans="1:4" ht="18" customHeight="1" x14ac:dyDescent="0.2">
      <c r="A49" s="14">
        <v>36</v>
      </c>
      <c r="B49" s="15">
        <v>64</v>
      </c>
      <c r="C49" s="16">
        <v>46</v>
      </c>
      <c r="D49" s="17">
        <v>110</v>
      </c>
    </row>
    <row r="50" spans="1:4" ht="18" customHeight="1" x14ac:dyDescent="0.2">
      <c r="A50" s="14">
        <v>37</v>
      </c>
      <c r="B50" s="15">
        <v>70</v>
      </c>
      <c r="C50" s="16">
        <v>52</v>
      </c>
      <c r="D50" s="17">
        <v>122</v>
      </c>
    </row>
    <row r="51" spans="1:4" ht="18" customHeight="1" x14ac:dyDescent="0.2">
      <c r="A51" s="14">
        <v>38</v>
      </c>
      <c r="B51" s="15">
        <v>64</v>
      </c>
      <c r="C51" s="16">
        <v>68</v>
      </c>
      <c r="D51" s="17">
        <v>132</v>
      </c>
    </row>
    <row r="52" spans="1:4" ht="18" customHeight="1" x14ac:dyDescent="0.2">
      <c r="A52" s="14">
        <v>39</v>
      </c>
      <c r="B52" s="15">
        <v>61</v>
      </c>
      <c r="C52" s="16">
        <v>51</v>
      </c>
      <c r="D52" s="17">
        <v>112</v>
      </c>
    </row>
    <row r="53" spans="1:4" ht="18" customHeight="1" x14ac:dyDescent="0.2">
      <c r="A53" s="18" t="s">
        <v>56</v>
      </c>
      <c r="B53" s="15">
        <v>321</v>
      </c>
      <c r="C53" s="16">
        <v>279</v>
      </c>
      <c r="D53" s="17">
        <v>600</v>
      </c>
    </row>
    <row r="54" spans="1:4" ht="18" customHeight="1" x14ac:dyDescent="0.2">
      <c r="A54" s="14">
        <v>40</v>
      </c>
      <c r="B54" s="15">
        <v>79</v>
      </c>
      <c r="C54" s="16">
        <v>70</v>
      </c>
      <c r="D54" s="17">
        <v>149</v>
      </c>
    </row>
    <row r="55" spans="1:4" ht="18" customHeight="1" x14ac:dyDescent="0.2">
      <c r="A55" s="14">
        <v>41</v>
      </c>
      <c r="B55" s="15">
        <v>97</v>
      </c>
      <c r="C55" s="16">
        <v>91</v>
      </c>
      <c r="D55" s="17">
        <v>188</v>
      </c>
    </row>
    <row r="56" spans="1:4" ht="18" customHeight="1" x14ac:dyDescent="0.2">
      <c r="A56" s="14">
        <v>42</v>
      </c>
      <c r="B56" s="15">
        <v>75</v>
      </c>
      <c r="C56" s="16">
        <v>82</v>
      </c>
      <c r="D56" s="17">
        <v>157</v>
      </c>
    </row>
    <row r="57" spans="1:4" ht="18" customHeight="1" x14ac:dyDescent="0.2">
      <c r="A57" s="14">
        <v>43</v>
      </c>
      <c r="B57" s="15">
        <v>93</v>
      </c>
      <c r="C57" s="16">
        <v>84</v>
      </c>
      <c r="D57" s="17">
        <v>177</v>
      </c>
    </row>
    <row r="58" spans="1:4" ht="18" customHeight="1" x14ac:dyDescent="0.2">
      <c r="A58" s="14">
        <v>44</v>
      </c>
      <c r="B58" s="15">
        <v>100</v>
      </c>
      <c r="C58" s="16">
        <v>99</v>
      </c>
      <c r="D58" s="17">
        <v>199</v>
      </c>
    </row>
    <row r="59" spans="1:4" ht="18" customHeight="1" x14ac:dyDescent="0.2">
      <c r="A59" s="18" t="s">
        <v>57</v>
      </c>
      <c r="B59" s="15">
        <v>444</v>
      </c>
      <c r="C59" s="16">
        <v>426</v>
      </c>
      <c r="D59" s="17">
        <v>870</v>
      </c>
    </row>
    <row r="60" spans="1:4" ht="18" customHeight="1" x14ac:dyDescent="0.2">
      <c r="A60" s="14">
        <v>45</v>
      </c>
      <c r="B60" s="15">
        <v>106</v>
      </c>
      <c r="C60" s="16">
        <v>114</v>
      </c>
      <c r="D60" s="17">
        <v>220</v>
      </c>
    </row>
    <row r="61" spans="1:4" ht="18" customHeight="1" x14ac:dyDescent="0.2">
      <c r="A61" s="14">
        <v>46</v>
      </c>
      <c r="B61" s="15">
        <v>110</v>
      </c>
      <c r="C61" s="16">
        <v>112</v>
      </c>
      <c r="D61" s="17">
        <v>222</v>
      </c>
    </row>
    <row r="62" spans="1:4" ht="18" customHeight="1" x14ac:dyDescent="0.2">
      <c r="A62" s="14">
        <v>47</v>
      </c>
      <c r="B62" s="15">
        <v>106</v>
      </c>
      <c r="C62" s="16">
        <v>99</v>
      </c>
      <c r="D62" s="17">
        <v>205</v>
      </c>
    </row>
    <row r="63" spans="1:4" ht="18" customHeight="1" x14ac:dyDescent="0.2">
      <c r="A63" s="14">
        <v>48</v>
      </c>
      <c r="B63" s="15">
        <v>102</v>
      </c>
      <c r="C63" s="16">
        <v>93</v>
      </c>
      <c r="D63" s="17">
        <v>195</v>
      </c>
    </row>
    <row r="64" spans="1:4" ht="18" customHeight="1" x14ac:dyDescent="0.2">
      <c r="A64" s="14">
        <v>49</v>
      </c>
      <c r="B64" s="15">
        <v>107</v>
      </c>
      <c r="C64" s="16">
        <v>69</v>
      </c>
      <c r="D64" s="17">
        <v>176</v>
      </c>
    </row>
    <row r="65" spans="1:4" ht="18" customHeight="1" x14ac:dyDescent="0.2">
      <c r="A65" s="18" t="s">
        <v>58</v>
      </c>
      <c r="B65" s="15">
        <v>531</v>
      </c>
      <c r="C65" s="16">
        <v>487</v>
      </c>
      <c r="D65" s="17">
        <v>1018</v>
      </c>
    </row>
    <row r="66" spans="1:4" ht="18" customHeight="1" x14ac:dyDescent="0.2">
      <c r="A66" s="14">
        <v>50</v>
      </c>
      <c r="B66" s="15">
        <v>88</v>
      </c>
      <c r="C66" s="16">
        <v>84</v>
      </c>
      <c r="D66" s="17">
        <v>172</v>
      </c>
    </row>
    <row r="67" spans="1:4" ht="18" customHeight="1" x14ac:dyDescent="0.2">
      <c r="A67" s="14">
        <v>51</v>
      </c>
      <c r="B67" s="15">
        <v>95</v>
      </c>
      <c r="C67" s="16">
        <v>99</v>
      </c>
      <c r="D67" s="17">
        <v>194</v>
      </c>
    </row>
    <row r="68" spans="1:4" ht="18" customHeight="1" x14ac:dyDescent="0.2">
      <c r="A68" s="14">
        <v>52</v>
      </c>
      <c r="B68" s="15">
        <v>76</v>
      </c>
      <c r="C68" s="16">
        <v>99</v>
      </c>
      <c r="D68" s="17">
        <v>175</v>
      </c>
    </row>
    <row r="69" spans="1:4" ht="18" customHeight="1" x14ac:dyDescent="0.2">
      <c r="A69" s="14">
        <v>53</v>
      </c>
      <c r="B69" s="15">
        <v>60</v>
      </c>
      <c r="C69" s="16">
        <v>64</v>
      </c>
      <c r="D69" s="17">
        <v>124</v>
      </c>
    </row>
    <row r="70" spans="1:4" ht="18" customHeight="1" x14ac:dyDescent="0.2">
      <c r="A70" s="14">
        <v>54</v>
      </c>
      <c r="B70" s="15">
        <v>88</v>
      </c>
      <c r="C70" s="16">
        <v>92</v>
      </c>
      <c r="D70" s="17">
        <v>180</v>
      </c>
    </row>
    <row r="71" spans="1:4" ht="18" customHeight="1" x14ac:dyDescent="0.2">
      <c r="A71" s="18" t="s">
        <v>59</v>
      </c>
      <c r="B71" s="15">
        <v>407</v>
      </c>
      <c r="C71" s="16">
        <v>438</v>
      </c>
      <c r="D71" s="17">
        <v>845</v>
      </c>
    </row>
    <row r="72" spans="1:4" ht="18" customHeight="1" x14ac:dyDescent="0.2">
      <c r="A72" s="14">
        <v>55</v>
      </c>
      <c r="B72" s="15">
        <v>76</v>
      </c>
      <c r="C72" s="16">
        <v>59</v>
      </c>
      <c r="D72" s="17">
        <v>135</v>
      </c>
    </row>
    <row r="73" spans="1:4" ht="18" customHeight="1" x14ac:dyDescent="0.2">
      <c r="A73" s="14">
        <v>56</v>
      </c>
      <c r="B73" s="15">
        <v>86</v>
      </c>
      <c r="C73" s="16">
        <v>78</v>
      </c>
      <c r="D73" s="17">
        <v>164</v>
      </c>
    </row>
    <row r="74" spans="1:4" ht="18" customHeight="1" x14ac:dyDescent="0.2">
      <c r="A74" s="14">
        <v>57</v>
      </c>
      <c r="B74" s="15">
        <v>58</v>
      </c>
      <c r="C74" s="16">
        <v>59</v>
      </c>
      <c r="D74" s="17">
        <v>117</v>
      </c>
    </row>
    <row r="75" spans="1:4" ht="18" customHeight="1" x14ac:dyDescent="0.2">
      <c r="A75" s="14">
        <v>58</v>
      </c>
      <c r="B75" s="15">
        <v>55</v>
      </c>
      <c r="C75" s="16">
        <v>61</v>
      </c>
      <c r="D75" s="17">
        <v>116</v>
      </c>
    </row>
    <row r="76" spans="1:4" ht="18" customHeight="1" x14ac:dyDescent="0.2">
      <c r="A76" s="14">
        <v>59</v>
      </c>
      <c r="B76" s="15">
        <v>61</v>
      </c>
      <c r="C76" s="16">
        <v>67</v>
      </c>
      <c r="D76" s="17">
        <v>128</v>
      </c>
    </row>
    <row r="77" spans="1:4" ht="18" customHeight="1" x14ac:dyDescent="0.2">
      <c r="A77" s="18" t="s">
        <v>60</v>
      </c>
      <c r="B77" s="15">
        <v>336</v>
      </c>
      <c r="C77" s="16">
        <v>324</v>
      </c>
      <c r="D77" s="17">
        <v>660</v>
      </c>
    </row>
    <row r="78" spans="1:4" ht="18" customHeight="1" x14ac:dyDescent="0.2">
      <c r="A78" s="14">
        <v>60</v>
      </c>
      <c r="B78" s="15">
        <v>57</v>
      </c>
      <c r="C78" s="16">
        <v>53</v>
      </c>
      <c r="D78" s="17">
        <v>110</v>
      </c>
    </row>
    <row r="79" spans="1:4" ht="18" customHeight="1" x14ac:dyDescent="0.2">
      <c r="A79" s="14">
        <v>61</v>
      </c>
      <c r="B79" s="15">
        <v>53</v>
      </c>
      <c r="C79" s="16">
        <v>59</v>
      </c>
      <c r="D79" s="17">
        <v>112</v>
      </c>
    </row>
    <row r="80" spans="1:4" ht="18" customHeight="1" x14ac:dyDescent="0.2">
      <c r="A80" s="14">
        <v>62</v>
      </c>
      <c r="B80" s="15">
        <v>60</v>
      </c>
      <c r="C80" s="16">
        <v>55</v>
      </c>
      <c r="D80" s="17">
        <v>115</v>
      </c>
    </row>
    <row r="81" spans="1:4" ht="18" customHeight="1" x14ac:dyDescent="0.2">
      <c r="A81" s="14">
        <v>63</v>
      </c>
      <c r="B81" s="15">
        <v>51</v>
      </c>
      <c r="C81" s="16">
        <v>68</v>
      </c>
      <c r="D81" s="17">
        <v>119</v>
      </c>
    </row>
    <row r="82" spans="1:4" ht="18" customHeight="1" x14ac:dyDescent="0.2">
      <c r="A82" s="14">
        <v>64</v>
      </c>
      <c r="B82" s="15">
        <v>57</v>
      </c>
      <c r="C82" s="16">
        <v>69</v>
      </c>
      <c r="D82" s="17">
        <v>126</v>
      </c>
    </row>
    <row r="83" spans="1:4" ht="18" customHeight="1" x14ac:dyDescent="0.2">
      <c r="A83" s="18" t="s">
        <v>61</v>
      </c>
      <c r="B83" s="15">
        <v>278</v>
      </c>
      <c r="C83" s="16">
        <v>304</v>
      </c>
      <c r="D83" s="17">
        <v>582</v>
      </c>
    </row>
    <row r="84" spans="1:4" ht="18" customHeight="1" x14ac:dyDescent="0.2">
      <c r="A84" s="18" t="s">
        <v>62</v>
      </c>
      <c r="B84" s="15">
        <v>3520</v>
      </c>
      <c r="C84" s="16">
        <v>3387</v>
      </c>
      <c r="D84" s="17">
        <v>6907</v>
      </c>
    </row>
    <row r="85" spans="1:4" ht="18" customHeight="1" x14ac:dyDescent="0.2">
      <c r="A85" s="14">
        <v>65</v>
      </c>
      <c r="B85" s="15">
        <v>54</v>
      </c>
      <c r="C85" s="16">
        <v>63</v>
      </c>
      <c r="D85" s="17">
        <v>117</v>
      </c>
    </row>
    <row r="86" spans="1:4" ht="18" customHeight="1" x14ac:dyDescent="0.2">
      <c r="A86" s="14">
        <v>66</v>
      </c>
      <c r="B86" s="15">
        <v>67</v>
      </c>
      <c r="C86" s="16">
        <v>66</v>
      </c>
      <c r="D86" s="17">
        <v>133</v>
      </c>
    </row>
    <row r="87" spans="1:4" ht="18" customHeight="1" x14ac:dyDescent="0.2">
      <c r="A87" s="14">
        <v>67</v>
      </c>
      <c r="B87" s="15">
        <v>57</v>
      </c>
      <c r="C87" s="16">
        <v>67</v>
      </c>
      <c r="D87" s="17">
        <v>124</v>
      </c>
    </row>
    <row r="88" spans="1:4" ht="18" customHeight="1" x14ac:dyDescent="0.2">
      <c r="A88" s="14">
        <v>68</v>
      </c>
      <c r="B88" s="15">
        <v>61</v>
      </c>
      <c r="C88" s="16">
        <v>82</v>
      </c>
      <c r="D88" s="17">
        <v>143</v>
      </c>
    </row>
    <row r="89" spans="1:4" ht="18" customHeight="1" x14ac:dyDescent="0.2">
      <c r="A89" s="14">
        <v>69</v>
      </c>
      <c r="B89" s="15">
        <v>84</v>
      </c>
      <c r="C89" s="16">
        <v>95</v>
      </c>
      <c r="D89" s="17">
        <v>179</v>
      </c>
    </row>
    <row r="90" spans="1:4" ht="18" customHeight="1" x14ac:dyDescent="0.2">
      <c r="A90" s="18" t="s">
        <v>63</v>
      </c>
      <c r="B90" s="15">
        <v>323</v>
      </c>
      <c r="C90" s="16">
        <v>373</v>
      </c>
      <c r="D90" s="17">
        <v>696</v>
      </c>
    </row>
    <row r="91" spans="1:4" ht="18" customHeight="1" x14ac:dyDescent="0.2">
      <c r="A91" s="14">
        <v>70</v>
      </c>
      <c r="B91" s="15">
        <v>87</v>
      </c>
      <c r="C91" s="16">
        <v>112</v>
      </c>
      <c r="D91" s="17">
        <v>199</v>
      </c>
    </row>
    <row r="92" spans="1:4" ht="18" customHeight="1" x14ac:dyDescent="0.2">
      <c r="A92" s="14">
        <v>71</v>
      </c>
      <c r="B92" s="15">
        <v>81</v>
      </c>
      <c r="C92" s="16">
        <v>93</v>
      </c>
      <c r="D92" s="17">
        <v>174</v>
      </c>
    </row>
    <row r="93" spans="1:4" ht="18" customHeight="1" x14ac:dyDescent="0.2">
      <c r="A93" s="14">
        <v>72</v>
      </c>
      <c r="B93" s="15">
        <v>109</v>
      </c>
      <c r="C93" s="16">
        <v>109</v>
      </c>
      <c r="D93" s="17">
        <v>218</v>
      </c>
    </row>
    <row r="94" spans="1:4" ht="18" customHeight="1" x14ac:dyDescent="0.2">
      <c r="A94" s="14">
        <v>73</v>
      </c>
      <c r="B94" s="15">
        <v>60</v>
      </c>
      <c r="C94" s="16">
        <v>57</v>
      </c>
      <c r="D94" s="17">
        <v>117</v>
      </c>
    </row>
    <row r="95" spans="1:4" ht="18" customHeight="1" x14ac:dyDescent="0.2">
      <c r="A95" s="14">
        <v>74</v>
      </c>
      <c r="B95" s="15">
        <v>58</v>
      </c>
      <c r="C95" s="16">
        <v>60</v>
      </c>
      <c r="D95" s="17">
        <v>118</v>
      </c>
    </row>
    <row r="96" spans="1:4" ht="18" customHeight="1" x14ac:dyDescent="0.2">
      <c r="A96" s="18" t="s">
        <v>64</v>
      </c>
      <c r="B96" s="15">
        <v>395</v>
      </c>
      <c r="C96" s="16">
        <v>431</v>
      </c>
      <c r="D96" s="17">
        <v>826</v>
      </c>
    </row>
    <row r="97" spans="1:4" ht="18" customHeight="1" x14ac:dyDescent="0.2">
      <c r="A97" s="14">
        <v>75</v>
      </c>
      <c r="B97" s="15">
        <v>58</v>
      </c>
      <c r="C97" s="16">
        <v>84</v>
      </c>
      <c r="D97" s="17">
        <v>142</v>
      </c>
    </row>
    <row r="98" spans="1:4" ht="18" customHeight="1" x14ac:dyDescent="0.2">
      <c r="A98" s="14">
        <v>76</v>
      </c>
      <c r="B98" s="15">
        <v>60</v>
      </c>
      <c r="C98" s="16">
        <v>86</v>
      </c>
      <c r="D98" s="17">
        <v>146</v>
      </c>
    </row>
    <row r="99" spans="1:4" ht="18" customHeight="1" x14ac:dyDescent="0.2">
      <c r="A99" s="14">
        <v>77</v>
      </c>
      <c r="B99" s="15">
        <v>60</v>
      </c>
      <c r="C99" s="16">
        <v>75</v>
      </c>
      <c r="D99" s="17">
        <v>135</v>
      </c>
    </row>
    <row r="100" spans="1:4" ht="18" customHeight="1" x14ac:dyDescent="0.2">
      <c r="A100" s="14">
        <v>78</v>
      </c>
      <c r="B100" s="15">
        <v>59</v>
      </c>
      <c r="C100" s="16">
        <v>72</v>
      </c>
      <c r="D100" s="17">
        <v>131</v>
      </c>
    </row>
    <row r="101" spans="1:4" ht="18" customHeight="1" x14ac:dyDescent="0.2">
      <c r="A101" s="14">
        <v>79</v>
      </c>
      <c r="B101" s="15">
        <v>66</v>
      </c>
      <c r="C101" s="16">
        <v>71</v>
      </c>
      <c r="D101" s="17">
        <v>137</v>
      </c>
    </row>
    <row r="102" spans="1:4" ht="18" customHeight="1" x14ac:dyDescent="0.2">
      <c r="A102" s="18" t="s">
        <v>65</v>
      </c>
      <c r="B102" s="15">
        <v>303</v>
      </c>
      <c r="C102" s="16">
        <v>388</v>
      </c>
      <c r="D102" s="17">
        <v>691</v>
      </c>
    </row>
    <row r="103" spans="1:4" ht="18" customHeight="1" x14ac:dyDescent="0.2">
      <c r="A103" s="14">
        <v>80</v>
      </c>
      <c r="B103" s="15">
        <v>46</v>
      </c>
      <c r="C103" s="16">
        <v>47</v>
      </c>
      <c r="D103" s="17">
        <v>93</v>
      </c>
    </row>
    <row r="104" spans="1:4" ht="18" customHeight="1" x14ac:dyDescent="0.2">
      <c r="A104" s="14">
        <v>81</v>
      </c>
      <c r="B104" s="15">
        <v>39</v>
      </c>
      <c r="C104" s="16">
        <v>61</v>
      </c>
      <c r="D104" s="17">
        <v>100</v>
      </c>
    </row>
    <row r="105" spans="1:4" ht="18" customHeight="1" x14ac:dyDescent="0.2">
      <c r="A105" s="14">
        <v>82</v>
      </c>
      <c r="B105" s="15">
        <v>51</v>
      </c>
      <c r="C105" s="16">
        <v>54</v>
      </c>
      <c r="D105" s="17">
        <v>105</v>
      </c>
    </row>
    <row r="106" spans="1:4" ht="18" customHeight="1" x14ac:dyDescent="0.2">
      <c r="A106" s="14">
        <v>83</v>
      </c>
      <c r="B106" s="15">
        <v>38</v>
      </c>
      <c r="C106" s="16">
        <v>66</v>
      </c>
      <c r="D106" s="17">
        <v>104</v>
      </c>
    </row>
    <row r="107" spans="1:4" ht="18" customHeight="1" x14ac:dyDescent="0.2">
      <c r="A107" s="14">
        <v>84</v>
      </c>
      <c r="B107" s="15">
        <v>24</v>
      </c>
      <c r="C107" s="16">
        <v>32</v>
      </c>
      <c r="D107" s="17">
        <v>56</v>
      </c>
    </row>
    <row r="108" spans="1:4" ht="18" customHeight="1" x14ac:dyDescent="0.2">
      <c r="A108" s="18" t="s">
        <v>66</v>
      </c>
      <c r="B108" s="15">
        <v>198</v>
      </c>
      <c r="C108" s="16">
        <v>260</v>
      </c>
      <c r="D108" s="17">
        <v>458</v>
      </c>
    </row>
    <row r="109" spans="1:4" ht="18" customHeight="1" x14ac:dyDescent="0.2">
      <c r="A109" s="14">
        <v>85</v>
      </c>
      <c r="B109" s="15">
        <v>21</v>
      </c>
      <c r="C109" s="16">
        <v>42</v>
      </c>
      <c r="D109" s="17">
        <v>63</v>
      </c>
    </row>
    <row r="110" spans="1:4" ht="18" customHeight="1" x14ac:dyDescent="0.2">
      <c r="A110" s="14">
        <v>86</v>
      </c>
      <c r="B110" s="15">
        <v>22</v>
      </c>
      <c r="C110" s="16">
        <v>40</v>
      </c>
      <c r="D110" s="17">
        <v>62</v>
      </c>
    </row>
    <row r="111" spans="1:4" ht="18" customHeight="1" x14ac:dyDescent="0.2">
      <c r="A111" s="14">
        <v>87</v>
      </c>
      <c r="B111" s="15">
        <v>18</v>
      </c>
      <c r="C111" s="16">
        <v>38</v>
      </c>
      <c r="D111" s="17">
        <v>56</v>
      </c>
    </row>
    <row r="112" spans="1:4" ht="18" customHeight="1" x14ac:dyDescent="0.2">
      <c r="A112" s="14">
        <v>88</v>
      </c>
      <c r="B112" s="15">
        <v>22</v>
      </c>
      <c r="C112" s="16">
        <v>38</v>
      </c>
      <c r="D112" s="17">
        <v>60</v>
      </c>
    </row>
    <row r="113" spans="1:4" ht="18" customHeight="1" x14ac:dyDescent="0.2">
      <c r="A113" s="14">
        <v>89</v>
      </c>
      <c r="B113" s="15">
        <v>7</v>
      </c>
      <c r="C113" s="16">
        <v>25</v>
      </c>
      <c r="D113" s="17">
        <v>32</v>
      </c>
    </row>
    <row r="114" spans="1:4" ht="18" customHeight="1" x14ac:dyDescent="0.2">
      <c r="A114" s="18" t="s">
        <v>67</v>
      </c>
      <c r="B114" s="15">
        <v>90</v>
      </c>
      <c r="C114" s="16">
        <v>183</v>
      </c>
      <c r="D114" s="17">
        <v>273</v>
      </c>
    </row>
    <row r="115" spans="1:4" ht="18" customHeight="1" x14ac:dyDescent="0.2">
      <c r="A115" s="14">
        <v>90</v>
      </c>
      <c r="B115" s="15">
        <v>10</v>
      </c>
      <c r="C115" s="16">
        <v>27</v>
      </c>
      <c r="D115" s="17">
        <v>37</v>
      </c>
    </row>
    <row r="116" spans="1:4" ht="18" customHeight="1" x14ac:dyDescent="0.2">
      <c r="A116" s="14">
        <v>91</v>
      </c>
      <c r="B116" s="15">
        <v>6</v>
      </c>
      <c r="C116" s="16">
        <v>19</v>
      </c>
      <c r="D116" s="17">
        <v>25</v>
      </c>
    </row>
    <row r="117" spans="1:4" ht="18" customHeight="1" x14ac:dyDescent="0.2">
      <c r="A117" s="14">
        <v>92</v>
      </c>
      <c r="B117" s="15">
        <v>2</v>
      </c>
      <c r="C117" s="16">
        <v>19</v>
      </c>
      <c r="D117" s="17">
        <v>21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24</v>
      </c>
      <c r="C120" s="16">
        <v>92</v>
      </c>
      <c r="D120" s="17">
        <v>116</v>
      </c>
    </row>
    <row r="121" spans="1:4" ht="18" customHeight="1" x14ac:dyDescent="0.2">
      <c r="A121" s="14">
        <v>95</v>
      </c>
      <c r="B121" s="15">
        <v>3</v>
      </c>
      <c r="C121" s="16">
        <v>7</v>
      </c>
      <c r="D121" s="17">
        <v>10</v>
      </c>
    </row>
    <row r="122" spans="1:4" ht="18" customHeight="1" x14ac:dyDescent="0.2">
      <c r="A122" s="14">
        <v>96</v>
      </c>
      <c r="B122" s="15">
        <v>4</v>
      </c>
      <c r="C122" s="16">
        <v>6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5</v>
      </c>
      <c r="D125" s="17">
        <v>6</v>
      </c>
    </row>
    <row r="126" spans="1:4" ht="18" customHeight="1" x14ac:dyDescent="0.2">
      <c r="A126" s="18" t="s">
        <v>69</v>
      </c>
      <c r="B126" s="15">
        <v>9</v>
      </c>
      <c r="C126" s="16">
        <v>27</v>
      </c>
      <c r="D126" s="17">
        <v>3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1344</v>
      </c>
      <c r="C130" s="5">
        <v>1758</v>
      </c>
      <c r="D130" s="6">
        <v>3102</v>
      </c>
    </row>
    <row r="131" spans="1:4" ht="18" customHeight="1" x14ac:dyDescent="0.2">
      <c r="A131" s="20" t="s">
        <v>47</v>
      </c>
      <c r="B131" s="7">
        <v>5587</v>
      </c>
      <c r="C131" s="8">
        <v>5831</v>
      </c>
      <c r="D131" s="9">
        <v>114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17</v>
      </c>
      <c r="D5" s="13">
        <v>37</v>
      </c>
    </row>
    <row r="6" spans="1:4" ht="18" customHeight="1" x14ac:dyDescent="0.2">
      <c r="A6" s="14">
        <v>1</v>
      </c>
      <c r="B6" s="15">
        <v>18</v>
      </c>
      <c r="C6" s="16">
        <v>26</v>
      </c>
      <c r="D6" s="17">
        <v>44</v>
      </c>
    </row>
    <row r="7" spans="1:4" ht="18" customHeight="1" x14ac:dyDescent="0.2">
      <c r="A7" s="14">
        <v>2</v>
      </c>
      <c r="B7" s="15">
        <v>22</v>
      </c>
      <c r="C7" s="16">
        <v>15</v>
      </c>
      <c r="D7" s="17">
        <v>37</v>
      </c>
    </row>
    <row r="8" spans="1:4" ht="18" customHeight="1" x14ac:dyDescent="0.2">
      <c r="A8" s="14">
        <v>3</v>
      </c>
      <c r="B8" s="15">
        <v>19</v>
      </c>
      <c r="C8" s="16">
        <v>25</v>
      </c>
      <c r="D8" s="17">
        <v>44</v>
      </c>
    </row>
    <row r="9" spans="1:4" ht="18" customHeight="1" x14ac:dyDescent="0.2">
      <c r="A9" s="14">
        <v>4</v>
      </c>
      <c r="B9" s="15">
        <v>14</v>
      </c>
      <c r="C9" s="16">
        <v>26</v>
      </c>
      <c r="D9" s="17">
        <v>40</v>
      </c>
    </row>
    <row r="10" spans="1:4" ht="18" customHeight="1" x14ac:dyDescent="0.2">
      <c r="A10" s="18" t="s">
        <v>48</v>
      </c>
      <c r="B10" s="15">
        <v>93</v>
      </c>
      <c r="C10" s="16">
        <v>109</v>
      </c>
      <c r="D10" s="17">
        <v>202</v>
      </c>
    </row>
    <row r="11" spans="1:4" ht="18" customHeight="1" x14ac:dyDescent="0.2">
      <c r="A11" s="14">
        <v>5</v>
      </c>
      <c r="B11" s="15">
        <v>24</v>
      </c>
      <c r="C11" s="16">
        <v>23</v>
      </c>
      <c r="D11" s="17">
        <v>47</v>
      </c>
    </row>
    <row r="12" spans="1:4" ht="18" customHeight="1" x14ac:dyDescent="0.2">
      <c r="A12" s="14">
        <v>6</v>
      </c>
      <c r="B12" s="15">
        <v>17</v>
      </c>
      <c r="C12" s="16">
        <v>21</v>
      </c>
      <c r="D12" s="17">
        <v>38</v>
      </c>
    </row>
    <row r="13" spans="1:4" ht="18" customHeight="1" x14ac:dyDescent="0.2">
      <c r="A13" s="14">
        <v>7</v>
      </c>
      <c r="B13" s="15">
        <v>23</v>
      </c>
      <c r="C13" s="16">
        <v>14</v>
      </c>
      <c r="D13" s="17">
        <v>37</v>
      </c>
    </row>
    <row r="14" spans="1:4" ht="18" customHeight="1" x14ac:dyDescent="0.2">
      <c r="A14" s="14">
        <v>8</v>
      </c>
      <c r="B14" s="15">
        <v>30</v>
      </c>
      <c r="C14" s="16">
        <v>24</v>
      </c>
      <c r="D14" s="17">
        <v>54</v>
      </c>
    </row>
    <row r="15" spans="1:4" ht="18" customHeight="1" x14ac:dyDescent="0.2">
      <c r="A15" s="14">
        <v>9</v>
      </c>
      <c r="B15" s="15">
        <v>26</v>
      </c>
      <c r="C15" s="16">
        <v>21</v>
      </c>
      <c r="D15" s="17">
        <v>47</v>
      </c>
    </row>
    <row r="16" spans="1:4" ht="18" customHeight="1" x14ac:dyDescent="0.2">
      <c r="A16" s="18" t="s">
        <v>49</v>
      </c>
      <c r="B16" s="15">
        <v>120</v>
      </c>
      <c r="C16" s="16">
        <v>103</v>
      </c>
      <c r="D16" s="17">
        <v>223</v>
      </c>
    </row>
    <row r="17" spans="1:4" ht="18" customHeight="1" x14ac:dyDescent="0.2">
      <c r="A17" s="14">
        <v>10</v>
      </c>
      <c r="B17" s="15">
        <v>21</v>
      </c>
      <c r="C17" s="16">
        <v>16</v>
      </c>
      <c r="D17" s="17">
        <v>37</v>
      </c>
    </row>
    <row r="18" spans="1:4" ht="18" customHeight="1" x14ac:dyDescent="0.2">
      <c r="A18" s="14">
        <v>11</v>
      </c>
      <c r="B18" s="15">
        <v>14</v>
      </c>
      <c r="C18" s="16">
        <v>16</v>
      </c>
      <c r="D18" s="17">
        <v>30</v>
      </c>
    </row>
    <row r="19" spans="1:4" ht="18" customHeight="1" x14ac:dyDescent="0.2">
      <c r="A19" s="14">
        <v>12</v>
      </c>
      <c r="B19" s="15">
        <v>16</v>
      </c>
      <c r="C19" s="16">
        <v>16</v>
      </c>
      <c r="D19" s="17">
        <v>32</v>
      </c>
    </row>
    <row r="20" spans="1:4" ht="18" customHeight="1" x14ac:dyDescent="0.2">
      <c r="A20" s="14">
        <v>13</v>
      </c>
      <c r="B20" s="15">
        <v>20</v>
      </c>
      <c r="C20" s="16">
        <v>31</v>
      </c>
      <c r="D20" s="17">
        <v>51</v>
      </c>
    </row>
    <row r="21" spans="1:4" ht="18" customHeight="1" x14ac:dyDescent="0.2">
      <c r="A21" s="14">
        <v>14</v>
      </c>
      <c r="B21" s="15">
        <v>17</v>
      </c>
      <c r="C21" s="16">
        <v>23</v>
      </c>
      <c r="D21" s="17">
        <v>40</v>
      </c>
    </row>
    <row r="22" spans="1:4" ht="18" customHeight="1" x14ac:dyDescent="0.2">
      <c r="A22" s="18" t="s">
        <v>50</v>
      </c>
      <c r="B22" s="15">
        <v>88</v>
      </c>
      <c r="C22" s="16">
        <v>102</v>
      </c>
      <c r="D22" s="17">
        <v>190</v>
      </c>
    </row>
    <row r="23" spans="1:4" ht="18" customHeight="1" x14ac:dyDescent="0.2">
      <c r="A23" s="18" t="s">
        <v>51</v>
      </c>
      <c r="B23" s="15">
        <v>301</v>
      </c>
      <c r="C23" s="16">
        <v>314</v>
      </c>
      <c r="D23" s="17">
        <v>615</v>
      </c>
    </row>
    <row r="24" spans="1:4" ht="18" customHeight="1" x14ac:dyDescent="0.2">
      <c r="A24" s="14">
        <v>15</v>
      </c>
      <c r="B24" s="15">
        <v>18</v>
      </c>
      <c r="C24" s="16">
        <v>20</v>
      </c>
      <c r="D24" s="17">
        <v>38</v>
      </c>
    </row>
    <row r="25" spans="1:4" ht="18" customHeight="1" x14ac:dyDescent="0.2">
      <c r="A25" s="14">
        <v>16</v>
      </c>
      <c r="B25" s="15">
        <v>26</v>
      </c>
      <c r="C25" s="16">
        <v>20</v>
      </c>
      <c r="D25" s="17">
        <v>46</v>
      </c>
    </row>
    <row r="26" spans="1:4" ht="18" customHeight="1" x14ac:dyDescent="0.2">
      <c r="A26" s="14">
        <v>17</v>
      </c>
      <c r="B26" s="15">
        <v>21</v>
      </c>
      <c r="C26" s="16">
        <v>15</v>
      </c>
      <c r="D26" s="17">
        <v>36</v>
      </c>
    </row>
    <row r="27" spans="1:4" ht="18" customHeight="1" x14ac:dyDescent="0.2">
      <c r="A27" s="14">
        <v>18</v>
      </c>
      <c r="B27" s="15">
        <v>14</v>
      </c>
      <c r="C27" s="16">
        <v>13</v>
      </c>
      <c r="D27" s="17">
        <v>27</v>
      </c>
    </row>
    <row r="28" spans="1:4" ht="18" customHeight="1" x14ac:dyDescent="0.2">
      <c r="A28" s="14">
        <v>19</v>
      </c>
      <c r="B28" s="15">
        <v>19</v>
      </c>
      <c r="C28" s="16">
        <v>20</v>
      </c>
      <c r="D28" s="17">
        <v>39</v>
      </c>
    </row>
    <row r="29" spans="1:4" ht="18" customHeight="1" x14ac:dyDescent="0.2">
      <c r="A29" s="18" t="s">
        <v>52</v>
      </c>
      <c r="B29" s="15">
        <v>98</v>
      </c>
      <c r="C29" s="16">
        <v>88</v>
      </c>
      <c r="D29" s="17">
        <v>186</v>
      </c>
    </row>
    <row r="30" spans="1:4" ht="18" customHeight="1" x14ac:dyDescent="0.2">
      <c r="A30" s="14">
        <v>20</v>
      </c>
      <c r="B30" s="15">
        <v>16</v>
      </c>
      <c r="C30" s="16">
        <v>12</v>
      </c>
      <c r="D30" s="17">
        <v>28</v>
      </c>
    </row>
    <row r="31" spans="1:4" ht="18" customHeight="1" x14ac:dyDescent="0.2">
      <c r="A31" s="14">
        <v>21</v>
      </c>
      <c r="B31" s="15">
        <v>16</v>
      </c>
      <c r="C31" s="16">
        <v>10</v>
      </c>
      <c r="D31" s="17">
        <v>26</v>
      </c>
    </row>
    <row r="32" spans="1:4" ht="18" customHeight="1" x14ac:dyDescent="0.2">
      <c r="A32" s="14">
        <v>22</v>
      </c>
      <c r="B32" s="15">
        <v>16</v>
      </c>
      <c r="C32" s="16">
        <v>17</v>
      </c>
      <c r="D32" s="17">
        <v>33</v>
      </c>
    </row>
    <row r="33" spans="1:4" ht="18" customHeight="1" x14ac:dyDescent="0.2">
      <c r="A33" s="14">
        <v>23</v>
      </c>
      <c r="B33" s="15">
        <v>16</v>
      </c>
      <c r="C33" s="16">
        <v>25</v>
      </c>
      <c r="D33" s="17">
        <v>41</v>
      </c>
    </row>
    <row r="34" spans="1:4" ht="18" customHeight="1" x14ac:dyDescent="0.2">
      <c r="A34" s="14">
        <v>24</v>
      </c>
      <c r="B34" s="15">
        <v>27</v>
      </c>
      <c r="C34" s="16">
        <v>16</v>
      </c>
      <c r="D34" s="17">
        <v>43</v>
      </c>
    </row>
    <row r="35" spans="1:4" ht="18" customHeight="1" x14ac:dyDescent="0.2">
      <c r="A35" s="18" t="s">
        <v>53</v>
      </c>
      <c r="B35" s="15">
        <v>91</v>
      </c>
      <c r="C35" s="16">
        <v>80</v>
      </c>
      <c r="D35" s="17">
        <v>171</v>
      </c>
    </row>
    <row r="36" spans="1:4" ht="18" customHeight="1" x14ac:dyDescent="0.2">
      <c r="A36" s="14">
        <v>25</v>
      </c>
      <c r="B36" s="15">
        <v>27</v>
      </c>
      <c r="C36" s="16">
        <v>15</v>
      </c>
      <c r="D36" s="17">
        <v>42</v>
      </c>
    </row>
    <row r="37" spans="1:4" ht="18" customHeight="1" x14ac:dyDescent="0.2">
      <c r="A37" s="14">
        <v>26</v>
      </c>
      <c r="B37" s="15">
        <v>30</v>
      </c>
      <c r="C37" s="16">
        <v>17</v>
      </c>
      <c r="D37" s="17">
        <v>47</v>
      </c>
    </row>
    <row r="38" spans="1:4" ht="18" customHeight="1" x14ac:dyDescent="0.2">
      <c r="A38" s="14">
        <v>27</v>
      </c>
      <c r="B38" s="15">
        <v>28</v>
      </c>
      <c r="C38" s="16">
        <v>18</v>
      </c>
      <c r="D38" s="17">
        <v>46</v>
      </c>
    </row>
    <row r="39" spans="1:4" ht="18" customHeight="1" x14ac:dyDescent="0.2">
      <c r="A39" s="14">
        <v>28</v>
      </c>
      <c r="B39" s="15">
        <v>19</v>
      </c>
      <c r="C39" s="16">
        <v>21</v>
      </c>
      <c r="D39" s="17">
        <v>40</v>
      </c>
    </row>
    <row r="40" spans="1:4" ht="18" customHeight="1" x14ac:dyDescent="0.2">
      <c r="A40" s="14">
        <v>29</v>
      </c>
      <c r="B40" s="15">
        <v>22</v>
      </c>
      <c r="C40" s="16">
        <v>21</v>
      </c>
      <c r="D40" s="17">
        <v>43</v>
      </c>
    </row>
    <row r="41" spans="1:4" ht="18" customHeight="1" x14ac:dyDescent="0.2">
      <c r="A41" s="18" t="s">
        <v>54</v>
      </c>
      <c r="B41" s="15">
        <v>126</v>
      </c>
      <c r="C41" s="16">
        <v>92</v>
      </c>
      <c r="D41" s="17">
        <v>218</v>
      </c>
    </row>
    <row r="42" spans="1:4" ht="18" customHeight="1" x14ac:dyDescent="0.2">
      <c r="A42" s="14">
        <v>30</v>
      </c>
      <c r="B42" s="15">
        <v>21</v>
      </c>
      <c r="C42" s="16">
        <v>18</v>
      </c>
      <c r="D42" s="17">
        <v>39</v>
      </c>
    </row>
    <row r="43" spans="1:4" ht="18" customHeight="1" x14ac:dyDescent="0.2">
      <c r="A43" s="14">
        <v>31</v>
      </c>
      <c r="B43" s="15">
        <v>26</v>
      </c>
      <c r="C43" s="16">
        <v>25</v>
      </c>
      <c r="D43" s="17">
        <v>51</v>
      </c>
    </row>
    <row r="44" spans="1:4" ht="18" customHeight="1" x14ac:dyDescent="0.2">
      <c r="A44" s="14">
        <v>32</v>
      </c>
      <c r="B44" s="15">
        <v>19</v>
      </c>
      <c r="C44" s="16">
        <v>25</v>
      </c>
      <c r="D44" s="17">
        <v>44</v>
      </c>
    </row>
    <row r="45" spans="1:4" ht="18" customHeight="1" x14ac:dyDescent="0.2">
      <c r="A45" s="14">
        <v>33</v>
      </c>
      <c r="B45" s="15">
        <v>27</v>
      </c>
      <c r="C45" s="16">
        <v>30</v>
      </c>
      <c r="D45" s="17">
        <v>57</v>
      </c>
    </row>
    <row r="46" spans="1:4" ht="18" customHeight="1" x14ac:dyDescent="0.2">
      <c r="A46" s="14">
        <v>34</v>
      </c>
      <c r="B46" s="15">
        <v>34</v>
      </c>
      <c r="C46" s="16">
        <v>26</v>
      </c>
      <c r="D46" s="17">
        <v>60</v>
      </c>
    </row>
    <row r="47" spans="1:4" ht="18" customHeight="1" x14ac:dyDescent="0.2">
      <c r="A47" s="18" t="s">
        <v>55</v>
      </c>
      <c r="B47" s="15">
        <v>127</v>
      </c>
      <c r="C47" s="16">
        <v>124</v>
      </c>
      <c r="D47" s="17">
        <v>251</v>
      </c>
    </row>
    <row r="48" spans="1:4" ht="18" customHeight="1" x14ac:dyDescent="0.2">
      <c r="A48" s="14">
        <v>35</v>
      </c>
      <c r="B48" s="15">
        <v>24</v>
      </c>
      <c r="C48" s="16">
        <v>28</v>
      </c>
      <c r="D48" s="17">
        <v>52</v>
      </c>
    </row>
    <row r="49" spans="1:4" ht="18" customHeight="1" x14ac:dyDescent="0.2">
      <c r="A49" s="14">
        <v>36</v>
      </c>
      <c r="B49" s="15">
        <v>26</v>
      </c>
      <c r="C49" s="16">
        <v>28</v>
      </c>
      <c r="D49" s="17">
        <v>54</v>
      </c>
    </row>
    <row r="50" spans="1:4" ht="18" customHeight="1" x14ac:dyDescent="0.2">
      <c r="A50" s="14">
        <v>37</v>
      </c>
      <c r="B50" s="15">
        <v>34</v>
      </c>
      <c r="C50" s="16">
        <v>24</v>
      </c>
      <c r="D50" s="17">
        <v>58</v>
      </c>
    </row>
    <row r="51" spans="1:4" ht="18" customHeight="1" x14ac:dyDescent="0.2">
      <c r="A51" s="14">
        <v>38</v>
      </c>
      <c r="B51" s="15">
        <v>24</v>
      </c>
      <c r="C51" s="16">
        <v>34</v>
      </c>
      <c r="D51" s="17">
        <v>58</v>
      </c>
    </row>
    <row r="52" spans="1:4" ht="18" customHeight="1" x14ac:dyDescent="0.2">
      <c r="A52" s="14">
        <v>39</v>
      </c>
      <c r="B52" s="15">
        <v>29</v>
      </c>
      <c r="C52" s="16">
        <v>35</v>
      </c>
      <c r="D52" s="17">
        <v>64</v>
      </c>
    </row>
    <row r="53" spans="1:4" ht="18" customHeight="1" x14ac:dyDescent="0.2">
      <c r="A53" s="18" t="s">
        <v>56</v>
      </c>
      <c r="B53" s="15">
        <v>137</v>
      </c>
      <c r="C53" s="16">
        <v>149</v>
      </c>
      <c r="D53" s="17">
        <v>286</v>
      </c>
    </row>
    <row r="54" spans="1:4" ht="18" customHeight="1" x14ac:dyDescent="0.2">
      <c r="A54" s="14">
        <v>40</v>
      </c>
      <c r="B54" s="15">
        <v>23</v>
      </c>
      <c r="C54" s="16">
        <v>32</v>
      </c>
      <c r="D54" s="17">
        <v>55</v>
      </c>
    </row>
    <row r="55" spans="1:4" ht="18" customHeight="1" x14ac:dyDescent="0.2">
      <c r="A55" s="14">
        <v>41</v>
      </c>
      <c r="B55" s="15">
        <v>41</v>
      </c>
      <c r="C55" s="16">
        <v>31</v>
      </c>
      <c r="D55" s="17">
        <v>72</v>
      </c>
    </row>
    <row r="56" spans="1:4" ht="18" customHeight="1" x14ac:dyDescent="0.2">
      <c r="A56" s="14">
        <v>42</v>
      </c>
      <c r="B56" s="15">
        <v>41</v>
      </c>
      <c r="C56" s="16">
        <v>29</v>
      </c>
      <c r="D56" s="17">
        <v>70</v>
      </c>
    </row>
    <row r="57" spans="1:4" ht="18" customHeight="1" x14ac:dyDescent="0.2">
      <c r="A57" s="14">
        <v>43</v>
      </c>
      <c r="B57" s="15">
        <v>41</v>
      </c>
      <c r="C57" s="16">
        <v>26</v>
      </c>
      <c r="D57" s="17">
        <v>67</v>
      </c>
    </row>
    <row r="58" spans="1:4" ht="18" customHeight="1" x14ac:dyDescent="0.2">
      <c r="A58" s="14">
        <v>44</v>
      </c>
      <c r="B58" s="15">
        <v>36</v>
      </c>
      <c r="C58" s="16">
        <v>36</v>
      </c>
      <c r="D58" s="17">
        <v>72</v>
      </c>
    </row>
    <row r="59" spans="1:4" ht="18" customHeight="1" x14ac:dyDescent="0.2">
      <c r="A59" s="18" t="s">
        <v>57</v>
      </c>
      <c r="B59" s="15">
        <v>182</v>
      </c>
      <c r="C59" s="16">
        <v>154</v>
      </c>
      <c r="D59" s="17">
        <v>336</v>
      </c>
    </row>
    <row r="60" spans="1:4" ht="18" customHeight="1" x14ac:dyDescent="0.2">
      <c r="A60" s="14">
        <v>45</v>
      </c>
      <c r="B60" s="15">
        <v>38</v>
      </c>
      <c r="C60" s="16">
        <v>44</v>
      </c>
      <c r="D60" s="17">
        <v>82</v>
      </c>
    </row>
    <row r="61" spans="1:4" ht="18" customHeight="1" x14ac:dyDescent="0.2">
      <c r="A61" s="14">
        <v>46</v>
      </c>
      <c r="B61" s="15">
        <v>38</v>
      </c>
      <c r="C61" s="16">
        <v>46</v>
      </c>
      <c r="D61" s="17">
        <v>84</v>
      </c>
    </row>
    <row r="62" spans="1:4" ht="18" customHeight="1" x14ac:dyDescent="0.2">
      <c r="A62" s="14">
        <v>47</v>
      </c>
      <c r="B62" s="15">
        <v>49</v>
      </c>
      <c r="C62" s="16">
        <v>39</v>
      </c>
      <c r="D62" s="17">
        <v>88</v>
      </c>
    </row>
    <row r="63" spans="1:4" ht="18" customHeight="1" x14ac:dyDescent="0.2">
      <c r="A63" s="14">
        <v>48</v>
      </c>
      <c r="B63" s="15">
        <v>37</v>
      </c>
      <c r="C63" s="16">
        <v>30</v>
      </c>
      <c r="D63" s="17">
        <v>67</v>
      </c>
    </row>
    <row r="64" spans="1:4" ht="18" customHeight="1" x14ac:dyDescent="0.2">
      <c r="A64" s="14">
        <v>49</v>
      </c>
      <c r="B64" s="15">
        <v>38</v>
      </c>
      <c r="C64" s="16">
        <v>33</v>
      </c>
      <c r="D64" s="17">
        <v>71</v>
      </c>
    </row>
    <row r="65" spans="1:4" ht="18" customHeight="1" x14ac:dyDescent="0.2">
      <c r="A65" s="18" t="s">
        <v>58</v>
      </c>
      <c r="B65" s="15">
        <v>200</v>
      </c>
      <c r="C65" s="16">
        <v>192</v>
      </c>
      <c r="D65" s="17">
        <v>392</v>
      </c>
    </row>
    <row r="66" spans="1:4" ht="18" customHeight="1" x14ac:dyDescent="0.2">
      <c r="A66" s="14">
        <v>50</v>
      </c>
      <c r="B66" s="15">
        <v>40</v>
      </c>
      <c r="C66" s="16">
        <v>42</v>
      </c>
      <c r="D66" s="17">
        <v>82</v>
      </c>
    </row>
    <row r="67" spans="1:4" ht="18" customHeight="1" x14ac:dyDescent="0.2">
      <c r="A67" s="14">
        <v>51</v>
      </c>
      <c r="B67" s="15">
        <v>34</v>
      </c>
      <c r="C67" s="16">
        <v>37</v>
      </c>
      <c r="D67" s="17">
        <v>71</v>
      </c>
    </row>
    <row r="68" spans="1:4" ht="18" customHeight="1" x14ac:dyDescent="0.2">
      <c r="A68" s="14">
        <v>52</v>
      </c>
      <c r="B68" s="15">
        <v>26</v>
      </c>
      <c r="C68" s="16">
        <v>38</v>
      </c>
      <c r="D68" s="17">
        <v>64</v>
      </c>
    </row>
    <row r="69" spans="1:4" ht="18" customHeight="1" x14ac:dyDescent="0.2">
      <c r="A69" s="14">
        <v>53</v>
      </c>
      <c r="B69" s="15">
        <v>23</v>
      </c>
      <c r="C69" s="16">
        <v>21</v>
      </c>
      <c r="D69" s="17">
        <v>44</v>
      </c>
    </row>
    <row r="70" spans="1:4" ht="18" customHeight="1" x14ac:dyDescent="0.2">
      <c r="A70" s="14">
        <v>54</v>
      </c>
      <c r="B70" s="15">
        <v>32</v>
      </c>
      <c r="C70" s="16">
        <v>36</v>
      </c>
      <c r="D70" s="17">
        <v>68</v>
      </c>
    </row>
    <row r="71" spans="1:4" ht="18" customHeight="1" x14ac:dyDescent="0.2">
      <c r="A71" s="18" t="s">
        <v>59</v>
      </c>
      <c r="B71" s="15">
        <v>155</v>
      </c>
      <c r="C71" s="16">
        <v>174</v>
      </c>
      <c r="D71" s="17">
        <v>329</v>
      </c>
    </row>
    <row r="72" spans="1:4" ht="18" customHeight="1" x14ac:dyDescent="0.2">
      <c r="A72" s="14">
        <v>55</v>
      </c>
      <c r="B72" s="15">
        <v>41</v>
      </c>
      <c r="C72" s="16">
        <v>18</v>
      </c>
      <c r="D72" s="17">
        <v>59</v>
      </c>
    </row>
    <row r="73" spans="1:4" ht="18" customHeight="1" x14ac:dyDescent="0.2">
      <c r="A73" s="14">
        <v>56</v>
      </c>
      <c r="B73" s="15">
        <v>29</v>
      </c>
      <c r="C73" s="16">
        <v>35</v>
      </c>
      <c r="D73" s="17">
        <v>64</v>
      </c>
    </row>
    <row r="74" spans="1:4" ht="18" customHeight="1" x14ac:dyDescent="0.2">
      <c r="A74" s="14">
        <v>57</v>
      </c>
      <c r="B74" s="15">
        <v>23</v>
      </c>
      <c r="C74" s="16">
        <v>29</v>
      </c>
      <c r="D74" s="17">
        <v>52</v>
      </c>
    </row>
    <row r="75" spans="1:4" ht="18" customHeight="1" x14ac:dyDescent="0.2">
      <c r="A75" s="14">
        <v>58</v>
      </c>
      <c r="B75" s="15">
        <v>28</v>
      </c>
      <c r="C75" s="16">
        <v>28</v>
      </c>
      <c r="D75" s="17">
        <v>56</v>
      </c>
    </row>
    <row r="76" spans="1:4" ht="18" customHeight="1" x14ac:dyDescent="0.2">
      <c r="A76" s="14">
        <v>59</v>
      </c>
      <c r="B76" s="15">
        <v>25</v>
      </c>
      <c r="C76" s="16">
        <v>29</v>
      </c>
      <c r="D76" s="17">
        <v>54</v>
      </c>
    </row>
    <row r="77" spans="1:4" ht="18" customHeight="1" x14ac:dyDescent="0.2">
      <c r="A77" s="18" t="s">
        <v>60</v>
      </c>
      <c r="B77" s="15">
        <v>146</v>
      </c>
      <c r="C77" s="16">
        <v>139</v>
      </c>
      <c r="D77" s="17">
        <v>285</v>
      </c>
    </row>
    <row r="78" spans="1:4" ht="18" customHeight="1" x14ac:dyDescent="0.2">
      <c r="A78" s="14">
        <v>60</v>
      </c>
      <c r="B78" s="15">
        <v>32</v>
      </c>
      <c r="C78" s="16">
        <v>41</v>
      </c>
      <c r="D78" s="17">
        <v>73</v>
      </c>
    </row>
    <row r="79" spans="1:4" ht="18" customHeight="1" x14ac:dyDescent="0.2">
      <c r="A79" s="14">
        <v>61</v>
      </c>
      <c r="B79" s="15">
        <v>31</v>
      </c>
      <c r="C79" s="16">
        <v>34</v>
      </c>
      <c r="D79" s="17">
        <v>65</v>
      </c>
    </row>
    <row r="80" spans="1:4" ht="18" customHeight="1" x14ac:dyDescent="0.2">
      <c r="A80" s="14">
        <v>62</v>
      </c>
      <c r="B80" s="15">
        <v>25</v>
      </c>
      <c r="C80" s="16">
        <v>20</v>
      </c>
      <c r="D80" s="17">
        <v>45</v>
      </c>
    </row>
    <row r="81" spans="1:4" ht="18" customHeight="1" x14ac:dyDescent="0.2">
      <c r="A81" s="14">
        <v>63</v>
      </c>
      <c r="B81" s="15">
        <v>30</v>
      </c>
      <c r="C81" s="16">
        <v>34</v>
      </c>
      <c r="D81" s="17">
        <v>64</v>
      </c>
    </row>
    <row r="82" spans="1:4" ht="18" customHeight="1" x14ac:dyDescent="0.2">
      <c r="A82" s="14">
        <v>64</v>
      </c>
      <c r="B82" s="15">
        <v>31</v>
      </c>
      <c r="C82" s="16">
        <v>24</v>
      </c>
      <c r="D82" s="17">
        <v>55</v>
      </c>
    </row>
    <row r="83" spans="1:4" ht="18" customHeight="1" x14ac:dyDescent="0.2">
      <c r="A83" s="18" t="s">
        <v>61</v>
      </c>
      <c r="B83" s="15">
        <v>149</v>
      </c>
      <c r="C83" s="16">
        <v>153</v>
      </c>
      <c r="D83" s="17">
        <v>302</v>
      </c>
    </row>
    <row r="84" spans="1:4" ht="18" customHeight="1" x14ac:dyDescent="0.2">
      <c r="A84" s="18" t="s">
        <v>62</v>
      </c>
      <c r="B84" s="15">
        <v>1411</v>
      </c>
      <c r="C84" s="16">
        <v>1345</v>
      </c>
      <c r="D84" s="17">
        <v>2756</v>
      </c>
    </row>
    <row r="85" spans="1:4" ht="18" customHeight="1" x14ac:dyDescent="0.2">
      <c r="A85" s="14">
        <v>65</v>
      </c>
      <c r="B85" s="15">
        <v>26</v>
      </c>
      <c r="C85" s="16">
        <v>19</v>
      </c>
      <c r="D85" s="17">
        <v>45</v>
      </c>
    </row>
    <row r="86" spans="1:4" ht="18" customHeight="1" x14ac:dyDescent="0.2">
      <c r="A86" s="14">
        <v>66</v>
      </c>
      <c r="B86" s="15">
        <v>26</v>
      </c>
      <c r="C86" s="16">
        <v>29</v>
      </c>
      <c r="D86" s="17">
        <v>55</v>
      </c>
    </row>
    <row r="87" spans="1:4" ht="18" customHeight="1" x14ac:dyDescent="0.2">
      <c r="A87" s="14">
        <v>67</v>
      </c>
      <c r="B87" s="15">
        <v>17</v>
      </c>
      <c r="C87" s="16">
        <v>33</v>
      </c>
      <c r="D87" s="17">
        <v>50</v>
      </c>
    </row>
    <row r="88" spans="1:4" ht="18" customHeight="1" x14ac:dyDescent="0.2">
      <c r="A88" s="14">
        <v>68</v>
      </c>
      <c r="B88" s="15">
        <v>27</v>
      </c>
      <c r="C88" s="16">
        <v>24</v>
      </c>
      <c r="D88" s="17">
        <v>51</v>
      </c>
    </row>
    <row r="89" spans="1:4" ht="18" customHeight="1" x14ac:dyDescent="0.2">
      <c r="A89" s="14">
        <v>69</v>
      </c>
      <c r="B89" s="15">
        <v>32</v>
      </c>
      <c r="C89" s="16">
        <v>33</v>
      </c>
      <c r="D89" s="17">
        <v>65</v>
      </c>
    </row>
    <row r="90" spans="1:4" ht="18" customHeight="1" x14ac:dyDescent="0.2">
      <c r="A90" s="18" t="s">
        <v>63</v>
      </c>
      <c r="B90" s="15">
        <v>128</v>
      </c>
      <c r="C90" s="16">
        <v>138</v>
      </c>
      <c r="D90" s="17">
        <v>266</v>
      </c>
    </row>
    <row r="91" spans="1:4" ht="18" customHeight="1" x14ac:dyDescent="0.2">
      <c r="A91" s="14">
        <v>70</v>
      </c>
      <c r="B91" s="15">
        <v>37</v>
      </c>
      <c r="C91" s="16">
        <v>29</v>
      </c>
      <c r="D91" s="17">
        <v>66</v>
      </c>
    </row>
    <row r="92" spans="1:4" ht="18" customHeight="1" x14ac:dyDescent="0.2">
      <c r="A92" s="14">
        <v>71</v>
      </c>
      <c r="B92" s="15">
        <v>30</v>
      </c>
      <c r="C92" s="16">
        <v>43</v>
      </c>
      <c r="D92" s="17">
        <v>73</v>
      </c>
    </row>
    <row r="93" spans="1:4" ht="18" customHeight="1" x14ac:dyDescent="0.2">
      <c r="A93" s="14">
        <v>72</v>
      </c>
      <c r="B93" s="15">
        <v>33</v>
      </c>
      <c r="C93" s="16">
        <v>34</v>
      </c>
      <c r="D93" s="17">
        <v>67</v>
      </c>
    </row>
    <row r="94" spans="1:4" ht="18" customHeight="1" x14ac:dyDescent="0.2">
      <c r="A94" s="14">
        <v>73</v>
      </c>
      <c r="B94" s="15">
        <v>13</v>
      </c>
      <c r="C94" s="16">
        <v>21</v>
      </c>
      <c r="D94" s="17">
        <v>34</v>
      </c>
    </row>
    <row r="95" spans="1:4" ht="18" customHeight="1" x14ac:dyDescent="0.2">
      <c r="A95" s="14">
        <v>74</v>
      </c>
      <c r="B95" s="15">
        <v>18</v>
      </c>
      <c r="C95" s="16">
        <v>24</v>
      </c>
      <c r="D95" s="17">
        <v>42</v>
      </c>
    </row>
    <row r="96" spans="1:4" ht="18" customHeight="1" x14ac:dyDescent="0.2">
      <c r="A96" s="18" t="s">
        <v>64</v>
      </c>
      <c r="B96" s="15">
        <v>131</v>
      </c>
      <c r="C96" s="16">
        <v>151</v>
      </c>
      <c r="D96" s="17">
        <v>282</v>
      </c>
    </row>
    <row r="97" spans="1:4" ht="18" customHeight="1" x14ac:dyDescent="0.2">
      <c r="A97" s="14">
        <v>75</v>
      </c>
      <c r="B97" s="15">
        <v>24</v>
      </c>
      <c r="C97" s="16">
        <v>32</v>
      </c>
      <c r="D97" s="17">
        <v>56</v>
      </c>
    </row>
    <row r="98" spans="1:4" ht="18" customHeight="1" x14ac:dyDescent="0.2">
      <c r="A98" s="14">
        <v>76</v>
      </c>
      <c r="B98" s="15">
        <v>33</v>
      </c>
      <c r="C98" s="16">
        <v>34</v>
      </c>
      <c r="D98" s="17">
        <v>67</v>
      </c>
    </row>
    <row r="99" spans="1:4" ht="18" customHeight="1" x14ac:dyDescent="0.2">
      <c r="A99" s="14">
        <v>77</v>
      </c>
      <c r="B99" s="15">
        <v>28</v>
      </c>
      <c r="C99" s="16">
        <v>21</v>
      </c>
      <c r="D99" s="17">
        <v>49</v>
      </c>
    </row>
    <row r="100" spans="1:4" ht="18" customHeight="1" x14ac:dyDescent="0.2">
      <c r="A100" s="14">
        <v>78</v>
      </c>
      <c r="B100" s="15">
        <v>16</v>
      </c>
      <c r="C100" s="16">
        <v>23</v>
      </c>
      <c r="D100" s="17">
        <v>39</v>
      </c>
    </row>
    <row r="101" spans="1:4" ht="18" customHeight="1" x14ac:dyDescent="0.2">
      <c r="A101" s="14">
        <v>79</v>
      </c>
      <c r="B101" s="15">
        <v>18</v>
      </c>
      <c r="C101" s="16">
        <v>35</v>
      </c>
      <c r="D101" s="17">
        <v>53</v>
      </c>
    </row>
    <row r="102" spans="1:4" ht="18" customHeight="1" x14ac:dyDescent="0.2">
      <c r="A102" s="18" t="s">
        <v>65</v>
      </c>
      <c r="B102" s="15">
        <v>119</v>
      </c>
      <c r="C102" s="16">
        <v>145</v>
      </c>
      <c r="D102" s="17">
        <v>264</v>
      </c>
    </row>
    <row r="103" spans="1:4" ht="18" customHeight="1" x14ac:dyDescent="0.2">
      <c r="A103" s="14">
        <v>80</v>
      </c>
      <c r="B103" s="15">
        <v>10</v>
      </c>
      <c r="C103" s="16">
        <v>15</v>
      </c>
      <c r="D103" s="17">
        <v>25</v>
      </c>
    </row>
    <row r="104" spans="1:4" ht="18" customHeight="1" x14ac:dyDescent="0.2">
      <c r="A104" s="14">
        <v>81</v>
      </c>
      <c r="B104" s="15">
        <v>11</v>
      </c>
      <c r="C104" s="16">
        <v>25</v>
      </c>
      <c r="D104" s="17">
        <v>36</v>
      </c>
    </row>
    <row r="105" spans="1:4" ht="18" customHeight="1" x14ac:dyDescent="0.2">
      <c r="A105" s="14">
        <v>82</v>
      </c>
      <c r="B105" s="15">
        <v>14</v>
      </c>
      <c r="C105" s="16">
        <v>21</v>
      </c>
      <c r="D105" s="17">
        <v>35</v>
      </c>
    </row>
    <row r="106" spans="1:4" ht="18" customHeight="1" x14ac:dyDescent="0.2">
      <c r="A106" s="14">
        <v>83</v>
      </c>
      <c r="B106" s="15">
        <v>11</v>
      </c>
      <c r="C106" s="16">
        <v>26</v>
      </c>
      <c r="D106" s="17">
        <v>37</v>
      </c>
    </row>
    <row r="107" spans="1:4" ht="18" customHeight="1" x14ac:dyDescent="0.2">
      <c r="A107" s="14">
        <v>84</v>
      </c>
      <c r="B107" s="15">
        <v>16</v>
      </c>
      <c r="C107" s="16">
        <v>22</v>
      </c>
      <c r="D107" s="17">
        <v>38</v>
      </c>
    </row>
    <row r="108" spans="1:4" ht="18" customHeight="1" x14ac:dyDescent="0.2">
      <c r="A108" s="18" t="s">
        <v>66</v>
      </c>
      <c r="B108" s="15">
        <v>62</v>
      </c>
      <c r="C108" s="16">
        <v>109</v>
      </c>
      <c r="D108" s="17">
        <v>171</v>
      </c>
    </row>
    <row r="109" spans="1:4" ht="18" customHeight="1" x14ac:dyDescent="0.2">
      <c r="A109" s="14">
        <v>85</v>
      </c>
      <c r="B109" s="15">
        <v>8</v>
      </c>
      <c r="C109" s="16">
        <v>27</v>
      </c>
      <c r="D109" s="17">
        <v>35</v>
      </c>
    </row>
    <row r="110" spans="1:4" ht="18" customHeight="1" x14ac:dyDescent="0.2">
      <c r="A110" s="14">
        <v>86</v>
      </c>
      <c r="B110" s="15">
        <v>5</v>
      </c>
      <c r="C110" s="16">
        <v>33</v>
      </c>
      <c r="D110" s="17">
        <v>38</v>
      </c>
    </row>
    <row r="111" spans="1:4" ht="18" customHeight="1" x14ac:dyDescent="0.2">
      <c r="A111" s="14">
        <v>87</v>
      </c>
      <c r="B111" s="15">
        <v>12</v>
      </c>
      <c r="C111" s="16">
        <v>15</v>
      </c>
      <c r="D111" s="17">
        <v>27</v>
      </c>
    </row>
    <row r="112" spans="1:4" ht="18" customHeight="1" x14ac:dyDescent="0.2">
      <c r="A112" s="14">
        <v>88</v>
      </c>
      <c r="B112" s="15">
        <v>7</v>
      </c>
      <c r="C112" s="16">
        <v>12</v>
      </c>
      <c r="D112" s="17">
        <v>19</v>
      </c>
    </row>
    <row r="113" spans="1:4" ht="18" customHeight="1" x14ac:dyDescent="0.2">
      <c r="A113" s="14">
        <v>89</v>
      </c>
      <c r="B113" s="15">
        <v>7</v>
      </c>
      <c r="C113" s="16">
        <v>19</v>
      </c>
      <c r="D113" s="17">
        <v>26</v>
      </c>
    </row>
    <row r="114" spans="1:4" ht="18" customHeight="1" x14ac:dyDescent="0.2">
      <c r="A114" s="18" t="s">
        <v>67</v>
      </c>
      <c r="B114" s="15">
        <v>39</v>
      </c>
      <c r="C114" s="16">
        <v>106</v>
      </c>
      <c r="D114" s="17">
        <v>145</v>
      </c>
    </row>
    <row r="115" spans="1:4" ht="18" customHeight="1" x14ac:dyDescent="0.2">
      <c r="A115" s="14">
        <v>90</v>
      </c>
      <c r="B115" s="15">
        <v>4</v>
      </c>
      <c r="C115" s="16">
        <v>14</v>
      </c>
      <c r="D115" s="17">
        <v>18</v>
      </c>
    </row>
    <row r="116" spans="1:4" ht="18" customHeight="1" x14ac:dyDescent="0.2">
      <c r="A116" s="14">
        <v>91</v>
      </c>
      <c r="B116" s="15">
        <v>4</v>
      </c>
      <c r="C116" s="16">
        <v>14</v>
      </c>
      <c r="D116" s="17">
        <v>18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16</v>
      </c>
      <c r="C120" s="16">
        <v>57</v>
      </c>
      <c r="D120" s="17">
        <v>73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1</v>
      </c>
      <c r="C126" s="16">
        <v>16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496</v>
      </c>
      <c r="C130" s="5">
        <v>727</v>
      </c>
      <c r="D130" s="6">
        <v>1223</v>
      </c>
    </row>
    <row r="131" spans="1:4" ht="18" customHeight="1" x14ac:dyDescent="0.2">
      <c r="A131" s="20" t="s">
        <v>47</v>
      </c>
      <c r="B131" s="7">
        <v>2208</v>
      </c>
      <c r="C131" s="8">
        <v>2386</v>
      </c>
      <c r="D131" s="9">
        <v>45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7</v>
      </c>
      <c r="C5" s="12">
        <v>18</v>
      </c>
      <c r="D5" s="13">
        <v>35</v>
      </c>
    </row>
    <row r="6" spans="1:4" ht="18" customHeight="1" x14ac:dyDescent="0.2">
      <c r="A6" s="14">
        <v>1</v>
      </c>
      <c r="B6" s="15">
        <v>13</v>
      </c>
      <c r="C6" s="16">
        <v>15</v>
      </c>
      <c r="D6" s="17">
        <v>28</v>
      </c>
    </row>
    <row r="7" spans="1:4" ht="18" customHeight="1" x14ac:dyDescent="0.2">
      <c r="A7" s="14">
        <v>2</v>
      </c>
      <c r="B7" s="15">
        <v>17</v>
      </c>
      <c r="C7" s="16">
        <v>17</v>
      </c>
      <c r="D7" s="17">
        <v>34</v>
      </c>
    </row>
    <row r="8" spans="1:4" ht="18" customHeight="1" x14ac:dyDescent="0.2">
      <c r="A8" s="14">
        <v>3</v>
      </c>
      <c r="B8" s="15">
        <v>14</v>
      </c>
      <c r="C8" s="16">
        <v>10</v>
      </c>
      <c r="D8" s="17">
        <v>24</v>
      </c>
    </row>
    <row r="9" spans="1:4" ht="18" customHeight="1" x14ac:dyDescent="0.2">
      <c r="A9" s="14">
        <v>4</v>
      </c>
      <c r="B9" s="15">
        <v>17</v>
      </c>
      <c r="C9" s="16">
        <v>19</v>
      </c>
      <c r="D9" s="17">
        <v>36</v>
      </c>
    </row>
    <row r="10" spans="1:4" ht="18" customHeight="1" x14ac:dyDescent="0.2">
      <c r="A10" s="18" t="s">
        <v>48</v>
      </c>
      <c r="B10" s="15">
        <v>78</v>
      </c>
      <c r="C10" s="16">
        <v>79</v>
      </c>
      <c r="D10" s="17">
        <v>157</v>
      </c>
    </row>
    <row r="11" spans="1:4" ht="18" customHeight="1" x14ac:dyDescent="0.2">
      <c r="A11" s="14">
        <v>5</v>
      </c>
      <c r="B11" s="15">
        <v>25</v>
      </c>
      <c r="C11" s="16">
        <v>19</v>
      </c>
      <c r="D11" s="17">
        <v>44</v>
      </c>
    </row>
    <row r="12" spans="1:4" ht="18" customHeight="1" x14ac:dyDescent="0.2">
      <c r="A12" s="14">
        <v>6</v>
      </c>
      <c r="B12" s="15">
        <v>25</v>
      </c>
      <c r="C12" s="16">
        <v>15</v>
      </c>
      <c r="D12" s="17">
        <v>40</v>
      </c>
    </row>
    <row r="13" spans="1:4" ht="18" customHeight="1" x14ac:dyDescent="0.2">
      <c r="A13" s="14">
        <v>7</v>
      </c>
      <c r="B13" s="15">
        <v>22</v>
      </c>
      <c r="C13" s="16">
        <v>26</v>
      </c>
      <c r="D13" s="17">
        <v>48</v>
      </c>
    </row>
    <row r="14" spans="1:4" ht="18" customHeight="1" x14ac:dyDescent="0.2">
      <c r="A14" s="14">
        <v>8</v>
      </c>
      <c r="B14" s="15">
        <v>28</v>
      </c>
      <c r="C14" s="16">
        <v>19</v>
      </c>
      <c r="D14" s="17">
        <v>47</v>
      </c>
    </row>
    <row r="15" spans="1:4" ht="18" customHeight="1" x14ac:dyDescent="0.2">
      <c r="A15" s="14">
        <v>9</v>
      </c>
      <c r="B15" s="15">
        <v>30</v>
      </c>
      <c r="C15" s="16">
        <v>23</v>
      </c>
      <c r="D15" s="17">
        <v>53</v>
      </c>
    </row>
    <row r="16" spans="1:4" ht="18" customHeight="1" x14ac:dyDescent="0.2">
      <c r="A16" s="18" t="s">
        <v>49</v>
      </c>
      <c r="B16" s="15">
        <v>130</v>
      </c>
      <c r="C16" s="16">
        <v>102</v>
      </c>
      <c r="D16" s="17">
        <v>232</v>
      </c>
    </row>
    <row r="17" spans="1:4" ht="18" customHeight="1" x14ac:dyDescent="0.2">
      <c r="A17" s="14">
        <v>10</v>
      </c>
      <c r="B17" s="15">
        <v>22</v>
      </c>
      <c r="C17" s="16">
        <v>22</v>
      </c>
      <c r="D17" s="17">
        <v>44</v>
      </c>
    </row>
    <row r="18" spans="1:4" ht="18" customHeight="1" x14ac:dyDescent="0.2">
      <c r="A18" s="14">
        <v>11</v>
      </c>
      <c r="B18" s="15">
        <v>27</v>
      </c>
      <c r="C18" s="16">
        <v>28</v>
      </c>
      <c r="D18" s="17">
        <v>55</v>
      </c>
    </row>
    <row r="19" spans="1:4" ht="18" customHeight="1" x14ac:dyDescent="0.2">
      <c r="A19" s="14">
        <v>12</v>
      </c>
      <c r="B19" s="15">
        <v>25</v>
      </c>
      <c r="C19" s="16">
        <v>29</v>
      </c>
      <c r="D19" s="17">
        <v>54</v>
      </c>
    </row>
    <row r="20" spans="1:4" ht="18" customHeight="1" x14ac:dyDescent="0.2">
      <c r="A20" s="14">
        <v>13</v>
      </c>
      <c r="B20" s="15">
        <v>17</v>
      </c>
      <c r="C20" s="16">
        <v>22</v>
      </c>
      <c r="D20" s="17">
        <v>39</v>
      </c>
    </row>
    <row r="21" spans="1:4" ht="18" customHeight="1" x14ac:dyDescent="0.2">
      <c r="A21" s="14">
        <v>14</v>
      </c>
      <c r="B21" s="15">
        <v>16</v>
      </c>
      <c r="C21" s="16">
        <v>22</v>
      </c>
      <c r="D21" s="17">
        <v>38</v>
      </c>
    </row>
    <row r="22" spans="1:4" ht="18" customHeight="1" x14ac:dyDescent="0.2">
      <c r="A22" s="18" t="s">
        <v>50</v>
      </c>
      <c r="B22" s="15">
        <v>107</v>
      </c>
      <c r="C22" s="16">
        <v>123</v>
      </c>
      <c r="D22" s="17">
        <v>230</v>
      </c>
    </row>
    <row r="23" spans="1:4" ht="18" customHeight="1" x14ac:dyDescent="0.2">
      <c r="A23" s="18" t="s">
        <v>51</v>
      </c>
      <c r="B23" s="15">
        <v>315</v>
      </c>
      <c r="C23" s="16">
        <v>304</v>
      </c>
      <c r="D23" s="17">
        <v>619</v>
      </c>
    </row>
    <row r="24" spans="1:4" ht="18" customHeight="1" x14ac:dyDescent="0.2">
      <c r="A24" s="14">
        <v>15</v>
      </c>
      <c r="B24" s="15">
        <v>28</v>
      </c>
      <c r="C24" s="16">
        <v>33</v>
      </c>
      <c r="D24" s="17">
        <v>61</v>
      </c>
    </row>
    <row r="25" spans="1:4" ht="18" customHeight="1" x14ac:dyDescent="0.2">
      <c r="A25" s="14">
        <v>16</v>
      </c>
      <c r="B25" s="15">
        <v>22</v>
      </c>
      <c r="C25" s="16">
        <v>21</v>
      </c>
      <c r="D25" s="17">
        <v>43</v>
      </c>
    </row>
    <row r="26" spans="1:4" ht="18" customHeight="1" x14ac:dyDescent="0.2">
      <c r="A26" s="14">
        <v>17</v>
      </c>
      <c r="B26" s="15">
        <v>23</v>
      </c>
      <c r="C26" s="16">
        <v>23</v>
      </c>
      <c r="D26" s="17">
        <v>46</v>
      </c>
    </row>
    <row r="27" spans="1:4" ht="18" customHeight="1" x14ac:dyDescent="0.2">
      <c r="A27" s="14">
        <v>18</v>
      </c>
      <c r="B27" s="15">
        <v>29</v>
      </c>
      <c r="C27" s="16">
        <v>27</v>
      </c>
      <c r="D27" s="17">
        <v>56</v>
      </c>
    </row>
    <row r="28" spans="1:4" ht="18" customHeight="1" x14ac:dyDescent="0.2">
      <c r="A28" s="14">
        <v>19</v>
      </c>
      <c r="B28" s="15">
        <v>21</v>
      </c>
      <c r="C28" s="16">
        <v>24</v>
      </c>
      <c r="D28" s="17">
        <v>45</v>
      </c>
    </row>
    <row r="29" spans="1:4" ht="18" customHeight="1" x14ac:dyDescent="0.2">
      <c r="A29" s="18" t="s">
        <v>52</v>
      </c>
      <c r="B29" s="15">
        <v>123</v>
      </c>
      <c r="C29" s="16">
        <v>128</v>
      </c>
      <c r="D29" s="17">
        <v>251</v>
      </c>
    </row>
    <row r="30" spans="1:4" ht="18" customHeight="1" x14ac:dyDescent="0.2">
      <c r="A30" s="14">
        <v>20</v>
      </c>
      <c r="B30" s="15">
        <v>23</v>
      </c>
      <c r="C30" s="16">
        <v>21</v>
      </c>
      <c r="D30" s="17">
        <v>44</v>
      </c>
    </row>
    <row r="31" spans="1:4" ht="18" customHeight="1" x14ac:dyDescent="0.2">
      <c r="A31" s="14">
        <v>21</v>
      </c>
      <c r="B31" s="15">
        <v>23</v>
      </c>
      <c r="C31" s="16">
        <v>23</v>
      </c>
      <c r="D31" s="17">
        <v>46</v>
      </c>
    </row>
    <row r="32" spans="1:4" ht="18" customHeight="1" x14ac:dyDescent="0.2">
      <c r="A32" s="14">
        <v>22</v>
      </c>
      <c r="B32" s="15">
        <v>31</v>
      </c>
      <c r="C32" s="16">
        <v>26</v>
      </c>
      <c r="D32" s="17">
        <v>57</v>
      </c>
    </row>
    <row r="33" spans="1:4" ht="18" customHeight="1" x14ac:dyDescent="0.2">
      <c r="A33" s="14">
        <v>23</v>
      </c>
      <c r="B33" s="15">
        <v>25</v>
      </c>
      <c r="C33" s="16">
        <v>19</v>
      </c>
      <c r="D33" s="17">
        <v>44</v>
      </c>
    </row>
    <row r="34" spans="1:4" ht="18" customHeight="1" x14ac:dyDescent="0.2">
      <c r="A34" s="14">
        <v>24</v>
      </c>
      <c r="B34" s="15">
        <v>31</v>
      </c>
      <c r="C34" s="16">
        <v>17</v>
      </c>
      <c r="D34" s="17">
        <v>48</v>
      </c>
    </row>
    <row r="35" spans="1:4" ht="18" customHeight="1" x14ac:dyDescent="0.2">
      <c r="A35" s="18" t="s">
        <v>53</v>
      </c>
      <c r="B35" s="15">
        <v>133</v>
      </c>
      <c r="C35" s="16">
        <v>106</v>
      </c>
      <c r="D35" s="17">
        <v>239</v>
      </c>
    </row>
    <row r="36" spans="1:4" ht="18" customHeight="1" x14ac:dyDescent="0.2">
      <c r="A36" s="14">
        <v>25</v>
      </c>
      <c r="B36" s="15">
        <v>28</v>
      </c>
      <c r="C36" s="16">
        <v>26</v>
      </c>
      <c r="D36" s="17">
        <v>54</v>
      </c>
    </row>
    <row r="37" spans="1:4" ht="18" customHeight="1" x14ac:dyDescent="0.2">
      <c r="A37" s="14">
        <v>26</v>
      </c>
      <c r="B37" s="15">
        <v>31</v>
      </c>
      <c r="C37" s="16">
        <v>18</v>
      </c>
      <c r="D37" s="17">
        <v>49</v>
      </c>
    </row>
    <row r="38" spans="1:4" ht="18" customHeight="1" x14ac:dyDescent="0.2">
      <c r="A38" s="14">
        <v>27</v>
      </c>
      <c r="B38" s="15">
        <v>28</v>
      </c>
      <c r="C38" s="16">
        <v>24</v>
      </c>
      <c r="D38" s="17">
        <v>52</v>
      </c>
    </row>
    <row r="39" spans="1:4" ht="18" customHeight="1" x14ac:dyDescent="0.2">
      <c r="A39" s="14">
        <v>28</v>
      </c>
      <c r="B39" s="15">
        <v>28</v>
      </c>
      <c r="C39" s="16">
        <v>23</v>
      </c>
      <c r="D39" s="17">
        <v>51</v>
      </c>
    </row>
    <row r="40" spans="1:4" ht="18" customHeight="1" x14ac:dyDescent="0.2">
      <c r="A40" s="14">
        <v>29</v>
      </c>
      <c r="B40" s="15">
        <v>30</v>
      </c>
      <c r="C40" s="16">
        <v>31</v>
      </c>
      <c r="D40" s="17">
        <v>61</v>
      </c>
    </row>
    <row r="41" spans="1:4" ht="18" customHeight="1" x14ac:dyDescent="0.2">
      <c r="A41" s="18" t="s">
        <v>54</v>
      </c>
      <c r="B41" s="15">
        <v>145</v>
      </c>
      <c r="C41" s="16">
        <v>122</v>
      </c>
      <c r="D41" s="17">
        <v>267</v>
      </c>
    </row>
    <row r="42" spans="1:4" ht="18" customHeight="1" x14ac:dyDescent="0.2">
      <c r="A42" s="14">
        <v>30</v>
      </c>
      <c r="B42" s="15">
        <v>27</v>
      </c>
      <c r="C42" s="16">
        <v>23</v>
      </c>
      <c r="D42" s="17">
        <v>50</v>
      </c>
    </row>
    <row r="43" spans="1:4" ht="18" customHeight="1" x14ac:dyDescent="0.2">
      <c r="A43" s="14">
        <v>31</v>
      </c>
      <c r="B43" s="15">
        <v>32</v>
      </c>
      <c r="C43" s="16">
        <v>37</v>
      </c>
      <c r="D43" s="17">
        <v>69</v>
      </c>
    </row>
    <row r="44" spans="1:4" ht="18" customHeight="1" x14ac:dyDescent="0.2">
      <c r="A44" s="14">
        <v>32</v>
      </c>
      <c r="B44" s="15">
        <v>34</v>
      </c>
      <c r="C44" s="16">
        <v>24</v>
      </c>
      <c r="D44" s="17">
        <v>58</v>
      </c>
    </row>
    <row r="45" spans="1:4" ht="18" customHeight="1" x14ac:dyDescent="0.2">
      <c r="A45" s="14">
        <v>33</v>
      </c>
      <c r="B45" s="15">
        <v>25</v>
      </c>
      <c r="C45" s="16">
        <v>29</v>
      </c>
      <c r="D45" s="17">
        <v>54</v>
      </c>
    </row>
    <row r="46" spans="1:4" ht="18" customHeight="1" x14ac:dyDescent="0.2">
      <c r="A46" s="14">
        <v>34</v>
      </c>
      <c r="B46" s="15">
        <v>40</v>
      </c>
      <c r="C46" s="16">
        <v>31</v>
      </c>
      <c r="D46" s="17">
        <v>71</v>
      </c>
    </row>
    <row r="47" spans="1:4" ht="18" customHeight="1" x14ac:dyDescent="0.2">
      <c r="A47" s="18" t="s">
        <v>55</v>
      </c>
      <c r="B47" s="15">
        <v>158</v>
      </c>
      <c r="C47" s="16">
        <v>144</v>
      </c>
      <c r="D47" s="17">
        <v>302</v>
      </c>
    </row>
    <row r="48" spans="1:4" ht="18" customHeight="1" x14ac:dyDescent="0.2">
      <c r="A48" s="14">
        <v>35</v>
      </c>
      <c r="B48" s="15">
        <v>31</v>
      </c>
      <c r="C48" s="16">
        <v>37</v>
      </c>
      <c r="D48" s="17">
        <v>68</v>
      </c>
    </row>
    <row r="49" spans="1:4" ht="18" customHeight="1" x14ac:dyDescent="0.2">
      <c r="A49" s="14">
        <v>36</v>
      </c>
      <c r="B49" s="15">
        <v>41</v>
      </c>
      <c r="C49" s="16">
        <v>26</v>
      </c>
      <c r="D49" s="17">
        <v>67</v>
      </c>
    </row>
    <row r="50" spans="1:4" ht="18" customHeight="1" x14ac:dyDescent="0.2">
      <c r="A50" s="14">
        <v>37</v>
      </c>
      <c r="B50" s="15">
        <v>35</v>
      </c>
      <c r="C50" s="16">
        <v>30</v>
      </c>
      <c r="D50" s="17">
        <v>65</v>
      </c>
    </row>
    <row r="51" spans="1:4" ht="18" customHeight="1" x14ac:dyDescent="0.2">
      <c r="A51" s="14">
        <v>38</v>
      </c>
      <c r="B51" s="15">
        <v>38</v>
      </c>
      <c r="C51" s="16">
        <v>33</v>
      </c>
      <c r="D51" s="17">
        <v>71</v>
      </c>
    </row>
    <row r="52" spans="1:4" ht="18" customHeight="1" x14ac:dyDescent="0.2">
      <c r="A52" s="14">
        <v>39</v>
      </c>
      <c r="B52" s="15">
        <v>26</v>
      </c>
      <c r="C52" s="16">
        <v>26</v>
      </c>
      <c r="D52" s="17">
        <v>52</v>
      </c>
    </row>
    <row r="53" spans="1:4" ht="18" customHeight="1" x14ac:dyDescent="0.2">
      <c r="A53" s="18" t="s">
        <v>56</v>
      </c>
      <c r="B53" s="15">
        <v>171</v>
      </c>
      <c r="C53" s="16">
        <v>152</v>
      </c>
      <c r="D53" s="17">
        <v>323</v>
      </c>
    </row>
    <row r="54" spans="1:4" ht="18" customHeight="1" x14ac:dyDescent="0.2">
      <c r="A54" s="14">
        <v>40</v>
      </c>
      <c r="B54" s="15">
        <v>38</v>
      </c>
      <c r="C54" s="16">
        <v>26</v>
      </c>
      <c r="D54" s="17">
        <v>64</v>
      </c>
    </row>
    <row r="55" spans="1:4" ht="18" customHeight="1" x14ac:dyDescent="0.2">
      <c r="A55" s="14">
        <v>41</v>
      </c>
      <c r="B55" s="15">
        <v>29</v>
      </c>
      <c r="C55" s="16">
        <v>38</v>
      </c>
      <c r="D55" s="17">
        <v>67</v>
      </c>
    </row>
    <row r="56" spans="1:4" ht="18" customHeight="1" x14ac:dyDescent="0.2">
      <c r="A56" s="14">
        <v>42</v>
      </c>
      <c r="B56" s="15">
        <v>30</v>
      </c>
      <c r="C56" s="16">
        <v>31</v>
      </c>
      <c r="D56" s="17">
        <v>61</v>
      </c>
    </row>
    <row r="57" spans="1:4" ht="18" customHeight="1" x14ac:dyDescent="0.2">
      <c r="A57" s="14">
        <v>43</v>
      </c>
      <c r="B57" s="15">
        <v>50</v>
      </c>
      <c r="C57" s="16">
        <v>27</v>
      </c>
      <c r="D57" s="17">
        <v>77</v>
      </c>
    </row>
    <row r="58" spans="1:4" ht="18" customHeight="1" x14ac:dyDescent="0.2">
      <c r="A58" s="14">
        <v>44</v>
      </c>
      <c r="B58" s="15">
        <v>42</v>
      </c>
      <c r="C58" s="16">
        <v>40</v>
      </c>
      <c r="D58" s="17">
        <v>82</v>
      </c>
    </row>
    <row r="59" spans="1:4" ht="18" customHeight="1" x14ac:dyDescent="0.2">
      <c r="A59" s="18" t="s">
        <v>57</v>
      </c>
      <c r="B59" s="15">
        <v>189</v>
      </c>
      <c r="C59" s="16">
        <v>162</v>
      </c>
      <c r="D59" s="17">
        <v>351</v>
      </c>
    </row>
    <row r="60" spans="1:4" ht="18" customHeight="1" x14ac:dyDescent="0.2">
      <c r="A60" s="14">
        <v>45</v>
      </c>
      <c r="B60" s="15">
        <v>43</v>
      </c>
      <c r="C60" s="16">
        <v>47</v>
      </c>
      <c r="D60" s="17">
        <v>90</v>
      </c>
    </row>
    <row r="61" spans="1:4" ht="18" customHeight="1" x14ac:dyDescent="0.2">
      <c r="A61" s="14">
        <v>46</v>
      </c>
      <c r="B61" s="15">
        <v>55</v>
      </c>
      <c r="C61" s="16">
        <v>41</v>
      </c>
      <c r="D61" s="17">
        <v>96</v>
      </c>
    </row>
    <row r="62" spans="1:4" ht="18" customHeight="1" x14ac:dyDescent="0.2">
      <c r="A62" s="14">
        <v>47</v>
      </c>
      <c r="B62" s="15">
        <v>56</v>
      </c>
      <c r="C62" s="16">
        <v>32</v>
      </c>
      <c r="D62" s="17">
        <v>88</v>
      </c>
    </row>
    <row r="63" spans="1:4" ht="18" customHeight="1" x14ac:dyDescent="0.2">
      <c r="A63" s="14">
        <v>48</v>
      </c>
      <c r="B63" s="15">
        <v>44</v>
      </c>
      <c r="C63" s="16">
        <v>47</v>
      </c>
      <c r="D63" s="17">
        <v>91</v>
      </c>
    </row>
    <row r="64" spans="1:4" ht="18" customHeight="1" x14ac:dyDescent="0.2">
      <c r="A64" s="14">
        <v>49</v>
      </c>
      <c r="B64" s="15">
        <v>41</v>
      </c>
      <c r="C64" s="16">
        <v>36</v>
      </c>
      <c r="D64" s="17">
        <v>77</v>
      </c>
    </row>
    <row r="65" spans="1:4" ht="18" customHeight="1" x14ac:dyDescent="0.2">
      <c r="A65" s="18" t="s">
        <v>58</v>
      </c>
      <c r="B65" s="15">
        <v>239</v>
      </c>
      <c r="C65" s="16">
        <v>203</v>
      </c>
      <c r="D65" s="17">
        <v>442</v>
      </c>
    </row>
    <row r="66" spans="1:4" ht="18" customHeight="1" x14ac:dyDescent="0.2">
      <c r="A66" s="14">
        <v>50</v>
      </c>
      <c r="B66" s="15">
        <v>48</v>
      </c>
      <c r="C66" s="16">
        <v>44</v>
      </c>
      <c r="D66" s="17">
        <v>92</v>
      </c>
    </row>
    <row r="67" spans="1:4" ht="18" customHeight="1" x14ac:dyDescent="0.2">
      <c r="A67" s="14">
        <v>51</v>
      </c>
      <c r="B67" s="15">
        <v>38</v>
      </c>
      <c r="C67" s="16">
        <v>28</v>
      </c>
      <c r="D67" s="17">
        <v>66</v>
      </c>
    </row>
    <row r="68" spans="1:4" ht="18" customHeight="1" x14ac:dyDescent="0.2">
      <c r="A68" s="14">
        <v>52</v>
      </c>
      <c r="B68" s="15">
        <v>28</v>
      </c>
      <c r="C68" s="16">
        <v>32</v>
      </c>
      <c r="D68" s="17">
        <v>60</v>
      </c>
    </row>
    <row r="69" spans="1:4" ht="18" customHeight="1" x14ac:dyDescent="0.2">
      <c r="A69" s="14">
        <v>53</v>
      </c>
      <c r="B69" s="15">
        <v>23</v>
      </c>
      <c r="C69" s="16">
        <v>31</v>
      </c>
      <c r="D69" s="17">
        <v>54</v>
      </c>
    </row>
    <row r="70" spans="1:4" ht="18" customHeight="1" x14ac:dyDescent="0.2">
      <c r="A70" s="14">
        <v>54</v>
      </c>
      <c r="B70" s="15">
        <v>36</v>
      </c>
      <c r="C70" s="16">
        <v>35</v>
      </c>
      <c r="D70" s="17">
        <v>71</v>
      </c>
    </row>
    <row r="71" spans="1:4" ht="18" customHeight="1" x14ac:dyDescent="0.2">
      <c r="A71" s="18" t="s">
        <v>59</v>
      </c>
      <c r="B71" s="15">
        <v>173</v>
      </c>
      <c r="C71" s="16">
        <v>170</v>
      </c>
      <c r="D71" s="17">
        <v>343</v>
      </c>
    </row>
    <row r="72" spans="1:4" ht="18" customHeight="1" x14ac:dyDescent="0.2">
      <c r="A72" s="14">
        <v>55</v>
      </c>
      <c r="B72" s="15">
        <v>34</v>
      </c>
      <c r="C72" s="16">
        <v>37</v>
      </c>
      <c r="D72" s="17">
        <v>71</v>
      </c>
    </row>
    <row r="73" spans="1:4" ht="18" customHeight="1" x14ac:dyDescent="0.2">
      <c r="A73" s="14">
        <v>56</v>
      </c>
      <c r="B73" s="15">
        <v>35</v>
      </c>
      <c r="C73" s="16">
        <v>28</v>
      </c>
      <c r="D73" s="17">
        <v>63</v>
      </c>
    </row>
    <row r="74" spans="1:4" ht="18" customHeight="1" x14ac:dyDescent="0.2">
      <c r="A74" s="14">
        <v>57</v>
      </c>
      <c r="B74" s="15">
        <v>33</v>
      </c>
      <c r="C74" s="16">
        <v>29</v>
      </c>
      <c r="D74" s="17">
        <v>62</v>
      </c>
    </row>
    <row r="75" spans="1:4" ht="18" customHeight="1" x14ac:dyDescent="0.2">
      <c r="A75" s="14">
        <v>58</v>
      </c>
      <c r="B75" s="15">
        <v>30</v>
      </c>
      <c r="C75" s="16">
        <v>28</v>
      </c>
      <c r="D75" s="17">
        <v>58</v>
      </c>
    </row>
    <row r="76" spans="1:4" ht="18" customHeight="1" x14ac:dyDescent="0.2">
      <c r="A76" s="14">
        <v>59</v>
      </c>
      <c r="B76" s="15">
        <v>26</v>
      </c>
      <c r="C76" s="16">
        <v>33</v>
      </c>
      <c r="D76" s="17">
        <v>59</v>
      </c>
    </row>
    <row r="77" spans="1:4" ht="18" customHeight="1" x14ac:dyDescent="0.2">
      <c r="A77" s="18" t="s">
        <v>60</v>
      </c>
      <c r="B77" s="15">
        <v>158</v>
      </c>
      <c r="C77" s="16">
        <v>155</v>
      </c>
      <c r="D77" s="17">
        <v>313</v>
      </c>
    </row>
    <row r="78" spans="1:4" ht="18" customHeight="1" x14ac:dyDescent="0.2">
      <c r="A78" s="14">
        <v>60</v>
      </c>
      <c r="B78" s="15">
        <v>23</v>
      </c>
      <c r="C78" s="16">
        <v>33</v>
      </c>
      <c r="D78" s="17">
        <v>56</v>
      </c>
    </row>
    <row r="79" spans="1:4" ht="18" customHeight="1" x14ac:dyDescent="0.2">
      <c r="A79" s="14">
        <v>61</v>
      </c>
      <c r="B79" s="15">
        <v>38</v>
      </c>
      <c r="C79" s="16">
        <v>41</v>
      </c>
      <c r="D79" s="17">
        <v>79</v>
      </c>
    </row>
    <row r="80" spans="1:4" ht="18" customHeight="1" x14ac:dyDescent="0.2">
      <c r="A80" s="14">
        <v>62</v>
      </c>
      <c r="B80" s="15">
        <v>34</v>
      </c>
      <c r="C80" s="16">
        <v>34</v>
      </c>
      <c r="D80" s="17">
        <v>68</v>
      </c>
    </row>
    <row r="81" spans="1:4" ht="18" customHeight="1" x14ac:dyDescent="0.2">
      <c r="A81" s="14">
        <v>63</v>
      </c>
      <c r="B81" s="15">
        <v>40</v>
      </c>
      <c r="C81" s="16">
        <v>41</v>
      </c>
      <c r="D81" s="17">
        <v>81</v>
      </c>
    </row>
    <row r="82" spans="1:4" ht="18" customHeight="1" x14ac:dyDescent="0.2">
      <c r="A82" s="14">
        <v>64</v>
      </c>
      <c r="B82" s="15">
        <v>35</v>
      </c>
      <c r="C82" s="16">
        <v>45</v>
      </c>
      <c r="D82" s="17">
        <v>80</v>
      </c>
    </row>
    <row r="83" spans="1:4" ht="18" customHeight="1" x14ac:dyDescent="0.2">
      <c r="A83" s="18" t="s">
        <v>61</v>
      </c>
      <c r="B83" s="15">
        <v>170</v>
      </c>
      <c r="C83" s="16">
        <v>194</v>
      </c>
      <c r="D83" s="17">
        <v>364</v>
      </c>
    </row>
    <row r="84" spans="1:4" ht="18" customHeight="1" x14ac:dyDescent="0.2">
      <c r="A84" s="18" t="s">
        <v>62</v>
      </c>
      <c r="B84" s="15">
        <v>1659</v>
      </c>
      <c r="C84" s="16">
        <v>1536</v>
      </c>
      <c r="D84" s="17">
        <v>3195</v>
      </c>
    </row>
    <row r="85" spans="1:4" ht="18" customHeight="1" x14ac:dyDescent="0.2">
      <c r="A85" s="14">
        <v>65</v>
      </c>
      <c r="B85" s="15">
        <v>34</v>
      </c>
      <c r="C85" s="16">
        <v>35</v>
      </c>
      <c r="D85" s="17">
        <v>69</v>
      </c>
    </row>
    <row r="86" spans="1:4" ht="18" customHeight="1" x14ac:dyDescent="0.2">
      <c r="A86" s="14">
        <v>66</v>
      </c>
      <c r="B86" s="15">
        <v>41</v>
      </c>
      <c r="C86" s="16">
        <v>51</v>
      </c>
      <c r="D86" s="17">
        <v>92</v>
      </c>
    </row>
    <row r="87" spans="1:4" ht="18" customHeight="1" x14ac:dyDescent="0.2">
      <c r="A87" s="14">
        <v>67</v>
      </c>
      <c r="B87" s="15">
        <v>45</v>
      </c>
      <c r="C87" s="16">
        <v>40</v>
      </c>
      <c r="D87" s="17">
        <v>85</v>
      </c>
    </row>
    <row r="88" spans="1:4" ht="18" customHeight="1" x14ac:dyDescent="0.2">
      <c r="A88" s="14">
        <v>68</v>
      </c>
      <c r="B88" s="15">
        <v>43</v>
      </c>
      <c r="C88" s="16">
        <v>47</v>
      </c>
      <c r="D88" s="17">
        <v>90</v>
      </c>
    </row>
    <row r="89" spans="1:4" ht="18" customHeight="1" x14ac:dyDescent="0.2">
      <c r="A89" s="14">
        <v>69</v>
      </c>
      <c r="B89" s="15">
        <v>71</v>
      </c>
      <c r="C89" s="16">
        <v>65</v>
      </c>
      <c r="D89" s="17">
        <v>136</v>
      </c>
    </row>
    <row r="90" spans="1:4" ht="18" customHeight="1" x14ac:dyDescent="0.2">
      <c r="A90" s="18" t="s">
        <v>63</v>
      </c>
      <c r="B90" s="15">
        <v>234</v>
      </c>
      <c r="C90" s="16">
        <v>238</v>
      </c>
      <c r="D90" s="17">
        <v>472</v>
      </c>
    </row>
    <row r="91" spans="1:4" ht="18" customHeight="1" x14ac:dyDescent="0.2">
      <c r="A91" s="14">
        <v>70</v>
      </c>
      <c r="B91" s="15">
        <v>69</v>
      </c>
      <c r="C91" s="16">
        <v>76</v>
      </c>
      <c r="D91" s="17">
        <v>145</v>
      </c>
    </row>
    <row r="92" spans="1:4" ht="18" customHeight="1" x14ac:dyDescent="0.2">
      <c r="A92" s="14">
        <v>71</v>
      </c>
      <c r="B92" s="15">
        <v>46</v>
      </c>
      <c r="C92" s="16">
        <v>54</v>
      </c>
      <c r="D92" s="17">
        <v>100</v>
      </c>
    </row>
    <row r="93" spans="1:4" ht="18" customHeight="1" x14ac:dyDescent="0.2">
      <c r="A93" s="14">
        <v>72</v>
      </c>
      <c r="B93" s="15">
        <v>63</v>
      </c>
      <c r="C93" s="16">
        <v>84</v>
      </c>
      <c r="D93" s="17">
        <v>147</v>
      </c>
    </row>
    <row r="94" spans="1:4" ht="18" customHeight="1" x14ac:dyDescent="0.2">
      <c r="A94" s="14">
        <v>73</v>
      </c>
      <c r="B94" s="15">
        <v>36</v>
      </c>
      <c r="C94" s="16">
        <v>32</v>
      </c>
      <c r="D94" s="17">
        <v>68</v>
      </c>
    </row>
    <row r="95" spans="1:4" ht="18" customHeight="1" x14ac:dyDescent="0.2">
      <c r="A95" s="14">
        <v>74</v>
      </c>
      <c r="B95" s="15">
        <v>37</v>
      </c>
      <c r="C95" s="16">
        <v>49</v>
      </c>
      <c r="D95" s="17">
        <v>86</v>
      </c>
    </row>
    <row r="96" spans="1:4" ht="18" customHeight="1" x14ac:dyDescent="0.2">
      <c r="A96" s="18" t="s">
        <v>64</v>
      </c>
      <c r="B96" s="15">
        <v>251</v>
      </c>
      <c r="C96" s="16">
        <v>295</v>
      </c>
      <c r="D96" s="17">
        <v>546</v>
      </c>
    </row>
    <row r="97" spans="1:4" ht="18" customHeight="1" x14ac:dyDescent="0.2">
      <c r="A97" s="14">
        <v>75</v>
      </c>
      <c r="B97" s="15">
        <v>57</v>
      </c>
      <c r="C97" s="16">
        <v>64</v>
      </c>
      <c r="D97" s="17">
        <v>121</v>
      </c>
    </row>
    <row r="98" spans="1:4" ht="18" customHeight="1" x14ac:dyDescent="0.2">
      <c r="A98" s="14">
        <v>76</v>
      </c>
      <c r="B98" s="15">
        <v>41</v>
      </c>
      <c r="C98" s="16">
        <v>58</v>
      </c>
      <c r="D98" s="17">
        <v>99</v>
      </c>
    </row>
    <row r="99" spans="1:4" ht="18" customHeight="1" x14ac:dyDescent="0.2">
      <c r="A99" s="14">
        <v>77</v>
      </c>
      <c r="B99" s="15">
        <v>45</v>
      </c>
      <c r="C99" s="16">
        <v>58</v>
      </c>
      <c r="D99" s="17">
        <v>103</v>
      </c>
    </row>
    <row r="100" spans="1:4" ht="18" customHeight="1" x14ac:dyDescent="0.2">
      <c r="A100" s="14">
        <v>78</v>
      </c>
      <c r="B100" s="15">
        <v>43</v>
      </c>
      <c r="C100" s="16">
        <v>45</v>
      </c>
      <c r="D100" s="17">
        <v>88</v>
      </c>
    </row>
    <row r="101" spans="1:4" ht="18" customHeight="1" x14ac:dyDescent="0.2">
      <c r="A101" s="14">
        <v>79</v>
      </c>
      <c r="B101" s="15">
        <v>44</v>
      </c>
      <c r="C101" s="16">
        <v>48</v>
      </c>
      <c r="D101" s="17">
        <v>92</v>
      </c>
    </row>
    <row r="102" spans="1:4" ht="18" customHeight="1" x14ac:dyDescent="0.2">
      <c r="A102" s="18" t="s">
        <v>65</v>
      </c>
      <c r="B102" s="15">
        <v>230</v>
      </c>
      <c r="C102" s="16">
        <v>273</v>
      </c>
      <c r="D102" s="17">
        <v>503</v>
      </c>
    </row>
    <row r="103" spans="1:4" ht="18" customHeight="1" x14ac:dyDescent="0.2">
      <c r="A103" s="14">
        <v>80</v>
      </c>
      <c r="B103" s="15">
        <v>26</v>
      </c>
      <c r="C103" s="16">
        <v>21</v>
      </c>
      <c r="D103" s="17">
        <v>47</v>
      </c>
    </row>
    <row r="104" spans="1:4" ht="18" customHeight="1" x14ac:dyDescent="0.2">
      <c r="A104" s="14">
        <v>81</v>
      </c>
      <c r="B104" s="15">
        <v>32</v>
      </c>
      <c r="C104" s="16">
        <v>37</v>
      </c>
      <c r="D104" s="17">
        <v>69</v>
      </c>
    </row>
    <row r="105" spans="1:4" ht="18" customHeight="1" x14ac:dyDescent="0.2">
      <c r="A105" s="14">
        <v>82</v>
      </c>
      <c r="B105" s="15">
        <v>25</v>
      </c>
      <c r="C105" s="16">
        <v>38</v>
      </c>
      <c r="D105" s="17">
        <v>63</v>
      </c>
    </row>
    <row r="106" spans="1:4" ht="18" customHeight="1" x14ac:dyDescent="0.2">
      <c r="A106" s="14">
        <v>83</v>
      </c>
      <c r="B106" s="15">
        <v>30</v>
      </c>
      <c r="C106" s="16">
        <v>34</v>
      </c>
      <c r="D106" s="17">
        <v>64</v>
      </c>
    </row>
    <row r="107" spans="1:4" ht="18" customHeight="1" x14ac:dyDescent="0.2">
      <c r="A107" s="14">
        <v>84</v>
      </c>
      <c r="B107" s="15">
        <v>16</v>
      </c>
      <c r="C107" s="16">
        <v>23</v>
      </c>
      <c r="D107" s="17">
        <v>39</v>
      </c>
    </row>
    <row r="108" spans="1:4" ht="18" customHeight="1" x14ac:dyDescent="0.2">
      <c r="A108" s="18" t="s">
        <v>66</v>
      </c>
      <c r="B108" s="15">
        <v>129</v>
      </c>
      <c r="C108" s="16">
        <v>153</v>
      </c>
      <c r="D108" s="17">
        <v>282</v>
      </c>
    </row>
    <row r="109" spans="1:4" ht="18" customHeight="1" x14ac:dyDescent="0.2">
      <c r="A109" s="14">
        <v>85</v>
      </c>
      <c r="B109" s="15">
        <v>25</v>
      </c>
      <c r="C109" s="16">
        <v>26</v>
      </c>
      <c r="D109" s="17">
        <v>51</v>
      </c>
    </row>
    <row r="110" spans="1:4" ht="18" customHeight="1" x14ac:dyDescent="0.2">
      <c r="A110" s="14">
        <v>86</v>
      </c>
      <c r="B110" s="15">
        <v>11</v>
      </c>
      <c r="C110" s="16">
        <v>31</v>
      </c>
      <c r="D110" s="17">
        <v>42</v>
      </c>
    </row>
    <row r="111" spans="1:4" ht="18" customHeight="1" x14ac:dyDescent="0.2">
      <c r="A111" s="14">
        <v>87</v>
      </c>
      <c r="B111" s="15">
        <v>12</v>
      </c>
      <c r="C111" s="16">
        <v>31</v>
      </c>
      <c r="D111" s="17">
        <v>43</v>
      </c>
    </row>
    <row r="112" spans="1:4" ht="18" customHeight="1" x14ac:dyDescent="0.2">
      <c r="A112" s="14">
        <v>88</v>
      </c>
      <c r="B112" s="15">
        <v>12</v>
      </c>
      <c r="C112" s="16">
        <v>13</v>
      </c>
      <c r="D112" s="17">
        <v>25</v>
      </c>
    </row>
    <row r="113" spans="1:4" ht="18" customHeight="1" x14ac:dyDescent="0.2">
      <c r="A113" s="14">
        <v>89</v>
      </c>
      <c r="B113" s="15">
        <v>5</v>
      </c>
      <c r="C113" s="16">
        <v>27</v>
      </c>
      <c r="D113" s="17">
        <v>32</v>
      </c>
    </row>
    <row r="114" spans="1:4" ht="18" customHeight="1" x14ac:dyDescent="0.2">
      <c r="A114" s="18" t="s">
        <v>67</v>
      </c>
      <c r="B114" s="15">
        <v>65</v>
      </c>
      <c r="C114" s="16">
        <v>128</v>
      </c>
      <c r="D114" s="17">
        <v>193</v>
      </c>
    </row>
    <row r="115" spans="1:4" ht="18" customHeight="1" x14ac:dyDescent="0.2">
      <c r="A115" s="14">
        <v>90</v>
      </c>
      <c r="B115" s="15">
        <v>7</v>
      </c>
      <c r="C115" s="16">
        <v>27</v>
      </c>
      <c r="D115" s="17">
        <v>34</v>
      </c>
    </row>
    <row r="116" spans="1:4" ht="18" customHeight="1" x14ac:dyDescent="0.2">
      <c r="A116" s="14">
        <v>91</v>
      </c>
      <c r="B116" s="15">
        <v>16</v>
      </c>
      <c r="C116" s="16">
        <v>18</v>
      </c>
      <c r="D116" s="17">
        <v>34</v>
      </c>
    </row>
    <row r="117" spans="1:4" ht="18" customHeight="1" x14ac:dyDescent="0.2">
      <c r="A117" s="14">
        <v>92</v>
      </c>
      <c r="B117" s="15">
        <v>9</v>
      </c>
      <c r="C117" s="16">
        <v>18</v>
      </c>
      <c r="D117" s="17">
        <v>27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68</v>
      </c>
      <c r="B120" s="15">
        <v>34</v>
      </c>
      <c r="C120" s="16">
        <v>78</v>
      </c>
      <c r="D120" s="17">
        <v>112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7</v>
      </c>
      <c r="D126" s="17">
        <v>21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948</v>
      </c>
      <c r="C130" s="5">
        <v>1184</v>
      </c>
      <c r="D130" s="6">
        <v>2132</v>
      </c>
    </row>
    <row r="131" spans="1:4" ht="18" customHeight="1" x14ac:dyDescent="0.2">
      <c r="A131" s="20" t="s">
        <v>47</v>
      </c>
      <c r="B131" s="7">
        <v>2922</v>
      </c>
      <c r="C131" s="8">
        <v>3024</v>
      </c>
      <c r="D131" s="9">
        <v>59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0</v>
      </c>
      <c r="C5" s="12">
        <v>56</v>
      </c>
      <c r="D5" s="13">
        <v>126</v>
      </c>
    </row>
    <row r="6" spans="1:4" ht="18" customHeight="1" x14ac:dyDescent="0.2">
      <c r="A6" s="14">
        <v>1</v>
      </c>
      <c r="B6" s="15">
        <v>58</v>
      </c>
      <c r="C6" s="16">
        <v>57</v>
      </c>
      <c r="D6" s="17">
        <v>115</v>
      </c>
    </row>
    <row r="7" spans="1:4" ht="18" customHeight="1" x14ac:dyDescent="0.2">
      <c r="A7" s="14">
        <v>2</v>
      </c>
      <c r="B7" s="15">
        <v>58</v>
      </c>
      <c r="C7" s="16">
        <v>57</v>
      </c>
      <c r="D7" s="17">
        <v>115</v>
      </c>
    </row>
    <row r="8" spans="1:4" ht="18" customHeight="1" x14ac:dyDescent="0.2">
      <c r="A8" s="14">
        <v>3</v>
      </c>
      <c r="B8" s="15">
        <v>72</v>
      </c>
      <c r="C8" s="16">
        <v>57</v>
      </c>
      <c r="D8" s="17">
        <v>129</v>
      </c>
    </row>
    <row r="9" spans="1:4" ht="18" customHeight="1" x14ac:dyDescent="0.2">
      <c r="A9" s="14">
        <v>4</v>
      </c>
      <c r="B9" s="15">
        <v>71</v>
      </c>
      <c r="C9" s="16">
        <v>55</v>
      </c>
      <c r="D9" s="17">
        <v>126</v>
      </c>
    </row>
    <row r="10" spans="1:4" ht="18" customHeight="1" x14ac:dyDescent="0.2">
      <c r="A10" s="18" t="s">
        <v>48</v>
      </c>
      <c r="B10" s="15">
        <v>329</v>
      </c>
      <c r="C10" s="16">
        <v>282</v>
      </c>
      <c r="D10" s="17">
        <v>611</v>
      </c>
    </row>
    <row r="11" spans="1:4" ht="18" customHeight="1" x14ac:dyDescent="0.2">
      <c r="A11" s="14">
        <v>5</v>
      </c>
      <c r="B11" s="15">
        <v>56</v>
      </c>
      <c r="C11" s="16">
        <v>56</v>
      </c>
      <c r="D11" s="17">
        <v>112</v>
      </c>
    </row>
    <row r="12" spans="1:4" ht="18" customHeight="1" x14ac:dyDescent="0.2">
      <c r="A12" s="14">
        <v>6</v>
      </c>
      <c r="B12" s="15">
        <v>66</v>
      </c>
      <c r="C12" s="16">
        <v>63</v>
      </c>
      <c r="D12" s="17">
        <v>129</v>
      </c>
    </row>
    <row r="13" spans="1:4" ht="18" customHeight="1" x14ac:dyDescent="0.2">
      <c r="A13" s="14">
        <v>7</v>
      </c>
      <c r="B13" s="15">
        <v>57</v>
      </c>
      <c r="C13" s="16">
        <v>48</v>
      </c>
      <c r="D13" s="17">
        <v>105</v>
      </c>
    </row>
    <row r="14" spans="1:4" ht="18" customHeight="1" x14ac:dyDescent="0.2">
      <c r="A14" s="14">
        <v>8</v>
      </c>
      <c r="B14" s="15">
        <v>68</v>
      </c>
      <c r="C14" s="16">
        <v>68</v>
      </c>
      <c r="D14" s="17">
        <v>136</v>
      </c>
    </row>
    <row r="15" spans="1:4" ht="18" customHeight="1" x14ac:dyDescent="0.2">
      <c r="A15" s="14">
        <v>9</v>
      </c>
      <c r="B15" s="15">
        <v>69</v>
      </c>
      <c r="C15" s="16">
        <v>72</v>
      </c>
      <c r="D15" s="17">
        <v>141</v>
      </c>
    </row>
    <row r="16" spans="1:4" ht="18" customHeight="1" x14ac:dyDescent="0.2">
      <c r="A16" s="18" t="s">
        <v>49</v>
      </c>
      <c r="B16" s="15">
        <v>316</v>
      </c>
      <c r="C16" s="16">
        <v>307</v>
      </c>
      <c r="D16" s="17">
        <v>623</v>
      </c>
    </row>
    <row r="17" spans="1:4" ht="18" customHeight="1" x14ac:dyDescent="0.2">
      <c r="A17" s="14">
        <v>10</v>
      </c>
      <c r="B17" s="15">
        <v>49</v>
      </c>
      <c r="C17" s="16">
        <v>58</v>
      </c>
      <c r="D17" s="17">
        <v>107</v>
      </c>
    </row>
    <row r="18" spans="1:4" ht="18" customHeight="1" x14ac:dyDescent="0.2">
      <c r="A18" s="14">
        <v>11</v>
      </c>
      <c r="B18" s="15">
        <v>60</v>
      </c>
      <c r="C18" s="16">
        <v>62</v>
      </c>
      <c r="D18" s="17">
        <v>122</v>
      </c>
    </row>
    <row r="19" spans="1:4" ht="18" customHeight="1" x14ac:dyDescent="0.2">
      <c r="A19" s="14">
        <v>12</v>
      </c>
      <c r="B19" s="15">
        <v>72</v>
      </c>
      <c r="C19" s="16">
        <v>54</v>
      </c>
      <c r="D19" s="17">
        <v>126</v>
      </c>
    </row>
    <row r="20" spans="1:4" ht="18" customHeight="1" x14ac:dyDescent="0.2">
      <c r="A20" s="14">
        <v>13</v>
      </c>
      <c r="B20" s="15">
        <v>67</v>
      </c>
      <c r="C20" s="16">
        <v>43</v>
      </c>
      <c r="D20" s="17">
        <v>110</v>
      </c>
    </row>
    <row r="21" spans="1:4" ht="18" customHeight="1" x14ac:dyDescent="0.2">
      <c r="A21" s="14">
        <v>14</v>
      </c>
      <c r="B21" s="15">
        <v>53</v>
      </c>
      <c r="C21" s="16">
        <v>74</v>
      </c>
      <c r="D21" s="17">
        <v>127</v>
      </c>
    </row>
    <row r="22" spans="1:4" ht="18" customHeight="1" x14ac:dyDescent="0.2">
      <c r="A22" s="18" t="s">
        <v>50</v>
      </c>
      <c r="B22" s="15">
        <v>301</v>
      </c>
      <c r="C22" s="16">
        <v>291</v>
      </c>
      <c r="D22" s="17">
        <v>592</v>
      </c>
    </row>
    <row r="23" spans="1:4" ht="18" customHeight="1" x14ac:dyDescent="0.2">
      <c r="A23" s="18" t="s">
        <v>51</v>
      </c>
      <c r="B23" s="15">
        <v>946</v>
      </c>
      <c r="C23" s="16">
        <v>880</v>
      </c>
      <c r="D23" s="17">
        <v>1826</v>
      </c>
    </row>
    <row r="24" spans="1:4" ht="18" customHeight="1" x14ac:dyDescent="0.2">
      <c r="A24" s="14">
        <v>15</v>
      </c>
      <c r="B24" s="15">
        <v>48</v>
      </c>
      <c r="C24" s="16">
        <v>60</v>
      </c>
      <c r="D24" s="17">
        <v>108</v>
      </c>
    </row>
    <row r="25" spans="1:4" ht="18" customHeight="1" x14ac:dyDescent="0.2">
      <c r="A25" s="14">
        <v>16</v>
      </c>
      <c r="B25" s="15">
        <v>51</v>
      </c>
      <c r="C25" s="16">
        <v>57</v>
      </c>
      <c r="D25" s="17">
        <v>108</v>
      </c>
    </row>
    <row r="26" spans="1:4" ht="18" customHeight="1" x14ac:dyDescent="0.2">
      <c r="A26" s="14">
        <v>17</v>
      </c>
      <c r="B26" s="15">
        <v>61</v>
      </c>
      <c r="C26" s="16">
        <v>71</v>
      </c>
      <c r="D26" s="17">
        <v>132</v>
      </c>
    </row>
    <row r="27" spans="1:4" ht="18" customHeight="1" x14ac:dyDescent="0.2">
      <c r="A27" s="14">
        <v>18</v>
      </c>
      <c r="B27" s="15">
        <v>69</v>
      </c>
      <c r="C27" s="16">
        <v>68</v>
      </c>
      <c r="D27" s="17">
        <v>137</v>
      </c>
    </row>
    <row r="28" spans="1:4" ht="18" customHeight="1" x14ac:dyDescent="0.2">
      <c r="A28" s="14">
        <v>19</v>
      </c>
      <c r="B28" s="15">
        <v>63</v>
      </c>
      <c r="C28" s="16">
        <v>67</v>
      </c>
      <c r="D28" s="17">
        <v>130</v>
      </c>
    </row>
    <row r="29" spans="1:4" ht="18" customHeight="1" x14ac:dyDescent="0.2">
      <c r="A29" s="18" t="s">
        <v>52</v>
      </c>
      <c r="B29" s="15">
        <v>292</v>
      </c>
      <c r="C29" s="16">
        <v>323</v>
      </c>
      <c r="D29" s="17">
        <v>615</v>
      </c>
    </row>
    <row r="30" spans="1:4" ht="18" customHeight="1" x14ac:dyDescent="0.2">
      <c r="A30" s="14">
        <v>20</v>
      </c>
      <c r="B30" s="15">
        <v>64</v>
      </c>
      <c r="C30" s="16">
        <v>55</v>
      </c>
      <c r="D30" s="17">
        <v>119</v>
      </c>
    </row>
    <row r="31" spans="1:4" ht="18" customHeight="1" x14ac:dyDescent="0.2">
      <c r="A31" s="14">
        <v>21</v>
      </c>
      <c r="B31" s="15">
        <v>64</v>
      </c>
      <c r="C31" s="16">
        <v>68</v>
      </c>
      <c r="D31" s="17">
        <v>132</v>
      </c>
    </row>
    <row r="32" spans="1:4" ht="18" customHeight="1" x14ac:dyDescent="0.2">
      <c r="A32" s="14">
        <v>22</v>
      </c>
      <c r="B32" s="15">
        <v>80</v>
      </c>
      <c r="C32" s="16">
        <v>52</v>
      </c>
      <c r="D32" s="17">
        <v>132</v>
      </c>
    </row>
    <row r="33" spans="1:4" ht="18" customHeight="1" x14ac:dyDescent="0.2">
      <c r="A33" s="14">
        <v>23</v>
      </c>
      <c r="B33" s="15">
        <v>76</v>
      </c>
      <c r="C33" s="16">
        <v>77</v>
      </c>
      <c r="D33" s="17">
        <v>153</v>
      </c>
    </row>
    <row r="34" spans="1:4" ht="18" customHeight="1" x14ac:dyDescent="0.2">
      <c r="A34" s="14">
        <v>24</v>
      </c>
      <c r="B34" s="15">
        <v>84</v>
      </c>
      <c r="C34" s="16">
        <v>79</v>
      </c>
      <c r="D34" s="17">
        <v>163</v>
      </c>
    </row>
    <row r="35" spans="1:4" ht="18" customHeight="1" x14ac:dyDescent="0.2">
      <c r="A35" s="18" t="s">
        <v>53</v>
      </c>
      <c r="B35" s="15">
        <v>368</v>
      </c>
      <c r="C35" s="16">
        <v>331</v>
      </c>
      <c r="D35" s="17">
        <v>699</v>
      </c>
    </row>
    <row r="36" spans="1:4" ht="18" customHeight="1" x14ac:dyDescent="0.2">
      <c r="A36" s="14">
        <v>25</v>
      </c>
      <c r="B36" s="15">
        <v>79</v>
      </c>
      <c r="C36" s="16">
        <v>87</v>
      </c>
      <c r="D36" s="17">
        <v>166</v>
      </c>
    </row>
    <row r="37" spans="1:4" ht="18" customHeight="1" x14ac:dyDescent="0.2">
      <c r="A37" s="14">
        <v>26</v>
      </c>
      <c r="B37" s="15">
        <v>83</v>
      </c>
      <c r="C37" s="16">
        <v>69</v>
      </c>
      <c r="D37" s="17">
        <v>152</v>
      </c>
    </row>
    <row r="38" spans="1:4" ht="18" customHeight="1" x14ac:dyDescent="0.2">
      <c r="A38" s="14">
        <v>27</v>
      </c>
      <c r="B38" s="15">
        <v>84</v>
      </c>
      <c r="C38" s="16">
        <v>99</v>
      </c>
      <c r="D38" s="17">
        <v>183</v>
      </c>
    </row>
    <row r="39" spans="1:4" ht="18" customHeight="1" x14ac:dyDescent="0.2">
      <c r="A39" s="14">
        <v>28</v>
      </c>
      <c r="B39" s="15">
        <v>94</v>
      </c>
      <c r="C39" s="16">
        <v>77</v>
      </c>
      <c r="D39" s="17">
        <v>171</v>
      </c>
    </row>
    <row r="40" spans="1:4" ht="18" customHeight="1" x14ac:dyDescent="0.2">
      <c r="A40" s="14">
        <v>29</v>
      </c>
      <c r="B40" s="15">
        <v>123</v>
      </c>
      <c r="C40" s="16">
        <v>82</v>
      </c>
      <c r="D40" s="17">
        <v>205</v>
      </c>
    </row>
    <row r="41" spans="1:4" ht="18" customHeight="1" x14ac:dyDescent="0.2">
      <c r="A41" s="18" t="s">
        <v>54</v>
      </c>
      <c r="B41" s="15">
        <v>463</v>
      </c>
      <c r="C41" s="16">
        <v>414</v>
      </c>
      <c r="D41" s="17">
        <v>877</v>
      </c>
    </row>
    <row r="42" spans="1:4" ht="18" customHeight="1" x14ac:dyDescent="0.2">
      <c r="A42" s="14">
        <v>30</v>
      </c>
      <c r="B42" s="15">
        <v>106</v>
      </c>
      <c r="C42" s="16">
        <v>105</v>
      </c>
      <c r="D42" s="17">
        <v>211</v>
      </c>
    </row>
    <row r="43" spans="1:4" ht="18" customHeight="1" x14ac:dyDescent="0.2">
      <c r="A43" s="14">
        <v>31</v>
      </c>
      <c r="B43" s="15">
        <v>87</v>
      </c>
      <c r="C43" s="16">
        <v>93</v>
      </c>
      <c r="D43" s="17">
        <v>180</v>
      </c>
    </row>
    <row r="44" spans="1:4" ht="18" customHeight="1" x14ac:dyDescent="0.2">
      <c r="A44" s="14">
        <v>32</v>
      </c>
      <c r="B44" s="15">
        <v>82</v>
      </c>
      <c r="C44" s="16">
        <v>79</v>
      </c>
      <c r="D44" s="17">
        <v>161</v>
      </c>
    </row>
    <row r="45" spans="1:4" ht="18" customHeight="1" x14ac:dyDescent="0.2">
      <c r="A45" s="14">
        <v>33</v>
      </c>
      <c r="B45" s="15">
        <v>98</v>
      </c>
      <c r="C45" s="16">
        <v>81</v>
      </c>
      <c r="D45" s="17">
        <v>179</v>
      </c>
    </row>
    <row r="46" spans="1:4" ht="18" customHeight="1" x14ac:dyDescent="0.2">
      <c r="A46" s="14">
        <v>34</v>
      </c>
      <c r="B46" s="15">
        <v>110</v>
      </c>
      <c r="C46" s="16">
        <v>90</v>
      </c>
      <c r="D46" s="17">
        <v>200</v>
      </c>
    </row>
    <row r="47" spans="1:4" ht="18" customHeight="1" x14ac:dyDescent="0.2">
      <c r="A47" s="18" t="s">
        <v>55</v>
      </c>
      <c r="B47" s="15">
        <v>483</v>
      </c>
      <c r="C47" s="16">
        <v>448</v>
      </c>
      <c r="D47" s="17">
        <v>931</v>
      </c>
    </row>
    <row r="48" spans="1:4" ht="18" customHeight="1" x14ac:dyDescent="0.2">
      <c r="A48" s="14">
        <v>35</v>
      </c>
      <c r="B48" s="15">
        <v>108</v>
      </c>
      <c r="C48" s="16">
        <v>81</v>
      </c>
      <c r="D48" s="17">
        <v>189</v>
      </c>
    </row>
    <row r="49" spans="1:4" ht="18" customHeight="1" x14ac:dyDescent="0.2">
      <c r="A49" s="14">
        <v>36</v>
      </c>
      <c r="B49" s="15">
        <v>104</v>
      </c>
      <c r="C49" s="16">
        <v>84</v>
      </c>
      <c r="D49" s="17">
        <v>188</v>
      </c>
    </row>
    <row r="50" spans="1:4" ht="18" customHeight="1" x14ac:dyDescent="0.2">
      <c r="A50" s="14">
        <v>37</v>
      </c>
      <c r="B50" s="15">
        <v>95</v>
      </c>
      <c r="C50" s="16">
        <v>94</v>
      </c>
      <c r="D50" s="17">
        <v>189</v>
      </c>
    </row>
    <row r="51" spans="1:4" ht="18" customHeight="1" x14ac:dyDescent="0.2">
      <c r="A51" s="14">
        <v>38</v>
      </c>
      <c r="B51" s="15">
        <v>97</v>
      </c>
      <c r="C51" s="16">
        <v>97</v>
      </c>
      <c r="D51" s="17">
        <v>194</v>
      </c>
    </row>
    <row r="52" spans="1:4" ht="18" customHeight="1" x14ac:dyDescent="0.2">
      <c r="A52" s="14">
        <v>39</v>
      </c>
      <c r="B52" s="15">
        <v>99</v>
      </c>
      <c r="C52" s="16">
        <v>98</v>
      </c>
      <c r="D52" s="17">
        <v>197</v>
      </c>
    </row>
    <row r="53" spans="1:4" ht="18" customHeight="1" x14ac:dyDescent="0.2">
      <c r="A53" s="18" t="s">
        <v>56</v>
      </c>
      <c r="B53" s="15">
        <v>503</v>
      </c>
      <c r="C53" s="16">
        <v>454</v>
      </c>
      <c r="D53" s="17">
        <v>957</v>
      </c>
    </row>
    <row r="54" spans="1:4" ht="18" customHeight="1" x14ac:dyDescent="0.2">
      <c r="A54" s="14">
        <v>40</v>
      </c>
      <c r="B54" s="15">
        <v>115</v>
      </c>
      <c r="C54" s="16">
        <v>102</v>
      </c>
      <c r="D54" s="17">
        <v>217</v>
      </c>
    </row>
    <row r="55" spans="1:4" ht="18" customHeight="1" x14ac:dyDescent="0.2">
      <c r="A55" s="14">
        <v>41</v>
      </c>
      <c r="B55" s="15">
        <v>118</v>
      </c>
      <c r="C55" s="16">
        <v>105</v>
      </c>
      <c r="D55" s="17">
        <v>223</v>
      </c>
    </row>
    <row r="56" spans="1:4" ht="18" customHeight="1" x14ac:dyDescent="0.2">
      <c r="A56" s="14">
        <v>42</v>
      </c>
      <c r="B56" s="15">
        <v>109</v>
      </c>
      <c r="C56" s="16">
        <v>91</v>
      </c>
      <c r="D56" s="17">
        <v>200</v>
      </c>
    </row>
    <row r="57" spans="1:4" ht="18" customHeight="1" x14ac:dyDescent="0.2">
      <c r="A57" s="14">
        <v>43</v>
      </c>
      <c r="B57" s="15">
        <v>113</v>
      </c>
      <c r="C57" s="16">
        <v>109</v>
      </c>
      <c r="D57" s="17">
        <v>222</v>
      </c>
    </row>
    <row r="58" spans="1:4" ht="18" customHeight="1" x14ac:dyDescent="0.2">
      <c r="A58" s="14">
        <v>44</v>
      </c>
      <c r="B58" s="15">
        <v>137</v>
      </c>
      <c r="C58" s="16">
        <v>120</v>
      </c>
      <c r="D58" s="17">
        <v>257</v>
      </c>
    </row>
    <row r="59" spans="1:4" ht="18" customHeight="1" x14ac:dyDescent="0.2">
      <c r="A59" s="18" t="s">
        <v>57</v>
      </c>
      <c r="B59" s="15">
        <v>592</v>
      </c>
      <c r="C59" s="16">
        <v>527</v>
      </c>
      <c r="D59" s="17">
        <v>1119</v>
      </c>
    </row>
    <row r="60" spans="1:4" ht="18" customHeight="1" x14ac:dyDescent="0.2">
      <c r="A60" s="14">
        <v>45</v>
      </c>
      <c r="B60" s="15">
        <v>125</v>
      </c>
      <c r="C60" s="16">
        <v>130</v>
      </c>
      <c r="D60" s="17">
        <v>255</v>
      </c>
    </row>
    <row r="61" spans="1:4" ht="18" customHeight="1" x14ac:dyDescent="0.2">
      <c r="A61" s="14">
        <v>46</v>
      </c>
      <c r="B61" s="15">
        <v>119</v>
      </c>
      <c r="C61" s="16">
        <v>112</v>
      </c>
      <c r="D61" s="17">
        <v>231</v>
      </c>
    </row>
    <row r="62" spans="1:4" ht="18" customHeight="1" x14ac:dyDescent="0.2">
      <c r="A62" s="14">
        <v>47</v>
      </c>
      <c r="B62" s="15">
        <v>120</v>
      </c>
      <c r="C62" s="16">
        <v>114</v>
      </c>
      <c r="D62" s="17">
        <v>234</v>
      </c>
    </row>
    <row r="63" spans="1:4" ht="18" customHeight="1" x14ac:dyDescent="0.2">
      <c r="A63" s="14">
        <v>48</v>
      </c>
      <c r="B63" s="15">
        <v>111</v>
      </c>
      <c r="C63" s="16">
        <v>101</v>
      </c>
      <c r="D63" s="17">
        <v>212</v>
      </c>
    </row>
    <row r="64" spans="1:4" ht="18" customHeight="1" x14ac:dyDescent="0.2">
      <c r="A64" s="14">
        <v>49</v>
      </c>
      <c r="B64" s="15">
        <v>112</v>
      </c>
      <c r="C64" s="16">
        <v>97</v>
      </c>
      <c r="D64" s="17">
        <v>209</v>
      </c>
    </row>
    <row r="65" spans="1:4" ht="18" customHeight="1" x14ac:dyDescent="0.2">
      <c r="A65" s="18" t="s">
        <v>58</v>
      </c>
      <c r="B65" s="15">
        <v>587</v>
      </c>
      <c r="C65" s="16">
        <v>554</v>
      </c>
      <c r="D65" s="17">
        <v>1141</v>
      </c>
    </row>
    <row r="66" spans="1:4" ht="18" customHeight="1" x14ac:dyDescent="0.2">
      <c r="A66" s="14">
        <v>50</v>
      </c>
      <c r="B66" s="15">
        <v>92</v>
      </c>
      <c r="C66" s="16">
        <v>106</v>
      </c>
      <c r="D66" s="17">
        <v>198</v>
      </c>
    </row>
    <row r="67" spans="1:4" ht="18" customHeight="1" x14ac:dyDescent="0.2">
      <c r="A67" s="14">
        <v>51</v>
      </c>
      <c r="B67" s="15">
        <v>104</v>
      </c>
      <c r="C67" s="16">
        <v>74</v>
      </c>
      <c r="D67" s="17">
        <v>178</v>
      </c>
    </row>
    <row r="68" spans="1:4" ht="18" customHeight="1" x14ac:dyDescent="0.2">
      <c r="A68" s="14">
        <v>52</v>
      </c>
      <c r="B68" s="15">
        <v>78</v>
      </c>
      <c r="C68" s="16">
        <v>93</v>
      </c>
      <c r="D68" s="17">
        <v>171</v>
      </c>
    </row>
    <row r="69" spans="1:4" ht="18" customHeight="1" x14ac:dyDescent="0.2">
      <c r="A69" s="14">
        <v>53</v>
      </c>
      <c r="B69" s="15">
        <v>71</v>
      </c>
      <c r="C69" s="16">
        <v>90</v>
      </c>
      <c r="D69" s="17">
        <v>161</v>
      </c>
    </row>
    <row r="70" spans="1:4" ht="18" customHeight="1" x14ac:dyDescent="0.2">
      <c r="A70" s="14">
        <v>54</v>
      </c>
      <c r="B70" s="15">
        <v>79</v>
      </c>
      <c r="C70" s="16">
        <v>90</v>
      </c>
      <c r="D70" s="17">
        <v>169</v>
      </c>
    </row>
    <row r="71" spans="1:4" ht="18" customHeight="1" x14ac:dyDescent="0.2">
      <c r="A71" s="18" t="s">
        <v>59</v>
      </c>
      <c r="B71" s="15">
        <v>424</v>
      </c>
      <c r="C71" s="16">
        <v>453</v>
      </c>
      <c r="D71" s="17">
        <v>877</v>
      </c>
    </row>
    <row r="72" spans="1:4" ht="18" customHeight="1" x14ac:dyDescent="0.2">
      <c r="A72" s="14">
        <v>55</v>
      </c>
      <c r="B72" s="15">
        <v>98</v>
      </c>
      <c r="C72" s="16">
        <v>100</v>
      </c>
      <c r="D72" s="17">
        <v>198</v>
      </c>
    </row>
    <row r="73" spans="1:4" ht="18" customHeight="1" x14ac:dyDescent="0.2">
      <c r="A73" s="14">
        <v>56</v>
      </c>
      <c r="B73" s="15">
        <v>86</v>
      </c>
      <c r="C73" s="16">
        <v>79</v>
      </c>
      <c r="D73" s="17">
        <v>165</v>
      </c>
    </row>
    <row r="74" spans="1:4" ht="18" customHeight="1" x14ac:dyDescent="0.2">
      <c r="A74" s="14">
        <v>57</v>
      </c>
      <c r="B74" s="15">
        <v>57</v>
      </c>
      <c r="C74" s="16">
        <v>80</v>
      </c>
      <c r="D74" s="17">
        <v>137</v>
      </c>
    </row>
    <row r="75" spans="1:4" ht="18" customHeight="1" x14ac:dyDescent="0.2">
      <c r="A75" s="14">
        <v>58</v>
      </c>
      <c r="B75" s="15">
        <v>62</v>
      </c>
      <c r="C75" s="16">
        <v>49</v>
      </c>
      <c r="D75" s="17">
        <v>111</v>
      </c>
    </row>
    <row r="76" spans="1:4" ht="18" customHeight="1" x14ac:dyDescent="0.2">
      <c r="A76" s="14">
        <v>59</v>
      </c>
      <c r="B76" s="15">
        <v>82</v>
      </c>
      <c r="C76" s="16">
        <v>92</v>
      </c>
      <c r="D76" s="17">
        <v>174</v>
      </c>
    </row>
    <row r="77" spans="1:4" ht="18" customHeight="1" x14ac:dyDescent="0.2">
      <c r="A77" s="18" t="s">
        <v>60</v>
      </c>
      <c r="B77" s="15">
        <v>385</v>
      </c>
      <c r="C77" s="16">
        <v>400</v>
      </c>
      <c r="D77" s="17">
        <v>785</v>
      </c>
    </row>
    <row r="78" spans="1:4" ht="18" customHeight="1" x14ac:dyDescent="0.2">
      <c r="A78" s="14">
        <v>60</v>
      </c>
      <c r="B78" s="15">
        <v>72</v>
      </c>
      <c r="C78" s="16">
        <v>82</v>
      </c>
      <c r="D78" s="17">
        <v>154</v>
      </c>
    </row>
    <row r="79" spans="1:4" ht="18" customHeight="1" x14ac:dyDescent="0.2">
      <c r="A79" s="14">
        <v>61</v>
      </c>
      <c r="B79" s="15">
        <v>68</v>
      </c>
      <c r="C79" s="16">
        <v>70</v>
      </c>
      <c r="D79" s="17">
        <v>138</v>
      </c>
    </row>
    <row r="80" spans="1:4" ht="18" customHeight="1" x14ac:dyDescent="0.2">
      <c r="A80" s="14">
        <v>62</v>
      </c>
      <c r="B80" s="15">
        <v>72</v>
      </c>
      <c r="C80" s="16">
        <v>64</v>
      </c>
      <c r="D80" s="17">
        <v>136</v>
      </c>
    </row>
    <row r="81" spans="1:4" ht="18" customHeight="1" x14ac:dyDescent="0.2">
      <c r="A81" s="14">
        <v>63</v>
      </c>
      <c r="B81" s="15">
        <v>70</v>
      </c>
      <c r="C81" s="16">
        <v>81</v>
      </c>
      <c r="D81" s="17">
        <v>151</v>
      </c>
    </row>
    <row r="82" spans="1:4" ht="18" customHeight="1" x14ac:dyDescent="0.2">
      <c r="A82" s="14">
        <v>64</v>
      </c>
      <c r="B82" s="15">
        <v>77</v>
      </c>
      <c r="C82" s="16">
        <v>74</v>
      </c>
      <c r="D82" s="17">
        <v>151</v>
      </c>
    </row>
    <row r="83" spans="1:4" ht="18" customHeight="1" x14ac:dyDescent="0.2">
      <c r="A83" s="18" t="s">
        <v>61</v>
      </c>
      <c r="B83" s="15">
        <v>359</v>
      </c>
      <c r="C83" s="16">
        <v>371</v>
      </c>
      <c r="D83" s="17">
        <v>730</v>
      </c>
    </row>
    <row r="84" spans="1:4" ht="18" customHeight="1" x14ac:dyDescent="0.2">
      <c r="A84" s="18" t="s">
        <v>62</v>
      </c>
      <c r="B84" s="15">
        <v>4456</v>
      </c>
      <c r="C84" s="16">
        <v>4275</v>
      </c>
      <c r="D84" s="17">
        <v>8731</v>
      </c>
    </row>
    <row r="85" spans="1:4" ht="18" customHeight="1" x14ac:dyDescent="0.2">
      <c r="A85" s="14">
        <v>65</v>
      </c>
      <c r="B85" s="15">
        <v>66</v>
      </c>
      <c r="C85" s="16">
        <v>101</v>
      </c>
      <c r="D85" s="17">
        <v>167</v>
      </c>
    </row>
    <row r="86" spans="1:4" ht="18" customHeight="1" x14ac:dyDescent="0.2">
      <c r="A86" s="14">
        <v>66</v>
      </c>
      <c r="B86" s="15">
        <v>67</v>
      </c>
      <c r="C86" s="16">
        <v>81</v>
      </c>
      <c r="D86" s="17">
        <v>148</v>
      </c>
    </row>
    <row r="87" spans="1:4" ht="18" customHeight="1" x14ac:dyDescent="0.2">
      <c r="A87" s="14">
        <v>67</v>
      </c>
      <c r="B87" s="15">
        <v>80</v>
      </c>
      <c r="C87" s="16">
        <v>62</v>
      </c>
      <c r="D87" s="17">
        <v>142</v>
      </c>
    </row>
    <row r="88" spans="1:4" ht="18" customHeight="1" x14ac:dyDescent="0.2">
      <c r="A88" s="14">
        <v>68</v>
      </c>
      <c r="B88" s="15">
        <v>98</v>
      </c>
      <c r="C88" s="16">
        <v>86</v>
      </c>
      <c r="D88" s="17">
        <v>184</v>
      </c>
    </row>
    <row r="89" spans="1:4" ht="18" customHeight="1" x14ac:dyDescent="0.2">
      <c r="A89" s="14">
        <v>69</v>
      </c>
      <c r="B89" s="15">
        <v>84</v>
      </c>
      <c r="C89" s="16">
        <v>98</v>
      </c>
      <c r="D89" s="17">
        <v>182</v>
      </c>
    </row>
    <row r="90" spans="1:4" ht="18" customHeight="1" x14ac:dyDescent="0.2">
      <c r="A90" s="18" t="s">
        <v>63</v>
      </c>
      <c r="B90" s="15">
        <v>395</v>
      </c>
      <c r="C90" s="16">
        <v>428</v>
      </c>
      <c r="D90" s="17">
        <v>823</v>
      </c>
    </row>
    <row r="91" spans="1:4" ht="18" customHeight="1" x14ac:dyDescent="0.2">
      <c r="A91" s="14">
        <v>70</v>
      </c>
      <c r="B91" s="15">
        <v>97</v>
      </c>
      <c r="C91" s="16">
        <v>85</v>
      </c>
      <c r="D91" s="17">
        <v>182</v>
      </c>
    </row>
    <row r="92" spans="1:4" ht="18" customHeight="1" x14ac:dyDescent="0.2">
      <c r="A92" s="14">
        <v>71</v>
      </c>
      <c r="B92" s="15">
        <v>91</v>
      </c>
      <c r="C92" s="16">
        <v>97</v>
      </c>
      <c r="D92" s="17">
        <v>188</v>
      </c>
    </row>
    <row r="93" spans="1:4" ht="18" customHeight="1" x14ac:dyDescent="0.2">
      <c r="A93" s="14">
        <v>72</v>
      </c>
      <c r="B93" s="15">
        <v>103</v>
      </c>
      <c r="C93" s="16">
        <v>115</v>
      </c>
      <c r="D93" s="17">
        <v>218</v>
      </c>
    </row>
    <row r="94" spans="1:4" ht="18" customHeight="1" x14ac:dyDescent="0.2">
      <c r="A94" s="14">
        <v>73</v>
      </c>
      <c r="B94" s="15">
        <v>56</v>
      </c>
      <c r="C94" s="16">
        <v>58</v>
      </c>
      <c r="D94" s="17">
        <v>114</v>
      </c>
    </row>
    <row r="95" spans="1:4" ht="18" customHeight="1" x14ac:dyDescent="0.2">
      <c r="A95" s="14">
        <v>74</v>
      </c>
      <c r="B95" s="15">
        <v>67</v>
      </c>
      <c r="C95" s="16">
        <v>71</v>
      </c>
      <c r="D95" s="17">
        <v>138</v>
      </c>
    </row>
    <row r="96" spans="1:4" ht="18" customHeight="1" x14ac:dyDescent="0.2">
      <c r="A96" s="18" t="s">
        <v>64</v>
      </c>
      <c r="B96" s="15">
        <v>414</v>
      </c>
      <c r="C96" s="16">
        <v>426</v>
      </c>
      <c r="D96" s="17">
        <v>840</v>
      </c>
    </row>
    <row r="97" spans="1:4" ht="18" customHeight="1" x14ac:dyDescent="0.2">
      <c r="A97" s="14">
        <v>75</v>
      </c>
      <c r="B97" s="15">
        <v>68</v>
      </c>
      <c r="C97" s="16">
        <v>94</v>
      </c>
      <c r="D97" s="17">
        <v>162</v>
      </c>
    </row>
    <row r="98" spans="1:4" ht="18" customHeight="1" x14ac:dyDescent="0.2">
      <c r="A98" s="14">
        <v>76</v>
      </c>
      <c r="B98" s="15">
        <v>52</v>
      </c>
      <c r="C98" s="16">
        <v>93</v>
      </c>
      <c r="D98" s="17">
        <v>145</v>
      </c>
    </row>
    <row r="99" spans="1:4" ht="18" customHeight="1" x14ac:dyDescent="0.2">
      <c r="A99" s="14">
        <v>77</v>
      </c>
      <c r="B99" s="15">
        <v>61</v>
      </c>
      <c r="C99" s="16">
        <v>92</v>
      </c>
      <c r="D99" s="17">
        <v>153</v>
      </c>
    </row>
    <row r="100" spans="1:4" ht="18" customHeight="1" x14ac:dyDescent="0.2">
      <c r="A100" s="14">
        <v>78</v>
      </c>
      <c r="B100" s="15">
        <v>41</v>
      </c>
      <c r="C100" s="16">
        <v>83</v>
      </c>
      <c r="D100" s="17">
        <v>124</v>
      </c>
    </row>
    <row r="101" spans="1:4" ht="18" customHeight="1" x14ac:dyDescent="0.2">
      <c r="A101" s="14">
        <v>79</v>
      </c>
      <c r="B101" s="15">
        <v>66</v>
      </c>
      <c r="C101" s="16">
        <v>85</v>
      </c>
      <c r="D101" s="17">
        <v>151</v>
      </c>
    </row>
    <row r="102" spans="1:4" ht="18" customHeight="1" x14ac:dyDescent="0.2">
      <c r="A102" s="18" t="s">
        <v>65</v>
      </c>
      <c r="B102" s="15">
        <v>288</v>
      </c>
      <c r="C102" s="16">
        <v>447</v>
      </c>
      <c r="D102" s="17">
        <v>735</v>
      </c>
    </row>
    <row r="103" spans="1:4" ht="18" customHeight="1" x14ac:dyDescent="0.2">
      <c r="A103" s="14">
        <v>80</v>
      </c>
      <c r="B103" s="15">
        <v>49</v>
      </c>
      <c r="C103" s="16">
        <v>60</v>
      </c>
      <c r="D103" s="17">
        <v>109</v>
      </c>
    </row>
    <row r="104" spans="1:4" ht="18" customHeight="1" x14ac:dyDescent="0.2">
      <c r="A104" s="14">
        <v>81</v>
      </c>
      <c r="B104" s="15">
        <v>36</v>
      </c>
      <c r="C104" s="16">
        <v>64</v>
      </c>
      <c r="D104" s="17">
        <v>100</v>
      </c>
    </row>
    <row r="105" spans="1:4" ht="18" customHeight="1" x14ac:dyDescent="0.2">
      <c r="A105" s="14">
        <v>82</v>
      </c>
      <c r="B105" s="15">
        <v>38</v>
      </c>
      <c r="C105" s="16">
        <v>67</v>
      </c>
      <c r="D105" s="17">
        <v>105</v>
      </c>
    </row>
    <row r="106" spans="1:4" ht="18" customHeight="1" x14ac:dyDescent="0.2">
      <c r="A106" s="14">
        <v>83</v>
      </c>
      <c r="B106" s="15">
        <v>47</v>
      </c>
      <c r="C106" s="16">
        <v>67</v>
      </c>
      <c r="D106" s="17">
        <v>114</v>
      </c>
    </row>
    <row r="107" spans="1:4" ht="18" customHeight="1" x14ac:dyDescent="0.2">
      <c r="A107" s="14">
        <v>84</v>
      </c>
      <c r="B107" s="15">
        <v>34</v>
      </c>
      <c r="C107" s="16">
        <v>49</v>
      </c>
      <c r="D107" s="17">
        <v>83</v>
      </c>
    </row>
    <row r="108" spans="1:4" ht="18" customHeight="1" x14ac:dyDescent="0.2">
      <c r="A108" s="18" t="s">
        <v>66</v>
      </c>
      <c r="B108" s="15">
        <v>204</v>
      </c>
      <c r="C108" s="16">
        <v>307</v>
      </c>
      <c r="D108" s="17">
        <v>511</v>
      </c>
    </row>
    <row r="109" spans="1:4" ht="18" customHeight="1" x14ac:dyDescent="0.2">
      <c r="A109" s="14">
        <v>85</v>
      </c>
      <c r="B109" s="15">
        <v>34</v>
      </c>
      <c r="C109" s="16">
        <v>46</v>
      </c>
      <c r="D109" s="17">
        <v>80</v>
      </c>
    </row>
    <row r="110" spans="1:4" ht="18" customHeight="1" x14ac:dyDescent="0.2">
      <c r="A110" s="14">
        <v>86</v>
      </c>
      <c r="B110" s="15">
        <v>25</v>
      </c>
      <c r="C110" s="16">
        <v>55</v>
      </c>
      <c r="D110" s="17">
        <v>80</v>
      </c>
    </row>
    <row r="111" spans="1:4" ht="18" customHeight="1" x14ac:dyDescent="0.2">
      <c r="A111" s="14">
        <v>87</v>
      </c>
      <c r="B111" s="15">
        <v>25</v>
      </c>
      <c r="C111" s="16">
        <v>59</v>
      </c>
      <c r="D111" s="17">
        <v>84</v>
      </c>
    </row>
    <row r="112" spans="1:4" ht="18" customHeight="1" x14ac:dyDescent="0.2">
      <c r="A112" s="14">
        <v>88</v>
      </c>
      <c r="B112" s="15">
        <v>18</v>
      </c>
      <c r="C112" s="16">
        <v>39</v>
      </c>
      <c r="D112" s="17">
        <v>57</v>
      </c>
    </row>
    <row r="113" spans="1:4" ht="18" customHeight="1" x14ac:dyDescent="0.2">
      <c r="A113" s="14">
        <v>89</v>
      </c>
      <c r="B113" s="15">
        <v>12</v>
      </c>
      <c r="C113" s="16">
        <v>29</v>
      </c>
      <c r="D113" s="17">
        <v>41</v>
      </c>
    </row>
    <row r="114" spans="1:4" ht="18" customHeight="1" x14ac:dyDescent="0.2">
      <c r="A114" s="18" t="s">
        <v>67</v>
      </c>
      <c r="B114" s="15">
        <v>114</v>
      </c>
      <c r="C114" s="16">
        <v>228</v>
      </c>
      <c r="D114" s="17">
        <v>342</v>
      </c>
    </row>
    <row r="115" spans="1:4" ht="18" customHeight="1" x14ac:dyDescent="0.2">
      <c r="A115" s="14">
        <v>90</v>
      </c>
      <c r="B115" s="15">
        <v>11</v>
      </c>
      <c r="C115" s="16">
        <v>34</v>
      </c>
      <c r="D115" s="17">
        <v>45</v>
      </c>
    </row>
    <row r="116" spans="1:4" ht="18" customHeight="1" x14ac:dyDescent="0.2">
      <c r="A116" s="14">
        <v>91</v>
      </c>
      <c r="B116" s="15">
        <v>12</v>
      </c>
      <c r="C116" s="16">
        <v>20</v>
      </c>
      <c r="D116" s="17">
        <v>32</v>
      </c>
    </row>
    <row r="117" spans="1:4" ht="18" customHeight="1" x14ac:dyDescent="0.2">
      <c r="A117" s="14">
        <v>92</v>
      </c>
      <c r="B117" s="15">
        <v>11</v>
      </c>
      <c r="C117" s="16">
        <v>18</v>
      </c>
      <c r="D117" s="17">
        <v>29</v>
      </c>
    </row>
    <row r="118" spans="1:4" ht="18" customHeight="1" x14ac:dyDescent="0.2">
      <c r="A118" s="14">
        <v>93</v>
      </c>
      <c r="B118" s="15">
        <v>5</v>
      </c>
      <c r="C118" s="16">
        <v>15</v>
      </c>
      <c r="D118" s="17">
        <v>20</v>
      </c>
    </row>
    <row r="119" spans="1:4" ht="18" customHeight="1" x14ac:dyDescent="0.2">
      <c r="A119" s="14">
        <v>94</v>
      </c>
      <c r="B119" s="15">
        <v>5</v>
      </c>
      <c r="C119" s="16">
        <v>15</v>
      </c>
      <c r="D119" s="17">
        <v>20</v>
      </c>
    </row>
    <row r="120" spans="1:4" ht="18" customHeight="1" x14ac:dyDescent="0.2">
      <c r="A120" s="18" t="s">
        <v>68</v>
      </c>
      <c r="B120" s="15">
        <v>44</v>
      </c>
      <c r="C120" s="16">
        <v>102</v>
      </c>
      <c r="D120" s="17">
        <v>146</v>
      </c>
    </row>
    <row r="121" spans="1:4" ht="18" customHeight="1" x14ac:dyDescent="0.2">
      <c r="A121" s="14">
        <v>95</v>
      </c>
      <c r="B121" s="15">
        <v>2</v>
      </c>
      <c r="C121" s="16">
        <v>14</v>
      </c>
      <c r="D121" s="17">
        <v>16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4</v>
      </c>
      <c r="C123" s="16">
        <v>11</v>
      </c>
      <c r="D123" s="17">
        <v>15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8</v>
      </c>
      <c r="C126" s="16">
        <v>40</v>
      </c>
      <c r="D126" s="17">
        <v>48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468</v>
      </c>
      <c r="C130" s="5">
        <v>1983</v>
      </c>
      <c r="D130" s="6">
        <v>3451</v>
      </c>
    </row>
    <row r="131" spans="1:4" ht="18" customHeight="1" x14ac:dyDescent="0.2">
      <c r="A131" s="20" t="s">
        <v>47</v>
      </c>
      <c r="B131" s="7">
        <v>6870</v>
      </c>
      <c r="C131" s="8">
        <v>7138</v>
      </c>
      <c r="D131" s="9">
        <v>1400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6</v>
      </c>
      <c r="C5" s="12">
        <v>42</v>
      </c>
      <c r="D5" s="13">
        <v>78</v>
      </c>
    </row>
    <row r="6" spans="1:4" ht="18" customHeight="1" x14ac:dyDescent="0.2">
      <c r="A6" s="14">
        <v>1</v>
      </c>
      <c r="B6" s="15">
        <v>41</v>
      </c>
      <c r="C6" s="16">
        <v>43</v>
      </c>
      <c r="D6" s="17">
        <v>84</v>
      </c>
    </row>
    <row r="7" spans="1:4" ht="18" customHeight="1" x14ac:dyDescent="0.2">
      <c r="A7" s="14">
        <v>2</v>
      </c>
      <c r="B7" s="15">
        <v>45</v>
      </c>
      <c r="C7" s="16">
        <v>37</v>
      </c>
      <c r="D7" s="17">
        <v>82</v>
      </c>
    </row>
    <row r="8" spans="1:4" ht="18" customHeight="1" x14ac:dyDescent="0.2">
      <c r="A8" s="14">
        <v>3</v>
      </c>
      <c r="B8" s="15">
        <v>41</v>
      </c>
      <c r="C8" s="16">
        <v>29</v>
      </c>
      <c r="D8" s="17">
        <v>70</v>
      </c>
    </row>
    <row r="9" spans="1:4" ht="18" customHeight="1" x14ac:dyDescent="0.2">
      <c r="A9" s="14">
        <v>4</v>
      </c>
      <c r="B9" s="15">
        <v>40</v>
      </c>
      <c r="C9" s="16">
        <v>36</v>
      </c>
      <c r="D9" s="17">
        <v>76</v>
      </c>
    </row>
    <row r="10" spans="1:4" ht="18" customHeight="1" x14ac:dyDescent="0.2">
      <c r="A10" s="18" t="s">
        <v>48</v>
      </c>
      <c r="B10" s="15">
        <v>203</v>
      </c>
      <c r="C10" s="16">
        <v>187</v>
      </c>
      <c r="D10" s="17">
        <v>390</v>
      </c>
    </row>
    <row r="11" spans="1:4" ht="18" customHeight="1" x14ac:dyDescent="0.2">
      <c r="A11" s="14">
        <v>5</v>
      </c>
      <c r="B11" s="15">
        <v>36</v>
      </c>
      <c r="C11" s="16">
        <v>30</v>
      </c>
      <c r="D11" s="17">
        <v>66</v>
      </c>
    </row>
    <row r="12" spans="1:4" ht="18" customHeight="1" x14ac:dyDescent="0.2">
      <c r="A12" s="14">
        <v>6</v>
      </c>
      <c r="B12" s="15">
        <v>25</v>
      </c>
      <c r="C12" s="16">
        <v>36</v>
      </c>
      <c r="D12" s="17">
        <v>61</v>
      </c>
    </row>
    <row r="13" spans="1:4" ht="18" customHeight="1" x14ac:dyDescent="0.2">
      <c r="A13" s="14">
        <v>7</v>
      </c>
      <c r="B13" s="15">
        <v>24</v>
      </c>
      <c r="C13" s="16">
        <v>24</v>
      </c>
      <c r="D13" s="17">
        <v>48</v>
      </c>
    </row>
    <row r="14" spans="1:4" ht="18" customHeight="1" x14ac:dyDescent="0.2">
      <c r="A14" s="14">
        <v>8</v>
      </c>
      <c r="B14" s="15">
        <v>20</v>
      </c>
      <c r="C14" s="16">
        <v>28</v>
      </c>
      <c r="D14" s="17">
        <v>48</v>
      </c>
    </row>
    <row r="15" spans="1:4" ht="18" customHeight="1" x14ac:dyDescent="0.2">
      <c r="A15" s="14">
        <v>9</v>
      </c>
      <c r="B15" s="15">
        <v>17</v>
      </c>
      <c r="C15" s="16">
        <v>16</v>
      </c>
      <c r="D15" s="17">
        <v>33</v>
      </c>
    </row>
    <row r="16" spans="1:4" ht="18" customHeight="1" x14ac:dyDescent="0.2">
      <c r="A16" s="18" t="s">
        <v>49</v>
      </c>
      <c r="B16" s="15">
        <v>122</v>
      </c>
      <c r="C16" s="16">
        <v>134</v>
      </c>
      <c r="D16" s="17">
        <v>256</v>
      </c>
    </row>
    <row r="17" spans="1:4" ht="18" customHeight="1" x14ac:dyDescent="0.2">
      <c r="A17" s="14">
        <v>10</v>
      </c>
      <c r="B17" s="15">
        <v>26</v>
      </c>
      <c r="C17" s="16">
        <v>19</v>
      </c>
      <c r="D17" s="17">
        <v>45</v>
      </c>
    </row>
    <row r="18" spans="1:4" ht="18" customHeight="1" x14ac:dyDescent="0.2">
      <c r="A18" s="14">
        <v>11</v>
      </c>
      <c r="B18" s="15">
        <v>27</v>
      </c>
      <c r="C18" s="16">
        <v>17</v>
      </c>
      <c r="D18" s="17">
        <v>44</v>
      </c>
    </row>
    <row r="19" spans="1:4" ht="18" customHeight="1" x14ac:dyDescent="0.2">
      <c r="A19" s="14">
        <v>12</v>
      </c>
      <c r="B19" s="15">
        <v>22</v>
      </c>
      <c r="C19" s="16">
        <v>14</v>
      </c>
      <c r="D19" s="17">
        <v>36</v>
      </c>
    </row>
    <row r="20" spans="1:4" ht="18" customHeight="1" x14ac:dyDescent="0.2">
      <c r="A20" s="14">
        <v>13</v>
      </c>
      <c r="B20" s="15">
        <v>14</v>
      </c>
      <c r="C20" s="16">
        <v>21</v>
      </c>
      <c r="D20" s="17">
        <v>35</v>
      </c>
    </row>
    <row r="21" spans="1:4" ht="18" customHeight="1" x14ac:dyDescent="0.2">
      <c r="A21" s="14">
        <v>14</v>
      </c>
      <c r="B21" s="15">
        <v>14</v>
      </c>
      <c r="C21" s="16">
        <v>15</v>
      </c>
      <c r="D21" s="17">
        <v>29</v>
      </c>
    </row>
    <row r="22" spans="1:4" ht="18" customHeight="1" x14ac:dyDescent="0.2">
      <c r="A22" s="18" t="s">
        <v>50</v>
      </c>
      <c r="B22" s="15">
        <v>103</v>
      </c>
      <c r="C22" s="16">
        <v>86</v>
      </c>
      <c r="D22" s="17">
        <v>189</v>
      </c>
    </row>
    <row r="23" spans="1:4" ht="18" customHeight="1" x14ac:dyDescent="0.2">
      <c r="A23" s="18" t="s">
        <v>51</v>
      </c>
      <c r="B23" s="15">
        <v>428</v>
      </c>
      <c r="C23" s="16">
        <v>407</v>
      </c>
      <c r="D23" s="17">
        <v>835</v>
      </c>
    </row>
    <row r="24" spans="1:4" ht="18" customHeight="1" x14ac:dyDescent="0.2">
      <c r="A24" s="14">
        <v>15</v>
      </c>
      <c r="B24" s="15">
        <v>24</v>
      </c>
      <c r="C24" s="16">
        <v>21</v>
      </c>
      <c r="D24" s="17">
        <v>45</v>
      </c>
    </row>
    <row r="25" spans="1:4" ht="18" customHeight="1" x14ac:dyDescent="0.2">
      <c r="A25" s="14">
        <v>16</v>
      </c>
      <c r="B25" s="15">
        <v>19</v>
      </c>
      <c r="C25" s="16">
        <v>16</v>
      </c>
      <c r="D25" s="17">
        <v>35</v>
      </c>
    </row>
    <row r="26" spans="1:4" ht="18" customHeight="1" x14ac:dyDescent="0.2">
      <c r="A26" s="14">
        <v>17</v>
      </c>
      <c r="B26" s="15">
        <v>27</v>
      </c>
      <c r="C26" s="16">
        <v>19</v>
      </c>
      <c r="D26" s="17">
        <v>46</v>
      </c>
    </row>
    <row r="27" spans="1:4" ht="18" customHeight="1" x14ac:dyDescent="0.2">
      <c r="A27" s="14">
        <v>18</v>
      </c>
      <c r="B27" s="15">
        <v>22</v>
      </c>
      <c r="C27" s="16">
        <v>15</v>
      </c>
      <c r="D27" s="17">
        <v>37</v>
      </c>
    </row>
    <row r="28" spans="1:4" ht="18" customHeight="1" x14ac:dyDescent="0.2">
      <c r="A28" s="14">
        <v>19</v>
      </c>
      <c r="B28" s="15">
        <v>19</v>
      </c>
      <c r="C28" s="16">
        <v>27</v>
      </c>
      <c r="D28" s="17">
        <v>46</v>
      </c>
    </row>
    <row r="29" spans="1:4" ht="18" customHeight="1" x14ac:dyDescent="0.2">
      <c r="A29" s="18" t="s">
        <v>52</v>
      </c>
      <c r="B29" s="15">
        <v>111</v>
      </c>
      <c r="C29" s="16">
        <v>98</v>
      </c>
      <c r="D29" s="17">
        <v>209</v>
      </c>
    </row>
    <row r="30" spans="1:4" ht="18" customHeight="1" x14ac:dyDescent="0.2">
      <c r="A30" s="14">
        <v>20</v>
      </c>
      <c r="B30" s="15">
        <v>22</v>
      </c>
      <c r="C30" s="16">
        <v>32</v>
      </c>
      <c r="D30" s="17">
        <v>54</v>
      </c>
    </row>
    <row r="31" spans="1:4" ht="18" customHeight="1" x14ac:dyDescent="0.2">
      <c r="A31" s="14">
        <v>21</v>
      </c>
      <c r="B31" s="15">
        <v>24</v>
      </c>
      <c r="C31" s="16">
        <v>28</v>
      </c>
      <c r="D31" s="17">
        <v>52</v>
      </c>
    </row>
    <row r="32" spans="1:4" ht="18" customHeight="1" x14ac:dyDescent="0.2">
      <c r="A32" s="14">
        <v>22</v>
      </c>
      <c r="B32" s="15">
        <v>25</v>
      </c>
      <c r="C32" s="16">
        <v>27</v>
      </c>
      <c r="D32" s="17">
        <v>52</v>
      </c>
    </row>
    <row r="33" spans="1:4" ht="18" customHeight="1" x14ac:dyDescent="0.2">
      <c r="A33" s="14">
        <v>23</v>
      </c>
      <c r="B33" s="15">
        <v>28</v>
      </c>
      <c r="C33" s="16">
        <v>21</v>
      </c>
      <c r="D33" s="17">
        <v>49</v>
      </c>
    </row>
    <row r="34" spans="1:4" ht="18" customHeight="1" x14ac:dyDescent="0.2">
      <c r="A34" s="14">
        <v>24</v>
      </c>
      <c r="B34" s="15">
        <v>42</v>
      </c>
      <c r="C34" s="16">
        <v>26</v>
      </c>
      <c r="D34" s="17">
        <v>68</v>
      </c>
    </row>
    <row r="35" spans="1:4" ht="18" customHeight="1" x14ac:dyDescent="0.2">
      <c r="A35" s="18" t="s">
        <v>53</v>
      </c>
      <c r="B35" s="15">
        <v>141</v>
      </c>
      <c r="C35" s="16">
        <v>134</v>
      </c>
      <c r="D35" s="17">
        <v>275</v>
      </c>
    </row>
    <row r="36" spans="1:4" ht="18" customHeight="1" x14ac:dyDescent="0.2">
      <c r="A36" s="14">
        <v>25</v>
      </c>
      <c r="B36" s="15">
        <v>31</v>
      </c>
      <c r="C36" s="16">
        <v>39</v>
      </c>
      <c r="D36" s="17">
        <v>70</v>
      </c>
    </row>
    <row r="37" spans="1:4" ht="18" customHeight="1" x14ac:dyDescent="0.2">
      <c r="A37" s="14">
        <v>26</v>
      </c>
      <c r="B37" s="15">
        <v>41</v>
      </c>
      <c r="C37" s="16">
        <v>33</v>
      </c>
      <c r="D37" s="17">
        <v>74</v>
      </c>
    </row>
    <row r="38" spans="1:4" ht="18" customHeight="1" x14ac:dyDescent="0.2">
      <c r="A38" s="14">
        <v>27</v>
      </c>
      <c r="B38" s="15">
        <v>40</v>
      </c>
      <c r="C38" s="16">
        <v>37</v>
      </c>
      <c r="D38" s="17">
        <v>77</v>
      </c>
    </row>
    <row r="39" spans="1:4" ht="18" customHeight="1" x14ac:dyDescent="0.2">
      <c r="A39" s="14">
        <v>28</v>
      </c>
      <c r="B39" s="15">
        <v>40</v>
      </c>
      <c r="C39" s="16">
        <v>50</v>
      </c>
      <c r="D39" s="17">
        <v>90</v>
      </c>
    </row>
    <row r="40" spans="1:4" ht="18" customHeight="1" x14ac:dyDescent="0.2">
      <c r="A40" s="14">
        <v>29</v>
      </c>
      <c r="B40" s="15">
        <v>43</v>
      </c>
      <c r="C40" s="16">
        <v>36</v>
      </c>
      <c r="D40" s="17">
        <v>79</v>
      </c>
    </row>
    <row r="41" spans="1:4" ht="18" customHeight="1" x14ac:dyDescent="0.2">
      <c r="A41" s="18" t="s">
        <v>54</v>
      </c>
      <c r="B41" s="15">
        <v>195</v>
      </c>
      <c r="C41" s="16">
        <v>195</v>
      </c>
      <c r="D41" s="17">
        <v>390</v>
      </c>
    </row>
    <row r="42" spans="1:4" ht="18" customHeight="1" x14ac:dyDescent="0.2">
      <c r="A42" s="14">
        <v>30</v>
      </c>
      <c r="B42" s="15">
        <v>46</v>
      </c>
      <c r="C42" s="16">
        <v>52</v>
      </c>
      <c r="D42" s="17">
        <v>98</v>
      </c>
    </row>
    <row r="43" spans="1:4" ht="18" customHeight="1" x14ac:dyDescent="0.2">
      <c r="A43" s="14">
        <v>31</v>
      </c>
      <c r="B43" s="15">
        <v>49</v>
      </c>
      <c r="C43" s="16">
        <v>41</v>
      </c>
      <c r="D43" s="17">
        <v>90</v>
      </c>
    </row>
    <row r="44" spans="1:4" ht="18" customHeight="1" x14ac:dyDescent="0.2">
      <c r="A44" s="14">
        <v>32</v>
      </c>
      <c r="B44" s="15">
        <v>42</v>
      </c>
      <c r="C44" s="16">
        <v>47</v>
      </c>
      <c r="D44" s="17">
        <v>89</v>
      </c>
    </row>
    <row r="45" spans="1:4" ht="18" customHeight="1" x14ac:dyDescent="0.2">
      <c r="A45" s="14">
        <v>33</v>
      </c>
      <c r="B45" s="15">
        <v>64</v>
      </c>
      <c r="C45" s="16">
        <v>50</v>
      </c>
      <c r="D45" s="17">
        <v>114</v>
      </c>
    </row>
    <row r="46" spans="1:4" ht="18" customHeight="1" x14ac:dyDescent="0.2">
      <c r="A46" s="14">
        <v>34</v>
      </c>
      <c r="B46" s="15">
        <v>41</v>
      </c>
      <c r="C46" s="16">
        <v>48</v>
      </c>
      <c r="D46" s="17">
        <v>89</v>
      </c>
    </row>
    <row r="47" spans="1:4" ht="18" customHeight="1" x14ac:dyDescent="0.2">
      <c r="A47" s="18" t="s">
        <v>55</v>
      </c>
      <c r="B47" s="15">
        <v>242</v>
      </c>
      <c r="C47" s="16">
        <v>238</v>
      </c>
      <c r="D47" s="17">
        <v>480</v>
      </c>
    </row>
    <row r="48" spans="1:4" ht="18" customHeight="1" x14ac:dyDescent="0.2">
      <c r="A48" s="14">
        <v>35</v>
      </c>
      <c r="B48" s="15">
        <v>54</v>
      </c>
      <c r="C48" s="16">
        <v>29</v>
      </c>
      <c r="D48" s="17">
        <v>83</v>
      </c>
    </row>
    <row r="49" spans="1:4" ht="18" customHeight="1" x14ac:dyDescent="0.2">
      <c r="A49" s="14">
        <v>36</v>
      </c>
      <c r="B49" s="15">
        <v>46</v>
      </c>
      <c r="C49" s="16">
        <v>43</v>
      </c>
      <c r="D49" s="17">
        <v>89</v>
      </c>
    </row>
    <row r="50" spans="1:4" ht="18" customHeight="1" x14ac:dyDescent="0.2">
      <c r="A50" s="14">
        <v>37</v>
      </c>
      <c r="B50" s="15">
        <v>46</v>
      </c>
      <c r="C50" s="16">
        <v>35</v>
      </c>
      <c r="D50" s="17">
        <v>81</v>
      </c>
    </row>
    <row r="51" spans="1:4" ht="18" customHeight="1" x14ac:dyDescent="0.2">
      <c r="A51" s="14">
        <v>38</v>
      </c>
      <c r="B51" s="15">
        <v>43</v>
      </c>
      <c r="C51" s="16">
        <v>35</v>
      </c>
      <c r="D51" s="17">
        <v>78</v>
      </c>
    </row>
    <row r="52" spans="1:4" ht="18" customHeight="1" x14ac:dyDescent="0.2">
      <c r="A52" s="14">
        <v>39</v>
      </c>
      <c r="B52" s="15">
        <v>31</v>
      </c>
      <c r="C52" s="16">
        <v>52</v>
      </c>
      <c r="D52" s="17">
        <v>83</v>
      </c>
    </row>
    <row r="53" spans="1:4" ht="18" customHeight="1" x14ac:dyDescent="0.2">
      <c r="A53" s="18" t="s">
        <v>56</v>
      </c>
      <c r="B53" s="15">
        <v>220</v>
      </c>
      <c r="C53" s="16">
        <v>194</v>
      </c>
      <c r="D53" s="17">
        <v>414</v>
      </c>
    </row>
    <row r="54" spans="1:4" ht="18" customHeight="1" x14ac:dyDescent="0.2">
      <c r="A54" s="14">
        <v>40</v>
      </c>
      <c r="B54" s="15">
        <v>54</v>
      </c>
      <c r="C54" s="16">
        <v>33</v>
      </c>
      <c r="D54" s="17">
        <v>87</v>
      </c>
    </row>
    <row r="55" spans="1:4" ht="18" customHeight="1" x14ac:dyDescent="0.2">
      <c r="A55" s="14">
        <v>41</v>
      </c>
      <c r="B55" s="15">
        <v>54</v>
      </c>
      <c r="C55" s="16">
        <v>46</v>
      </c>
      <c r="D55" s="17">
        <v>100</v>
      </c>
    </row>
    <row r="56" spans="1:4" ht="18" customHeight="1" x14ac:dyDescent="0.2">
      <c r="A56" s="14">
        <v>42</v>
      </c>
      <c r="B56" s="15">
        <v>50</v>
      </c>
      <c r="C56" s="16">
        <v>38</v>
      </c>
      <c r="D56" s="17">
        <v>88</v>
      </c>
    </row>
    <row r="57" spans="1:4" ht="18" customHeight="1" x14ac:dyDescent="0.2">
      <c r="A57" s="14">
        <v>43</v>
      </c>
      <c r="B57" s="15">
        <v>60</v>
      </c>
      <c r="C57" s="16">
        <v>39</v>
      </c>
      <c r="D57" s="17">
        <v>99</v>
      </c>
    </row>
    <row r="58" spans="1:4" ht="18" customHeight="1" x14ac:dyDescent="0.2">
      <c r="A58" s="14">
        <v>44</v>
      </c>
      <c r="B58" s="15">
        <v>44</v>
      </c>
      <c r="C58" s="16">
        <v>41</v>
      </c>
      <c r="D58" s="17">
        <v>85</v>
      </c>
    </row>
    <row r="59" spans="1:4" ht="18" customHeight="1" x14ac:dyDescent="0.2">
      <c r="A59" s="18" t="s">
        <v>57</v>
      </c>
      <c r="B59" s="15">
        <v>262</v>
      </c>
      <c r="C59" s="16">
        <v>197</v>
      </c>
      <c r="D59" s="17">
        <v>459</v>
      </c>
    </row>
    <row r="60" spans="1:4" ht="18" customHeight="1" x14ac:dyDescent="0.2">
      <c r="A60" s="14">
        <v>45</v>
      </c>
      <c r="B60" s="15">
        <v>55</v>
      </c>
      <c r="C60" s="16">
        <v>40</v>
      </c>
      <c r="D60" s="17">
        <v>95</v>
      </c>
    </row>
    <row r="61" spans="1:4" ht="18" customHeight="1" x14ac:dyDescent="0.2">
      <c r="A61" s="14">
        <v>46</v>
      </c>
      <c r="B61" s="15">
        <v>41</v>
      </c>
      <c r="C61" s="16">
        <v>42</v>
      </c>
      <c r="D61" s="17">
        <v>83</v>
      </c>
    </row>
    <row r="62" spans="1:4" ht="18" customHeight="1" x14ac:dyDescent="0.2">
      <c r="A62" s="14">
        <v>47</v>
      </c>
      <c r="B62" s="15">
        <v>34</v>
      </c>
      <c r="C62" s="16">
        <v>33</v>
      </c>
      <c r="D62" s="17">
        <v>67</v>
      </c>
    </row>
    <row r="63" spans="1:4" ht="18" customHeight="1" x14ac:dyDescent="0.2">
      <c r="A63" s="14">
        <v>48</v>
      </c>
      <c r="B63" s="15">
        <v>36</v>
      </c>
      <c r="C63" s="16">
        <v>32</v>
      </c>
      <c r="D63" s="17">
        <v>68</v>
      </c>
    </row>
    <row r="64" spans="1:4" ht="18" customHeight="1" x14ac:dyDescent="0.2">
      <c r="A64" s="14">
        <v>49</v>
      </c>
      <c r="B64" s="15">
        <v>34</v>
      </c>
      <c r="C64" s="16">
        <v>29</v>
      </c>
      <c r="D64" s="17">
        <v>63</v>
      </c>
    </row>
    <row r="65" spans="1:4" ht="18" customHeight="1" x14ac:dyDescent="0.2">
      <c r="A65" s="18" t="s">
        <v>58</v>
      </c>
      <c r="B65" s="15">
        <v>200</v>
      </c>
      <c r="C65" s="16">
        <v>176</v>
      </c>
      <c r="D65" s="17">
        <v>376</v>
      </c>
    </row>
    <row r="66" spans="1:4" ht="18" customHeight="1" x14ac:dyDescent="0.2">
      <c r="A66" s="14">
        <v>50</v>
      </c>
      <c r="B66" s="15">
        <v>49</v>
      </c>
      <c r="C66" s="16">
        <v>28</v>
      </c>
      <c r="D66" s="17">
        <v>77</v>
      </c>
    </row>
    <row r="67" spans="1:4" ht="18" customHeight="1" x14ac:dyDescent="0.2">
      <c r="A67" s="14">
        <v>51</v>
      </c>
      <c r="B67" s="15">
        <v>26</v>
      </c>
      <c r="C67" s="16">
        <v>38</v>
      </c>
      <c r="D67" s="17">
        <v>64</v>
      </c>
    </row>
    <row r="68" spans="1:4" ht="18" customHeight="1" x14ac:dyDescent="0.2">
      <c r="A68" s="14">
        <v>52</v>
      </c>
      <c r="B68" s="15">
        <v>33</v>
      </c>
      <c r="C68" s="16">
        <v>25</v>
      </c>
      <c r="D68" s="17">
        <v>58</v>
      </c>
    </row>
    <row r="69" spans="1:4" ht="18" customHeight="1" x14ac:dyDescent="0.2">
      <c r="A69" s="14">
        <v>53</v>
      </c>
      <c r="B69" s="15">
        <v>15</v>
      </c>
      <c r="C69" s="16">
        <v>19</v>
      </c>
      <c r="D69" s="17">
        <v>34</v>
      </c>
    </row>
    <row r="70" spans="1:4" ht="18" customHeight="1" x14ac:dyDescent="0.2">
      <c r="A70" s="14">
        <v>54</v>
      </c>
      <c r="B70" s="15">
        <v>26</v>
      </c>
      <c r="C70" s="16">
        <v>28</v>
      </c>
      <c r="D70" s="17">
        <v>54</v>
      </c>
    </row>
    <row r="71" spans="1:4" ht="18" customHeight="1" x14ac:dyDescent="0.2">
      <c r="A71" s="18" t="s">
        <v>59</v>
      </c>
      <c r="B71" s="15">
        <v>149</v>
      </c>
      <c r="C71" s="16">
        <v>138</v>
      </c>
      <c r="D71" s="17">
        <v>287</v>
      </c>
    </row>
    <row r="72" spans="1:4" ht="18" customHeight="1" x14ac:dyDescent="0.2">
      <c r="A72" s="14">
        <v>55</v>
      </c>
      <c r="B72" s="15">
        <v>26</v>
      </c>
      <c r="C72" s="16">
        <v>28</v>
      </c>
      <c r="D72" s="17">
        <v>54</v>
      </c>
    </row>
    <row r="73" spans="1:4" ht="18" customHeight="1" x14ac:dyDescent="0.2">
      <c r="A73" s="14">
        <v>56</v>
      </c>
      <c r="B73" s="15">
        <v>24</v>
      </c>
      <c r="C73" s="16">
        <v>27</v>
      </c>
      <c r="D73" s="17">
        <v>51</v>
      </c>
    </row>
    <row r="74" spans="1:4" ht="18" customHeight="1" x14ac:dyDescent="0.2">
      <c r="A74" s="14">
        <v>57</v>
      </c>
      <c r="B74" s="15">
        <v>26</v>
      </c>
      <c r="C74" s="16">
        <v>13</v>
      </c>
      <c r="D74" s="17">
        <v>39</v>
      </c>
    </row>
    <row r="75" spans="1:4" ht="18" customHeight="1" x14ac:dyDescent="0.2">
      <c r="A75" s="14">
        <v>58</v>
      </c>
      <c r="B75" s="15">
        <v>15</v>
      </c>
      <c r="C75" s="16">
        <v>28</v>
      </c>
      <c r="D75" s="17">
        <v>43</v>
      </c>
    </row>
    <row r="76" spans="1:4" ht="18" customHeight="1" x14ac:dyDescent="0.2">
      <c r="A76" s="14">
        <v>59</v>
      </c>
      <c r="B76" s="15">
        <v>17</v>
      </c>
      <c r="C76" s="16">
        <v>25</v>
      </c>
      <c r="D76" s="17">
        <v>42</v>
      </c>
    </row>
    <row r="77" spans="1:4" ht="18" customHeight="1" x14ac:dyDescent="0.2">
      <c r="A77" s="18" t="s">
        <v>60</v>
      </c>
      <c r="B77" s="15">
        <v>108</v>
      </c>
      <c r="C77" s="16">
        <v>121</v>
      </c>
      <c r="D77" s="17">
        <v>229</v>
      </c>
    </row>
    <row r="78" spans="1:4" ht="18" customHeight="1" x14ac:dyDescent="0.2">
      <c r="A78" s="14">
        <v>60</v>
      </c>
      <c r="B78" s="15">
        <v>19</v>
      </c>
      <c r="C78" s="16">
        <v>24</v>
      </c>
      <c r="D78" s="17">
        <v>43</v>
      </c>
    </row>
    <row r="79" spans="1:4" ht="18" customHeight="1" x14ac:dyDescent="0.2">
      <c r="A79" s="14">
        <v>61</v>
      </c>
      <c r="B79" s="15">
        <v>23</v>
      </c>
      <c r="C79" s="16">
        <v>24</v>
      </c>
      <c r="D79" s="17">
        <v>47</v>
      </c>
    </row>
    <row r="80" spans="1:4" ht="18" customHeight="1" x14ac:dyDescent="0.2">
      <c r="A80" s="14">
        <v>62</v>
      </c>
      <c r="B80" s="15">
        <v>19</v>
      </c>
      <c r="C80" s="16">
        <v>16</v>
      </c>
      <c r="D80" s="17">
        <v>35</v>
      </c>
    </row>
    <row r="81" spans="1:4" ht="18" customHeight="1" x14ac:dyDescent="0.2">
      <c r="A81" s="14">
        <v>63</v>
      </c>
      <c r="B81" s="15">
        <v>23</v>
      </c>
      <c r="C81" s="16">
        <v>15</v>
      </c>
      <c r="D81" s="17">
        <v>38</v>
      </c>
    </row>
    <row r="82" spans="1:4" ht="18" customHeight="1" x14ac:dyDescent="0.2">
      <c r="A82" s="14">
        <v>64</v>
      </c>
      <c r="B82" s="15">
        <v>35</v>
      </c>
      <c r="C82" s="16">
        <v>31</v>
      </c>
      <c r="D82" s="17">
        <v>66</v>
      </c>
    </row>
    <row r="83" spans="1:4" ht="18" customHeight="1" x14ac:dyDescent="0.2">
      <c r="A83" s="18" t="s">
        <v>61</v>
      </c>
      <c r="B83" s="15">
        <v>119</v>
      </c>
      <c r="C83" s="16">
        <v>110</v>
      </c>
      <c r="D83" s="17">
        <v>229</v>
      </c>
    </row>
    <row r="84" spans="1:4" ht="18" customHeight="1" x14ac:dyDescent="0.2">
      <c r="A84" s="18" t="s">
        <v>62</v>
      </c>
      <c r="B84" s="15">
        <v>1747</v>
      </c>
      <c r="C84" s="16">
        <v>1601</v>
      </c>
      <c r="D84" s="17">
        <v>3348</v>
      </c>
    </row>
    <row r="85" spans="1:4" ht="18" customHeight="1" x14ac:dyDescent="0.2">
      <c r="A85" s="14">
        <v>65</v>
      </c>
      <c r="B85" s="15">
        <v>24</v>
      </c>
      <c r="C85" s="16">
        <v>22</v>
      </c>
      <c r="D85" s="17">
        <v>46</v>
      </c>
    </row>
    <row r="86" spans="1:4" ht="18" customHeight="1" x14ac:dyDescent="0.2">
      <c r="A86" s="14">
        <v>66</v>
      </c>
      <c r="B86" s="15">
        <v>26</v>
      </c>
      <c r="C86" s="16">
        <v>28</v>
      </c>
      <c r="D86" s="17">
        <v>54</v>
      </c>
    </row>
    <row r="87" spans="1:4" ht="18" customHeight="1" x14ac:dyDescent="0.2">
      <c r="A87" s="14">
        <v>67</v>
      </c>
      <c r="B87" s="15">
        <v>26</v>
      </c>
      <c r="C87" s="16">
        <v>28</v>
      </c>
      <c r="D87" s="17">
        <v>54</v>
      </c>
    </row>
    <row r="88" spans="1:4" ht="18" customHeight="1" x14ac:dyDescent="0.2">
      <c r="A88" s="14">
        <v>68</v>
      </c>
      <c r="B88" s="15">
        <v>32</v>
      </c>
      <c r="C88" s="16">
        <v>32</v>
      </c>
      <c r="D88" s="17">
        <v>64</v>
      </c>
    </row>
    <row r="89" spans="1:4" ht="18" customHeight="1" x14ac:dyDescent="0.2">
      <c r="A89" s="14">
        <v>69</v>
      </c>
      <c r="B89" s="15">
        <v>31</v>
      </c>
      <c r="C89" s="16">
        <v>30</v>
      </c>
      <c r="D89" s="17">
        <v>61</v>
      </c>
    </row>
    <row r="90" spans="1:4" ht="18" customHeight="1" x14ac:dyDescent="0.2">
      <c r="A90" s="18" t="s">
        <v>63</v>
      </c>
      <c r="B90" s="15">
        <v>139</v>
      </c>
      <c r="C90" s="16">
        <v>140</v>
      </c>
      <c r="D90" s="17">
        <v>279</v>
      </c>
    </row>
    <row r="91" spans="1:4" ht="18" customHeight="1" x14ac:dyDescent="0.2">
      <c r="A91" s="14">
        <v>70</v>
      </c>
      <c r="B91" s="15">
        <v>36</v>
      </c>
      <c r="C91" s="16">
        <v>32</v>
      </c>
      <c r="D91" s="17">
        <v>68</v>
      </c>
    </row>
    <row r="92" spans="1:4" ht="18" customHeight="1" x14ac:dyDescent="0.2">
      <c r="A92" s="14">
        <v>71</v>
      </c>
      <c r="B92" s="15">
        <v>29</v>
      </c>
      <c r="C92" s="16">
        <v>29</v>
      </c>
      <c r="D92" s="17">
        <v>58</v>
      </c>
    </row>
    <row r="93" spans="1:4" ht="18" customHeight="1" x14ac:dyDescent="0.2">
      <c r="A93" s="14">
        <v>72</v>
      </c>
      <c r="B93" s="15">
        <v>35</v>
      </c>
      <c r="C93" s="16">
        <v>33</v>
      </c>
      <c r="D93" s="17">
        <v>68</v>
      </c>
    </row>
    <row r="94" spans="1:4" ht="18" customHeight="1" x14ac:dyDescent="0.2">
      <c r="A94" s="14">
        <v>73</v>
      </c>
      <c r="B94" s="15">
        <v>13</v>
      </c>
      <c r="C94" s="16">
        <v>15</v>
      </c>
      <c r="D94" s="17">
        <v>28</v>
      </c>
    </row>
    <row r="95" spans="1:4" ht="18" customHeight="1" x14ac:dyDescent="0.2">
      <c r="A95" s="14">
        <v>74</v>
      </c>
      <c r="B95" s="15">
        <v>6</v>
      </c>
      <c r="C95" s="16">
        <v>23</v>
      </c>
      <c r="D95" s="17">
        <v>29</v>
      </c>
    </row>
    <row r="96" spans="1:4" ht="18" customHeight="1" x14ac:dyDescent="0.2">
      <c r="A96" s="18" t="s">
        <v>64</v>
      </c>
      <c r="B96" s="15">
        <v>119</v>
      </c>
      <c r="C96" s="16">
        <v>132</v>
      </c>
      <c r="D96" s="17">
        <v>251</v>
      </c>
    </row>
    <row r="97" spans="1:4" ht="18" customHeight="1" x14ac:dyDescent="0.2">
      <c r="A97" s="14">
        <v>75</v>
      </c>
      <c r="B97" s="15">
        <v>16</v>
      </c>
      <c r="C97" s="16">
        <v>23</v>
      </c>
      <c r="D97" s="17">
        <v>39</v>
      </c>
    </row>
    <row r="98" spans="1:4" ht="18" customHeight="1" x14ac:dyDescent="0.2">
      <c r="A98" s="14">
        <v>76</v>
      </c>
      <c r="B98" s="15">
        <v>13</v>
      </c>
      <c r="C98" s="16">
        <v>25</v>
      </c>
      <c r="D98" s="17">
        <v>38</v>
      </c>
    </row>
    <row r="99" spans="1:4" ht="18" customHeight="1" x14ac:dyDescent="0.2">
      <c r="A99" s="14">
        <v>77</v>
      </c>
      <c r="B99" s="15">
        <v>18</v>
      </c>
      <c r="C99" s="16">
        <v>25</v>
      </c>
      <c r="D99" s="17">
        <v>43</v>
      </c>
    </row>
    <row r="100" spans="1:4" ht="18" customHeight="1" x14ac:dyDescent="0.2">
      <c r="A100" s="14">
        <v>78</v>
      </c>
      <c r="B100" s="15">
        <v>19</v>
      </c>
      <c r="C100" s="16">
        <v>23</v>
      </c>
      <c r="D100" s="17">
        <v>42</v>
      </c>
    </row>
    <row r="101" spans="1:4" ht="18" customHeight="1" x14ac:dyDescent="0.2">
      <c r="A101" s="14">
        <v>79</v>
      </c>
      <c r="B101" s="15">
        <v>15</v>
      </c>
      <c r="C101" s="16">
        <v>22</v>
      </c>
      <c r="D101" s="17">
        <v>37</v>
      </c>
    </row>
    <row r="102" spans="1:4" ht="18" customHeight="1" x14ac:dyDescent="0.2">
      <c r="A102" s="18" t="s">
        <v>65</v>
      </c>
      <c r="B102" s="15">
        <v>81</v>
      </c>
      <c r="C102" s="16">
        <v>118</v>
      </c>
      <c r="D102" s="17">
        <v>199</v>
      </c>
    </row>
    <row r="103" spans="1:4" ht="18" customHeight="1" x14ac:dyDescent="0.2">
      <c r="A103" s="14">
        <v>80</v>
      </c>
      <c r="B103" s="15">
        <v>12</v>
      </c>
      <c r="C103" s="16">
        <v>11</v>
      </c>
      <c r="D103" s="17">
        <v>23</v>
      </c>
    </row>
    <row r="104" spans="1:4" ht="18" customHeight="1" x14ac:dyDescent="0.2">
      <c r="A104" s="14">
        <v>81</v>
      </c>
      <c r="B104" s="15">
        <v>13</v>
      </c>
      <c r="C104" s="16">
        <v>16</v>
      </c>
      <c r="D104" s="17">
        <v>29</v>
      </c>
    </row>
    <row r="105" spans="1:4" ht="18" customHeight="1" x14ac:dyDescent="0.2">
      <c r="A105" s="14">
        <v>82</v>
      </c>
      <c r="B105" s="15">
        <v>9</v>
      </c>
      <c r="C105" s="16">
        <v>18</v>
      </c>
      <c r="D105" s="17">
        <v>27</v>
      </c>
    </row>
    <row r="106" spans="1:4" ht="18" customHeight="1" x14ac:dyDescent="0.2">
      <c r="A106" s="14">
        <v>83</v>
      </c>
      <c r="B106" s="15">
        <v>23</v>
      </c>
      <c r="C106" s="16">
        <v>16</v>
      </c>
      <c r="D106" s="17">
        <v>39</v>
      </c>
    </row>
    <row r="107" spans="1:4" ht="18" customHeight="1" x14ac:dyDescent="0.2">
      <c r="A107" s="14">
        <v>84</v>
      </c>
      <c r="B107" s="15">
        <v>5</v>
      </c>
      <c r="C107" s="16">
        <v>15</v>
      </c>
      <c r="D107" s="17">
        <v>20</v>
      </c>
    </row>
    <row r="108" spans="1:4" ht="18" customHeight="1" x14ac:dyDescent="0.2">
      <c r="A108" s="18" t="s">
        <v>66</v>
      </c>
      <c r="B108" s="15">
        <v>62</v>
      </c>
      <c r="C108" s="16">
        <v>76</v>
      </c>
      <c r="D108" s="17">
        <v>138</v>
      </c>
    </row>
    <row r="109" spans="1:4" ht="18" customHeight="1" x14ac:dyDescent="0.2">
      <c r="A109" s="14">
        <v>85</v>
      </c>
      <c r="B109" s="15">
        <v>5</v>
      </c>
      <c r="C109" s="16">
        <v>20</v>
      </c>
      <c r="D109" s="17">
        <v>25</v>
      </c>
    </row>
    <row r="110" spans="1:4" ht="18" customHeight="1" x14ac:dyDescent="0.2">
      <c r="A110" s="14">
        <v>86</v>
      </c>
      <c r="B110" s="15">
        <v>4</v>
      </c>
      <c r="C110" s="16">
        <v>18</v>
      </c>
      <c r="D110" s="17">
        <v>22</v>
      </c>
    </row>
    <row r="111" spans="1:4" ht="18" customHeight="1" x14ac:dyDescent="0.2">
      <c r="A111" s="14">
        <v>87</v>
      </c>
      <c r="B111" s="15">
        <v>6</v>
      </c>
      <c r="C111" s="16">
        <v>17</v>
      </c>
      <c r="D111" s="17">
        <v>23</v>
      </c>
    </row>
    <row r="112" spans="1:4" ht="18" customHeight="1" x14ac:dyDescent="0.2">
      <c r="A112" s="14">
        <v>88</v>
      </c>
      <c r="B112" s="15">
        <v>6</v>
      </c>
      <c r="C112" s="16">
        <v>11</v>
      </c>
      <c r="D112" s="17">
        <v>17</v>
      </c>
    </row>
    <row r="113" spans="1:4" ht="18" customHeight="1" x14ac:dyDescent="0.2">
      <c r="A113" s="14">
        <v>89</v>
      </c>
      <c r="B113" s="15">
        <v>5</v>
      </c>
      <c r="C113" s="16">
        <v>15</v>
      </c>
      <c r="D113" s="17">
        <v>20</v>
      </c>
    </row>
    <row r="114" spans="1:4" ht="18" customHeight="1" x14ac:dyDescent="0.2">
      <c r="A114" s="18" t="s">
        <v>67</v>
      </c>
      <c r="B114" s="15">
        <v>26</v>
      </c>
      <c r="C114" s="16">
        <v>81</v>
      </c>
      <c r="D114" s="17">
        <v>107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4</v>
      </c>
      <c r="C116" s="16">
        <v>12</v>
      </c>
      <c r="D116" s="17">
        <v>16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13</v>
      </c>
      <c r="C120" s="16">
        <v>47</v>
      </c>
      <c r="D120" s="17">
        <v>60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4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43</v>
      </c>
      <c r="C130" s="5">
        <v>608</v>
      </c>
      <c r="D130" s="6">
        <v>1051</v>
      </c>
    </row>
    <row r="131" spans="1:4" ht="18" customHeight="1" x14ac:dyDescent="0.2">
      <c r="A131" s="20" t="s">
        <v>47</v>
      </c>
      <c r="B131" s="7">
        <v>2618</v>
      </c>
      <c r="C131" s="8">
        <v>2616</v>
      </c>
      <c r="D131" s="9">
        <v>523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3</v>
      </c>
      <c r="C5" s="12">
        <v>13</v>
      </c>
      <c r="D5" s="13">
        <v>36</v>
      </c>
    </row>
    <row r="6" spans="1:4" ht="18" customHeight="1" x14ac:dyDescent="0.2">
      <c r="A6" s="14">
        <v>1</v>
      </c>
      <c r="B6" s="15">
        <v>22</v>
      </c>
      <c r="C6" s="16">
        <v>15</v>
      </c>
      <c r="D6" s="17">
        <v>37</v>
      </c>
    </row>
    <row r="7" spans="1:4" ht="18" customHeight="1" x14ac:dyDescent="0.2">
      <c r="A7" s="14">
        <v>2</v>
      </c>
      <c r="B7" s="15">
        <v>24</v>
      </c>
      <c r="C7" s="16">
        <v>16</v>
      </c>
      <c r="D7" s="17">
        <v>40</v>
      </c>
    </row>
    <row r="8" spans="1:4" ht="18" customHeight="1" x14ac:dyDescent="0.2">
      <c r="A8" s="14">
        <v>3</v>
      </c>
      <c r="B8" s="15">
        <v>26</v>
      </c>
      <c r="C8" s="16">
        <v>21</v>
      </c>
      <c r="D8" s="17">
        <v>47</v>
      </c>
    </row>
    <row r="9" spans="1:4" ht="18" customHeight="1" x14ac:dyDescent="0.2">
      <c r="A9" s="14">
        <v>4</v>
      </c>
      <c r="B9" s="15">
        <v>26</v>
      </c>
      <c r="C9" s="16">
        <v>19</v>
      </c>
      <c r="D9" s="17">
        <v>45</v>
      </c>
    </row>
    <row r="10" spans="1:4" ht="18" customHeight="1" x14ac:dyDescent="0.2">
      <c r="A10" s="18" t="s">
        <v>48</v>
      </c>
      <c r="B10" s="15">
        <v>121</v>
      </c>
      <c r="C10" s="16">
        <v>84</v>
      </c>
      <c r="D10" s="17">
        <v>205</v>
      </c>
    </row>
    <row r="11" spans="1:4" ht="18" customHeight="1" x14ac:dyDescent="0.2">
      <c r="A11" s="14">
        <v>5</v>
      </c>
      <c r="B11" s="15">
        <v>26</v>
      </c>
      <c r="C11" s="16">
        <v>16</v>
      </c>
      <c r="D11" s="17">
        <v>42</v>
      </c>
    </row>
    <row r="12" spans="1:4" ht="18" customHeight="1" x14ac:dyDescent="0.2">
      <c r="A12" s="14">
        <v>6</v>
      </c>
      <c r="B12" s="15">
        <v>21</v>
      </c>
      <c r="C12" s="16">
        <v>23</v>
      </c>
      <c r="D12" s="17">
        <v>44</v>
      </c>
    </row>
    <row r="13" spans="1:4" ht="18" customHeight="1" x14ac:dyDescent="0.2">
      <c r="A13" s="14">
        <v>7</v>
      </c>
      <c r="B13" s="15">
        <v>33</v>
      </c>
      <c r="C13" s="16">
        <v>23</v>
      </c>
      <c r="D13" s="17">
        <v>56</v>
      </c>
    </row>
    <row r="14" spans="1:4" ht="18" customHeight="1" x14ac:dyDescent="0.2">
      <c r="A14" s="14">
        <v>8</v>
      </c>
      <c r="B14" s="15">
        <v>35</v>
      </c>
      <c r="C14" s="16">
        <v>43</v>
      </c>
      <c r="D14" s="17">
        <v>78</v>
      </c>
    </row>
    <row r="15" spans="1:4" ht="18" customHeight="1" x14ac:dyDescent="0.2">
      <c r="A15" s="14">
        <v>9</v>
      </c>
      <c r="B15" s="15">
        <v>39</v>
      </c>
      <c r="C15" s="16">
        <v>33</v>
      </c>
      <c r="D15" s="17">
        <v>72</v>
      </c>
    </row>
    <row r="16" spans="1:4" ht="18" customHeight="1" x14ac:dyDescent="0.2">
      <c r="A16" s="18" t="s">
        <v>49</v>
      </c>
      <c r="B16" s="15">
        <v>154</v>
      </c>
      <c r="C16" s="16">
        <v>138</v>
      </c>
      <c r="D16" s="17">
        <v>292</v>
      </c>
    </row>
    <row r="17" spans="1:4" ht="18" customHeight="1" x14ac:dyDescent="0.2">
      <c r="A17" s="14">
        <v>10</v>
      </c>
      <c r="B17" s="15">
        <v>36</v>
      </c>
      <c r="C17" s="16">
        <v>40</v>
      </c>
      <c r="D17" s="17">
        <v>76</v>
      </c>
    </row>
    <row r="18" spans="1:4" ht="18" customHeight="1" x14ac:dyDescent="0.2">
      <c r="A18" s="14">
        <v>11</v>
      </c>
      <c r="B18" s="15">
        <v>41</v>
      </c>
      <c r="C18" s="16">
        <v>37</v>
      </c>
      <c r="D18" s="17">
        <v>78</v>
      </c>
    </row>
    <row r="19" spans="1:4" ht="18" customHeight="1" x14ac:dyDescent="0.2">
      <c r="A19" s="14">
        <v>12</v>
      </c>
      <c r="B19" s="15">
        <v>33</v>
      </c>
      <c r="C19" s="16">
        <v>38</v>
      </c>
      <c r="D19" s="17">
        <v>71</v>
      </c>
    </row>
    <row r="20" spans="1:4" ht="18" customHeight="1" x14ac:dyDescent="0.2">
      <c r="A20" s="14">
        <v>13</v>
      </c>
      <c r="B20" s="15">
        <v>42</v>
      </c>
      <c r="C20" s="16">
        <v>38</v>
      </c>
      <c r="D20" s="17">
        <v>80</v>
      </c>
    </row>
    <row r="21" spans="1:4" ht="18" customHeight="1" x14ac:dyDescent="0.2">
      <c r="A21" s="14">
        <v>14</v>
      </c>
      <c r="B21" s="15">
        <v>40</v>
      </c>
      <c r="C21" s="16">
        <v>42</v>
      </c>
      <c r="D21" s="17">
        <v>82</v>
      </c>
    </row>
    <row r="22" spans="1:4" ht="18" customHeight="1" x14ac:dyDescent="0.2">
      <c r="A22" s="18" t="s">
        <v>50</v>
      </c>
      <c r="B22" s="15">
        <v>192</v>
      </c>
      <c r="C22" s="16">
        <v>195</v>
      </c>
      <c r="D22" s="17">
        <v>387</v>
      </c>
    </row>
    <row r="23" spans="1:4" ht="18" customHeight="1" x14ac:dyDescent="0.2">
      <c r="A23" s="18" t="s">
        <v>51</v>
      </c>
      <c r="B23" s="15">
        <v>467</v>
      </c>
      <c r="C23" s="16">
        <v>417</v>
      </c>
      <c r="D23" s="17">
        <v>884</v>
      </c>
    </row>
    <row r="24" spans="1:4" ht="18" customHeight="1" x14ac:dyDescent="0.2">
      <c r="A24" s="14">
        <v>15</v>
      </c>
      <c r="B24" s="15">
        <v>48</v>
      </c>
      <c r="C24" s="16">
        <v>46</v>
      </c>
      <c r="D24" s="17">
        <v>94</v>
      </c>
    </row>
    <row r="25" spans="1:4" ht="18" customHeight="1" x14ac:dyDescent="0.2">
      <c r="A25" s="14">
        <v>16</v>
      </c>
      <c r="B25" s="15">
        <v>35</v>
      </c>
      <c r="C25" s="16">
        <v>32</v>
      </c>
      <c r="D25" s="17">
        <v>67</v>
      </c>
    </row>
    <row r="26" spans="1:4" ht="18" customHeight="1" x14ac:dyDescent="0.2">
      <c r="A26" s="14">
        <v>17</v>
      </c>
      <c r="B26" s="15">
        <v>41</v>
      </c>
      <c r="C26" s="16">
        <v>48</v>
      </c>
      <c r="D26" s="17">
        <v>89</v>
      </c>
    </row>
    <row r="27" spans="1:4" ht="18" customHeight="1" x14ac:dyDescent="0.2">
      <c r="A27" s="14">
        <v>18</v>
      </c>
      <c r="B27" s="15">
        <v>41</v>
      </c>
      <c r="C27" s="16">
        <v>48</v>
      </c>
      <c r="D27" s="17">
        <v>89</v>
      </c>
    </row>
    <row r="28" spans="1:4" ht="18" customHeight="1" x14ac:dyDescent="0.2">
      <c r="A28" s="14">
        <v>19</v>
      </c>
      <c r="B28" s="15">
        <v>39</v>
      </c>
      <c r="C28" s="16">
        <v>49</v>
      </c>
      <c r="D28" s="17">
        <v>88</v>
      </c>
    </row>
    <row r="29" spans="1:4" ht="18" customHeight="1" x14ac:dyDescent="0.2">
      <c r="A29" s="18" t="s">
        <v>52</v>
      </c>
      <c r="B29" s="15">
        <v>204</v>
      </c>
      <c r="C29" s="16">
        <v>223</v>
      </c>
      <c r="D29" s="17">
        <v>427</v>
      </c>
    </row>
    <row r="30" spans="1:4" ht="18" customHeight="1" x14ac:dyDescent="0.2">
      <c r="A30" s="14">
        <v>20</v>
      </c>
      <c r="B30" s="15">
        <v>35</v>
      </c>
      <c r="C30" s="16">
        <v>29</v>
      </c>
      <c r="D30" s="17">
        <v>64</v>
      </c>
    </row>
    <row r="31" spans="1:4" ht="18" customHeight="1" x14ac:dyDescent="0.2">
      <c r="A31" s="14">
        <v>21</v>
      </c>
      <c r="B31" s="15">
        <v>31</v>
      </c>
      <c r="C31" s="16">
        <v>33</v>
      </c>
      <c r="D31" s="17">
        <v>64</v>
      </c>
    </row>
    <row r="32" spans="1:4" ht="18" customHeight="1" x14ac:dyDescent="0.2">
      <c r="A32" s="14">
        <v>22</v>
      </c>
      <c r="B32" s="15">
        <v>44</v>
      </c>
      <c r="C32" s="16">
        <v>35</v>
      </c>
      <c r="D32" s="17">
        <v>79</v>
      </c>
    </row>
    <row r="33" spans="1:4" ht="18" customHeight="1" x14ac:dyDescent="0.2">
      <c r="A33" s="14">
        <v>23</v>
      </c>
      <c r="B33" s="15">
        <v>25</v>
      </c>
      <c r="C33" s="16">
        <v>33</v>
      </c>
      <c r="D33" s="17">
        <v>58</v>
      </c>
    </row>
    <row r="34" spans="1:4" ht="18" customHeight="1" x14ac:dyDescent="0.2">
      <c r="A34" s="14">
        <v>24</v>
      </c>
      <c r="B34" s="15">
        <v>21</v>
      </c>
      <c r="C34" s="16">
        <v>25</v>
      </c>
      <c r="D34" s="17">
        <v>46</v>
      </c>
    </row>
    <row r="35" spans="1:4" ht="18" customHeight="1" x14ac:dyDescent="0.2">
      <c r="A35" s="18" t="s">
        <v>53</v>
      </c>
      <c r="B35" s="15">
        <v>156</v>
      </c>
      <c r="C35" s="16">
        <v>155</v>
      </c>
      <c r="D35" s="17">
        <v>311</v>
      </c>
    </row>
    <row r="36" spans="1:4" ht="18" customHeight="1" x14ac:dyDescent="0.2">
      <c r="A36" s="14">
        <v>25</v>
      </c>
      <c r="B36" s="15">
        <v>23</v>
      </c>
      <c r="C36" s="16">
        <v>17</v>
      </c>
      <c r="D36" s="17">
        <v>40</v>
      </c>
    </row>
    <row r="37" spans="1:4" ht="18" customHeight="1" x14ac:dyDescent="0.2">
      <c r="A37" s="14">
        <v>26</v>
      </c>
      <c r="B37" s="15">
        <v>31</v>
      </c>
      <c r="C37" s="16">
        <v>22</v>
      </c>
      <c r="D37" s="17">
        <v>53</v>
      </c>
    </row>
    <row r="38" spans="1:4" ht="18" customHeight="1" x14ac:dyDescent="0.2">
      <c r="A38" s="14">
        <v>27</v>
      </c>
      <c r="B38" s="15">
        <v>29</v>
      </c>
      <c r="C38" s="16">
        <v>28</v>
      </c>
      <c r="D38" s="17">
        <v>57</v>
      </c>
    </row>
    <row r="39" spans="1:4" ht="18" customHeight="1" x14ac:dyDescent="0.2">
      <c r="A39" s="14">
        <v>28</v>
      </c>
      <c r="B39" s="15">
        <v>25</v>
      </c>
      <c r="C39" s="16">
        <v>23</v>
      </c>
      <c r="D39" s="17">
        <v>48</v>
      </c>
    </row>
    <row r="40" spans="1:4" ht="18" customHeight="1" x14ac:dyDescent="0.2">
      <c r="A40" s="14">
        <v>29</v>
      </c>
      <c r="B40" s="15">
        <v>23</v>
      </c>
      <c r="C40" s="16">
        <v>25</v>
      </c>
      <c r="D40" s="17">
        <v>48</v>
      </c>
    </row>
    <row r="41" spans="1:4" ht="18" customHeight="1" x14ac:dyDescent="0.2">
      <c r="A41" s="18" t="s">
        <v>54</v>
      </c>
      <c r="B41" s="15">
        <v>131</v>
      </c>
      <c r="C41" s="16">
        <v>115</v>
      </c>
      <c r="D41" s="17">
        <v>246</v>
      </c>
    </row>
    <row r="42" spans="1:4" ht="18" customHeight="1" x14ac:dyDescent="0.2">
      <c r="A42" s="14">
        <v>30</v>
      </c>
      <c r="B42" s="15">
        <v>32</v>
      </c>
      <c r="C42" s="16">
        <v>24</v>
      </c>
      <c r="D42" s="17">
        <v>56</v>
      </c>
    </row>
    <row r="43" spans="1:4" ht="18" customHeight="1" x14ac:dyDescent="0.2">
      <c r="A43" s="14">
        <v>31</v>
      </c>
      <c r="B43" s="15">
        <v>26</v>
      </c>
      <c r="C43" s="16">
        <v>24</v>
      </c>
      <c r="D43" s="17">
        <v>50</v>
      </c>
    </row>
    <row r="44" spans="1:4" ht="18" customHeight="1" x14ac:dyDescent="0.2">
      <c r="A44" s="14">
        <v>32</v>
      </c>
      <c r="B44" s="15">
        <v>21</v>
      </c>
      <c r="C44" s="16">
        <v>25</v>
      </c>
      <c r="D44" s="17">
        <v>46</v>
      </c>
    </row>
    <row r="45" spans="1:4" ht="18" customHeight="1" x14ac:dyDescent="0.2">
      <c r="A45" s="14">
        <v>33</v>
      </c>
      <c r="B45" s="15">
        <v>28</v>
      </c>
      <c r="C45" s="16">
        <v>31</v>
      </c>
      <c r="D45" s="17">
        <v>59</v>
      </c>
    </row>
    <row r="46" spans="1:4" ht="18" customHeight="1" x14ac:dyDescent="0.2">
      <c r="A46" s="14">
        <v>34</v>
      </c>
      <c r="B46" s="15">
        <v>33</v>
      </c>
      <c r="C46" s="16">
        <v>48</v>
      </c>
      <c r="D46" s="17">
        <v>81</v>
      </c>
    </row>
    <row r="47" spans="1:4" ht="18" customHeight="1" x14ac:dyDescent="0.2">
      <c r="A47" s="18" t="s">
        <v>55</v>
      </c>
      <c r="B47" s="15">
        <v>140</v>
      </c>
      <c r="C47" s="16">
        <v>152</v>
      </c>
      <c r="D47" s="17">
        <v>292</v>
      </c>
    </row>
    <row r="48" spans="1:4" ht="18" customHeight="1" x14ac:dyDescent="0.2">
      <c r="A48" s="14">
        <v>35</v>
      </c>
      <c r="B48" s="15">
        <v>33</v>
      </c>
      <c r="C48" s="16">
        <v>24</v>
      </c>
      <c r="D48" s="17">
        <v>57</v>
      </c>
    </row>
    <row r="49" spans="1:4" ht="18" customHeight="1" x14ac:dyDescent="0.2">
      <c r="A49" s="14">
        <v>36</v>
      </c>
      <c r="B49" s="15">
        <v>26</v>
      </c>
      <c r="C49" s="16">
        <v>23</v>
      </c>
      <c r="D49" s="17">
        <v>49</v>
      </c>
    </row>
    <row r="50" spans="1:4" ht="18" customHeight="1" x14ac:dyDescent="0.2">
      <c r="A50" s="14">
        <v>37</v>
      </c>
      <c r="B50" s="15">
        <v>33</v>
      </c>
      <c r="C50" s="16">
        <v>41</v>
      </c>
      <c r="D50" s="17">
        <v>74</v>
      </c>
    </row>
    <row r="51" spans="1:4" ht="18" customHeight="1" x14ac:dyDescent="0.2">
      <c r="A51" s="14">
        <v>38</v>
      </c>
      <c r="B51" s="15">
        <v>46</v>
      </c>
      <c r="C51" s="16">
        <v>29</v>
      </c>
      <c r="D51" s="17">
        <v>75</v>
      </c>
    </row>
    <row r="52" spans="1:4" ht="18" customHeight="1" x14ac:dyDescent="0.2">
      <c r="A52" s="14">
        <v>39</v>
      </c>
      <c r="B52" s="15">
        <v>43</v>
      </c>
      <c r="C52" s="16">
        <v>31</v>
      </c>
      <c r="D52" s="17">
        <v>74</v>
      </c>
    </row>
    <row r="53" spans="1:4" ht="18" customHeight="1" x14ac:dyDescent="0.2">
      <c r="A53" s="18" t="s">
        <v>56</v>
      </c>
      <c r="B53" s="15">
        <v>181</v>
      </c>
      <c r="C53" s="16">
        <v>148</v>
      </c>
      <c r="D53" s="17">
        <v>329</v>
      </c>
    </row>
    <row r="54" spans="1:4" ht="18" customHeight="1" x14ac:dyDescent="0.2">
      <c r="A54" s="14">
        <v>40</v>
      </c>
      <c r="B54" s="15">
        <v>44</v>
      </c>
      <c r="C54" s="16">
        <v>49</v>
      </c>
      <c r="D54" s="17">
        <v>93</v>
      </c>
    </row>
    <row r="55" spans="1:4" ht="18" customHeight="1" x14ac:dyDescent="0.2">
      <c r="A55" s="14">
        <v>41</v>
      </c>
      <c r="B55" s="15">
        <v>54</v>
      </c>
      <c r="C55" s="16">
        <v>45</v>
      </c>
      <c r="D55" s="17">
        <v>99</v>
      </c>
    </row>
    <row r="56" spans="1:4" ht="18" customHeight="1" x14ac:dyDescent="0.2">
      <c r="A56" s="14">
        <v>42</v>
      </c>
      <c r="B56" s="15">
        <v>55</v>
      </c>
      <c r="C56" s="16">
        <v>49</v>
      </c>
      <c r="D56" s="17">
        <v>104</v>
      </c>
    </row>
    <row r="57" spans="1:4" ht="18" customHeight="1" x14ac:dyDescent="0.2">
      <c r="A57" s="14">
        <v>43</v>
      </c>
      <c r="B57" s="15">
        <v>50</v>
      </c>
      <c r="C57" s="16">
        <v>52</v>
      </c>
      <c r="D57" s="17">
        <v>102</v>
      </c>
    </row>
    <row r="58" spans="1:4" ht="18" customHeight="1" x14ac:dyDescent="0.2">
      <c r="A58" s="14">
        <v>44</v>
      </c>
      <c r="B58" s="15">
        <v>62</v>
      </c>
      <c r="C58" s="16">
        <v>57</v>
      </c>
      <c r="D58" s="17">
        <v>119</v>
      </c>
    </row>
    <row r="59" spans="1:4" ht="18" customHeight="1" x14ac:dyDescent="0.2">
      <c r="A59" s="18" t="s">
        <v>57</v>
      </c>
      <c r="B59" s="15">
        <v>265</v>
      </c>
      <c r="C59" s="16">
        <v>252</v>
      </c>
      <c r="D59" s="17">
        <v>517</v>
      </c>
    </row>
    <row r="60" spans="1:4" ht="18" customHeight="1" x14ac:dyDescent="0.2">
      <c r="A60" s="14">
        <v>45</v>
      </c>
      <c r="B60" s="15">
        <v>67</v>
      </c>
      <c r="C60" s="16">
        <v>68</v>
      </c>
      <c r="D60" s="17">
        <v>135</v>
      </c>
    </row>
    <row r="61" spans="1:4" ht="18" customHeight="1" x14ac:dyDescent="0.2">
      <c r="A61" s="14">
        <v>46</v>
      </c>
      <c r="B61" s="15">
        <v>81</v>
      </c>
      <c r="C61" s="16">
        <v>83</v>
      </c>
      <c r="D61" s="17">
        <v>164</v>
      </c>
    </row>
    <row r="62" spans="1:4" ht="18" customHeight="1" x14ac:dyDescent="0.2">
      <c r="A62" s="14">
        <v>47</v>
      </c>
      <c r="B62" s="15">
        <v>68</v>
      </c>
      <c r="C62" s="16">
        <v>75</v>
      </c>
      <c r="D62" s="17">
        <v>143</v>
      </c>
    </row>
    <row r="63" spans="1:4" ht="18" customHeight="1" x14ac:dyDescent="0.2">
      <c r="A63" s="14">
        <v>48</v>
      </c>
      <c r="B63" s="15">
        <v>49</v>
      </c>
      <c r="C63" s="16">
        <v>70</v>
      </c>
      <c r="D63" s="17">
        <v>119</v>
      </c>
    </row>
    <row r="64" spans="1:4" ht="18" customHeight="1" x14ac:dyDescent="0.2">
      <c r="A64" s="14">
        <v>49</v>
      </c>
      <c r="B64" s="15">
        <v>66</v>
      </c>
      <c r="C64" s="16">
        <v>49</v>
      </c>
      <c r="D64" s="17">
        <v>115</v>
      </c>
    </row>
    <row r="65" spans="1:4" ht="18" customHeight="1" x14ac:dyDescent="0.2">
      <c r="A65" s="18" t="s">
        <v>58</v>
      </c>
      <c r="B65" s="15">
        <v>331</v>
      </c>
      <c r="C65" s="16">
        <v>345</v>
      </c>
      <c r="D65" s="17">
        <v>676</v>
      </c>
    </row>
    <row r="66" spans="1:4" ht="18" customHeight="1" x14ac:dyDescent="0.2">
      <c r="A66" s="14">
        <v>50</v>
      </c>
      <c r="B66" s="15">
        <v>57</v>
      </c>
      <c r="C66" s="16">
        <v>39</v>
      </c>
      <c r="D66" s="17">
        <v>96</v>
      </c>
    </row>
    <row r="67" spans="1:4" ht="18" customHeight="1" x14ac:dyDescent="0.2">
      <c r="A67" s="14">
        <v>51</v>
      </c>
      <c r="B67" s="15">
        <v>48</v>
      </c>
      <c r="C67" s="16">
        <v>46</v>
      </c>
      <c r="D67" s="17">
        <v>94</v>
      </c>
    </row>
    <row r="68" spans="1:4" ht="18" customHeight="1" x14ac:dyDescent="0.2">
      <c r="A68" s="14">
        <v>52</v>
      </c>
      <c r="B68" s="15">
        <v>59</v>
      </c>
      <c r="C68" s="16">
        <v>49</v>
      </c>
      <c r="D68" s="17">
        <v>108</v>
      </c>
    </row>
    <row r="69" spans="1:4" ht="18" customHeight="1" x14ac:dyDescent="0.2">
      <c r="A69" s="14">
        <v>53</v>
      </c>
      <c r="B69" s="15">
        <v>37</v>
      </c>
      <c r="C69" s="16">
        <v>39</v>
      </c>
      <c r="D69" s="17">
        <v>76</v>
      </c>
    </row>
    <row r="70" spans="1:4" ht="18" customHeight="1" x14ac:dyDescent="0.2">
      <c r="A70" s="14">
        <v>54</v>
      </c>
      <c r="B70" s="15">
        <v>46</v>
      </c>
      <c r="C70" s="16">
        <v>46</v>
      </c>
      <c r="D70" s="17">
        <v>92</v>
      </c>
    </row>
    <row r="71" spans="1:4" ht="18" customHeight="1" x14ac:dyDescent="0.2">
      <c r="A71" s="18" t="s">
        <v>59</v>
      </c>
      <c r="B71" s="15">
        <v>247</v>
      </c>
      <c r="C71" s="16">
        <v>219</v>
      </c>
      <c r="D71" s="17">
        <v>466</v>
      </c>
    </row>
    <row r="72" spans="1:4" ht="18" customHeight="1" x14ac:dyDescent="0.2">
      <c r="A72" s="14">
        <v>55</v>
      </c>
      <c r="B72" s="15">
        <v>42</v>
      </c>
      <c r="C72" s="16">
        <v>48</v>
      </c>
      <c r="D72" s="17">
        <v>90</v>
      </c>
    </row>
    <row r="73" spans="1:4" ht="18" customHeight="1" x14ac:dyDescent="0.2">
      <c r="A73" s="14">
        <v>56</v>
      </c>
      <c r="B73" s="15">
        <v>30</v>
      </c>
      <c r="C73" s="16">
        <v>37</v>
      </c>
      <c r="D73" s="17">
        <v>67</v>
      </c>
    </row>
    <row r="74" spans="1:4" ht="18" customHeight="1" x14ac:dyDescent="0.2">
      <c r="A74" s="14">
        <v>57</v>
      </c>
      <c r="B74" s="15">
        <v>45</v>
      </c>
      <c r="C74" s="16">
        <v>31</v>
      </c>
      <c r="D74" s="17">
        <v>76</v>
      </c>
    </row>
    <row r="75" spans="1:4" ht="18" customHeight="1" x14ac:dyDescent="0.2">
      <c r="A75" s="14">
        <v>58</v>
      </c>
      <c r="B75" s="15">
        <v>39</v>
      </c>
      <c r="C75" s="16">
        <v>38</v>
      </c>
      <c r="D75" s="17">
        <v>77</v>
      </c>
    </row>
    <row r="76" spans="1:4" ht="18" customHeight="1" x14ac:dyDescent="0.2">
      <c r="A76" s="14">
        <v>59</v>
      </c>
      <c r="B76" s="15">
        <v>42</v>
      </c>
      <c r="C76" s="16">
        <v>45</v>
      </c>
      <c r="D76" s="17">
        <v>87</v>
      </c>
    </row>
    <row r="77" spans="1:4" ht="18" customHeight="1" x14ac:dyDescent="0.2">
      <c r="A77" s="18" t="s">
        <v>60</v>
      </c>
      <c r="B77" s="15">
        <v>198</v>
      </c>
      <c r="C77" s="16">
        <v>199</v>
      </c>
      <c r="D77" s="17">
        <v>397</v>
      </c>
    </row>
    <row r="78" spans="1:4" ht="18" customHeight="1" x14ac:dyDescent="0.2">
      <c r="A78" s="14">
        <v>60</v>
      </c>
      <c r="B78" s="15">
        <v>43</v>
      </c>
      <c r="C78" s="16">
        <v>51</v>
      </c>
      <c r="D78" s="17">
        <v>94</v>
      </c>
    </row>
    <row r="79" spans="1:4" ht="18" customHeight="1" x14ac:dyDescent="0.2">
      <c r="A79" s="14">
        <v>61</v>
      </c>
      <c r="B79" s="15">
        <v>53</v>
      </c>
      <c r="C79" s="16">
        <v>45</v>
      </c>
      <c r="D79" s="17">
        <v>98</v>
      </c>
    </row>
    <row r="80" spans="1:4" ht="18" customHeight="1" x14ac:dyDescent="0.2">
      <c r="A80" s="14">
        <v>62</v>
      </c>
      <c r="B80" s="15">
        <v>44</v>
      </c>
      <c r="C80" s="16">
        <v>47</v>
      </c>
      <c r="D80" s="17">
        <v>91</v>
      </c>
    </row>
    <row r="81" spans="1:4" ht="18" customHeight="1" x14ac:dyDescent="0.2">
      <c r="A81" s="14">
        <v>63</v>
      </c>
      <c r="B81" s="15">
        <v>34</v>
      </c>
      <c r="C81" s="16">
        <v>44</v>
      </c>
      <c r="D81" s="17">
        <v>78</v>
      </c>
    </row>
    <row r="82" spans="1:4" ht="18" customHeight="1" x14ac:dyDescent="0.2">
      <c r="A82" s="14">
        <v>64</v>
      </c>
      <c r="B82" s="15">
        <v>37</v>
      </c>
      <c r="C82" s="16">
        <v>51</v>
      </c>
      <c r="D82" s="17">
        <v>88</v>
      </c>
    </row>
    <row r="83" spans="1:4" ht="18" customHeight="1" x14ac:dyDescent="0.2">
      <c r="A83" s="18" t="s">
        <v>61</v>
      </c>
      <c r="B83" s="15">
        <v>211</v>
      </c>
      <c r="C83" s="16">
        <v>238</v>
      </c>
      <c r="D83" s="17">
        <v>449</v>
      </c>
    </row>
    <row r="84" spans="1:4" ht="18" customHeight="1" x14ac:dyDescent="0.2">
      <c r="A84" s="18" t="s">
        <v>62</v>
      </c>
      <c r="B84" s="15">
        <v>2064</v>
      </c>
      <c r="C84" s="16">
        <v>2046</v>
      </c>
      <c r="D84" s="17">
        <v>4110</v>
      </c>
    </row>
    <row r="85" spans="1:4" ht="18" customHeight="1" x14ac:dyDescent="0.2">
      <c r="A85" s="14">
        <v>65</v>
      </c>
      <c r="B85" s="15">
        <v>47</v>
      </c>
      <c r="C85" s="16">
        <v>43</v>
      </c>
      <c r="D85" s="17">
        <v>90</v>
      </c>
    </row>
    <row r="86" spans="1:4" ht="18" customHeight="1" x14ac:dyDescent="0.2">
      <c r="A86" s="14">
        <v>66</v>
      </c>
      <c r="B86" s="15">
        <v>57</v>
      </c>
      <c r="C86" s="16">
        <v>43</v>
      </c>
      <c r="D86" s="17">
        <v>100</v>
      </c>
    </row>
    <row r="87" spans="1:4" ht="18" customHeight="1" x14ac:dyDescent="0.2">
      <c r="A87" s="14">
        <v>67</v>
      </c>
      <c r="B87" s="15">
        <v>48</v>
      </c>
      <c r="C87" s="16">
        <v>57</v>
      </c>
      <c r="D87" s="17">
        <v>105</v>
      </c>
    </row>
    <row r="88" spans="1:4" ht="18" customHeight="1" x14ac:dyDescent="0.2">
      <c r="A88" s="14">
        <v>68</v>
      </c>
      <c r="B88" s="15">
        <v>37</v>
      </c>
      <c r="C88" s="16">
        <v>56</v>
      </c>
      <c r="D88" s="17">
        <v>93</v>
      </c>
    </row>
    <row r="89" spans="1:4" ht="18" customHeight="1" x14ac:dyDescent="0.2">
      <c r="A89" s="14">
        <v>69</v>
      </c>
      <c r="B89" s="15">
        <v>58</v>
      </c>
      <c r="C89" s="16">
        <v>72</v>
      </c>
      <c r="D89" s="17">
        <v>130</v>
      </c>
    </row>
    <row r="90" spans="1:4" ht="18" customHeight="1" x14ac:dyDescent="0.2">
      <c r="A90" s="18" t="s">
        <v>63</v>
      </c>
      <c r="B90" s="15">
        <v>247</v>
      </c>
      <c r="C90" s="16">
        <v>271</v>
      </c>
      <c r="D90" s="17">
        <v>518</v>
      </c>
    </row>
    <row r="91" spans="1:4" ht="18" customHeight="1" x14ac:dyDescent="0.2">
      <c r="A91" s="14">
        <v>70</v>
      </c>
      <c r="B91" s="15">
        <v>71</v>
      </c>
      <c r="C91" s="16">
        <v>76</v>
      </c>
      <c r="D91" s="17">
        <v>147</v>
      </c>
    </row>
    <row r="92" spans="1:4" ht="18" customHeight="1" x14ac:dyDescent="0.2">
      <c r="A92" s="14">
        <v>71</v>
      </c>
      <c r="B92" s="15">
        <v>71</v>
      </c>
      <c r="C92" s="16">
        <v>70</v>
      </c>
      <c r="D92" s="17">
        <v>141</v>
      </c>
    </row>
    <row r="93" spans="1:4" ht="18" customHeight="1" x14ac:dyDescent="0.2">
      <c r="A93" s="14">
        <v>72</v>
      </c>
      <c r="B93" s="15">
        <v>66</v>
      </c>
      <c r="C93" s="16">
        <v>79</v>
      </c>
      <c r="D93" s="17">
        <v>145</v>
      </c>
    </row>
    <row r="94" spans="1:4" ht="18" customHeight="1" x14ac:dyDescent="0.2">
      <c r="A94" s="14">
        <v>73</v>
      </c>
      <c r="B94" s="15">
        <v>33</v>
      </c>
      <c r="C94" s="16">
        <v>38</v>
      </c>
      <c r="D94" s="17">
        <v>71</v>
      </c>
    </row>
    <row r="95" spans="1:4" ht="18" customHeight="1" x14ac:dyDescent="0.2">
      <c r="A95" s="14">
        <v>74</v>
      </c>
      <c r="B95" s="15">
        <v>34</v>
      </c>
      <c r="C95" s="16">
        <v>52</v>
      </c>
      <c r="D95" s="17">
        <v>86</v>
      </c>
    </row>
    <row r="96" spans="1:4" ht="18" customHeight="1" x14ac:dyDescent="0.2">
      <c r="A96" s="18" t="s">
        <v>64</v>
      </c>
      <c r="B96" s="15">
        <v>275</v>
      </c>
      <c r="C96" s="16">
        <v>315</v>
      </c>
      <c r="D96" s="17">
        <v>590</v>
      </c>
    </row>
    <row r="97" spans="1:4" ht="18" customHeight="1" x14ac:dyDescent="0.2">
      <c r="A97" s="14">
        <v>75</v>
      </c>
      <c r="B97" s="15">
        <v>49</v>
      </c>
      <c r="C97" s="16">
        <v>73</v>
      </c>
      <c r="D97" s="17">
        <v>122</v>
      </c>
    </row>
    <row r="98" spans="1:4" ht="18" customHeight="1" x14ac:dyDescent="0.2">
      <c r="A98" s="14">
        <v>76</v>
      </c>
      <c r="B98" s="15">
        <v>46</v>
      </c>
      <c r="C98" s="16">
        <v>57</v>
      </c>
      <c r="D98" s="17">
        <v>103</v>
      </c>
    </row>
    <row r="99" spans="1:4" ht="18" customHeight="1" x14ac:dyDescent="0.2">
      <c r="A99" s="14">
        <v>77</v>
      </c>
      <c r="B99" s="15">
        <v>45</v>
      </c>
      <c r="C99" s="16">
        <v>57</v>
      </c>
      <c r="D99" s="17">
        <v>102</v>
      </c>
    </row>
    <row r="100" spans="1:4" ht="18" customHeight="1" x14ac:dyDescent="0.2">
      <c r="A100" s="14">
        <v>78</v>
      </c>
      <c r="B100" s="15">
        <v>40</v>
      </c>
      <c r="C100" s="16">
        <v>47</v>
      </c>
      <c r="D100" s="17">
        <v>87</v>
      </c>
    </row>
    <row r="101" spans="1:4" ht="18" customHeight="1" x14ac:dyDescent="0.2">
      <c r="A101" s="14">
        <v>79</v>
      </c>
      <c r="B101" s="15">
        <v>50</v>
      </c>
      <c r="C101" s="16">
        <v>37</v>
      </c>
      <c r="D101" s="17">
        <v>87</v>
      </c>
    </row>
    <row r="102" spans="1:4" ht="18" customHeight="1" x14ac:dyDescent="0.2">
      <c r="A102" s="18" t="s">
        <v>65</v>
      </c>
      <c r="B102" s="15">
        <v>230</v>
      </c>
      <c r="C102" s="16">
        <v>271</v>
      </c>
      <c r="D102" s="17">
        <v>501</v>
      </c>
    </row>
    <row r="103" spans="1:4" ht="18" customHeight="1" x14ac:dyDescent="0.2">
      <c r="A103" s="14">
        <v>80</v>
      </c>
      <c r="B103" s="15">
        <v>40</v>
      </c>
      <c r="C103" s="16">
        <v>28</v>
      </c>
      <c r="D103" s="17">
        <v>68</v>
      </c>
    </row>
    <row r="104" spans="1:4" ht="18" customHeight="1" x14ac:dyDescent="0.2">
      <c r="A104" s="14">
        <v>81</v>
      </c>
      <c r="B104" s="15">
        <v>27</v>
      </c>
      <c r="C104" s="16">
        <v>41</v>
      </c>
      <c r="D104" s="17">
        <v>68</v>
      </c>
    </row>
    <row r="105" spans="1:4" ht="18" customHeight="1" x14ac:dyDescent="0.2">
      <c r="A105" s="14">
        <v>82</v>
      </c>
      <c r="B105" s="15">
        <v>36</v>
      </c>
      <c r="C105" s="16">
        <v>40</v>
      </c>
      <c r="D105" s="17">
        <v>76</v>
      </c>
    </row>
    <row r="106" spans="1:4" ht="18" customHeight="1" x14ac:dyDescent="0.2">
      <c r="A106" s="14">
        <v>83</v>
      </c>
      <c r="B106" s="15">
        <v>27</v>
      </c>
      <c r="C106" s="16">
        <v>43</v>
      </c>
      <c r="D106" s="17">
        <v>70</v>
      </c>
    </row>
    <row r="107" spans="1:4" ht="18" customHeight="1" x14ac:dyDescent="0.2">
      <c r="A107" s="14">
        <v>84</v>
      </c>
      <c r="B107" s="15">
        <v>18</v>
      </c>
      <c r="C107" s="16">
        <v>36</v>
      </c>
      <c r="D107" s="17">
        <v>54</v>
      </c>
    </row>
    <row r="108" spans="1:4" ht="18" customHeight="1" x14ac:dyDescent="0.2">
      <c r="A108" s="18" t="s">
        <v>66</v>
      </c>
      <c r="B108" s="15">
        <v>148</v>
      </c>
      <c r="C108" s="16">
        <v>188</v>
      </c>
      <c r="D108" s="17">
        <v>336</v>
      </c>
    </row>
    <row r="109" spans="1:4" ht="18" customHeight="1" x14ac:dyDescent="0.2">
      <c r="A109" s="14">
        <v>85</v>
      </c>
      <c r="B109" s="15">
        <v>14</v>
      </c>
      <c r="C109" s="16">
        <v>33</v>
      </c>
      <c r="D109" s="17">
        <v>47</v>
      </c>
    </row>
    <row r="110" spans="1:4" ht="18" customHeight="1" x14ac:dyDescent="0.2">
      <c r="A110" s="14">
        <v>86</v>
      </c>
      <c r="B110" s="15">
        <v>27</v>
      </c>
      <c r="C110" s="16">
        <v>33</v>
      </c>
      <c r="D110" s="17">
        <v>60</v>
      </c>
    </row>
    <row r="111" spans="1:4" ht="18" customHeight="1" x14ac:dyDescent="0.2">
      <c r="A111" s="14">
        <v>87</v>
      </c>
      <c r="B111" s="15">
        <v>13</v>
      </c>
      <c r="C111" s="16">
        <v>30</v>
      </c>
      <c r="D111" s="17">
        <v>43</v>
      </c>
    </row>
    <row r="112" spans="1:4" ht="18" customHeight="1" x14ac:dyDescent="0.2">
      <c r="A112" s="14">
        <v>88</v>
      </c>
      <c r="B112" s="15">
        <v>15</v>
      </c>
      <c r="C112" s="16">
        <v>22</v>
      </c>
      <c r="D112" s="17">
        <v>37</v>
      </c>
    </row>
    <row r="113" spans="1:4" ht="18" customHeight="1" x14ac:dyDescent="0.2">
      <c r="A113" s="14">
        <v>89</v>
      </c>
      <c r="B113" s="15">
        <v>8</v>
      </c>
      <c r="C113" s="16">
        <v>17</v>
      </c>
      <c r="D113" s="17">
        <v>25</v>
      </c>
    </row>
    <row r="114" spans="1:4" ht="18" customHeight="1" x14ac:dyDescent="0.2">
      <c r="A114" s="18" t="s">
        <v>67</v>
      </c>
      <c r="B114" s="15">
        <v>77</v>
      </c>
      <c r="C114" s="16">
        <v>135</v>
      </c>
      <c r="D114" s="17">
        <v>212</v>
      </c>
    </row>
    <row r="115" spans="1:4" ht="18" customHeight="1" x14ac:dyDescent="0.2">
      <c r="A115" s="14">
        <v>90</v>
      </c>
      <c r="B115" s="15">
        <v>9</v>
      </c>
      <c r="C115" s="16">
        <v>12</v>
      </c>
      <c r="D115" s="17">
        <v>21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7</v>
      </c>
      <c r="C117" s="16">
        <v>8</v>
      </c>
      <c r="D117" s="17">
        <v>15</v>
      </c>
    </row>
    <row r="118" spans="1:4" ht="18" customHeight="1" x14ac:dyDescent="0.2">
      <c r="A118" s="14">
        <v>93</v>
      </c>
      <c r="B118" s="15">
        <v>5</v>
      </c>
      <c r="C118" s="16">
        <v>10</v>
      </c>
      <c r="D118" s="17">
        <v>15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29</v>
      </c>
      <c r="C120" s="16">
        <v>52</v>
      </c>
      <c r="D120" s="17">
        <v>81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24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010</v>
      </c>
      <c r="C130" s="5">
        <v>1257</v>
      </c>
      <c r="D130" s="6">
        <v>2267</v>
      </c>
    </row>
    <row r="131" spans="1:4" ht="18" customHeight="1" x14ac:dyDescent="0.2">
      <c r="A131" s="20" t="s">
        <v>47</v>
      </c>
      <c r="B131" s="7">
        <v>3541</v>
      </c>
      <c r="C131" s="8">
        <v>3720</v>
      </c>
      <c r="D131" s="9">
        <v>726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16</v>
      </c>
      <c r="D5" s="13">
        <v>30</v>
      </c>
    </row>
    <row r="6" spans="1:4" ht="18" customHeight="1" x14ac:dyDescent="0.2">
      <c r="A6" s="14">
        <v>1</v>
      </c>
      <c r="B6" s="15">
        <v>10</v>
      </c>
      <c r="C6" s="16">
        <v>13</v>
      </c>
      <c r="D6" s="17">
        <v>23</v>
      </c>
    </row>
    <row r="7" spans="1:4" ht="18" customHeight="1" x14ac:dyDescent="0.2">
      <c r="A7" s="14">
        <v>2</v>
      </c>
      <c r="B7" s="15">
        <v>17</v>
      </c>
      <c r="C7" s="16">
        <v>11</v>
      </c>
      <c r="D7" s="17">
        <v>28</v>
      </c>
    </row>
    <row r="8" spans="1:4" ht="18" customHeight="1" x14ac:dyDescent="0.2">
      <c r="A8" s="14">
        <v>3</v>
      </c>
      <c r="B8" s="15">
        <v>26</v>
      </c>
      <c r="C8" s="16">
        <v>10</v>
      </c>
      <c r="D8" s="17">
        <v>36</v>
      </c>
    </row>
    <row r="9" spans="1:4" ht="18" customHeight="1" x14ac:dyDescent="0.2">
      <c r="A9" s="14">
        <v>4</v>
      </c>
      <c r="B9" s="15">
        <v>19</v>
      </c>
      <c r="C9" s="16">
        <v>24</v>
      </c>
      <c r="D9" s="17">
        <v>43</v>
      </c>
    </row>
    <row r="10" spans="1:4" ht="18" customHeight="1" x14ac:dyDescent="0.2">
      <c r="A10" s="18" t="s">
        <v>48</v>
      </c>
      <c r="B10" s="15">
        <v>86</v>
      </c>
      <c r="C10" s="16">
        <v>74</v>
      </c>
      <c r="D10" s="17">
        <v>160</v>
      </c>
    </row>
    <row r="11" spans="1:4" ht="18" customHeight="1" x14ac:dyDescent="0.2">
      <c r="A11" s="14">
        <v>5</v>
      </c>
      <c r="B11" s="15">
        <v>21</v>
      </c>
      <c r="C11" s="16">
        <v>22</v>
      </c>
      <c r="D11" s="17">
        <v>43</v>
      </c>
    </row>
    <row r="12" spans="1:4" ht="18" customHeight="1" x14ac:dyDescent="0.2">
      <c r="A12" s="14">
        <v>6</v>
      </c>
      <c r="B12" s="15">
        <v>23</v>
      </c>
      <c r="C12" s="16">
        <v>20</v>
      </c>
      <c r="D12" s="17">
        <v>43</v>
      </c>
    </row>
    <row r="13" spans="1:4" ht="18" customHeight="1" x14ac:dyDescent="0.2">
      <c r="A13" s="14">
        <v>7</v>
      </c>
      <c r="B13" s="15">
        <v>26</v>
      </c>
      <c r="C13" s="16">
        <v>22</v>
      </c>
      <c r="D13" s="17">
        <v>48</v>
      </c>
    </row>
    <row r="14" spans="1:4" ht="18" customHeight="1" x14ac:dyDescent="0.2">
      <c r="A14" s="14">
        <v>8</v>
      </c>
      <c r="B14" s="15">
        <v>31</v>
      </c>
      <c r="C14" s="16">
        <v>24</v>
      </c>
      <c r="D14" s="17">
        <v>55</v>
      </c>
    </row>
    <row r="15" spans="1:4" ht="18" customHeight="1" x14ac:dyDescent="0.2">
      <c r="A15" s="14">
        <v>9</v>
      </c>
      <c r="B15" s="15">
        <v>21</v>
      </c>
      <c r="C15" s="16">
        <v>36</v>
      </c>
      <c r="D15" s="17">
        <v>57</v>
      </c>
    </row>
    <row r="16" spans="1:4" ht="18" customHeight="1" x14ac:dyDescent="0.2">
      <c r="A16" s="18" t="s">
        <v>49</v>
      </c>
      <c r="B16" s="15">
        <v>122</v>
      </c>
      <c r="C16" s="16">
        <v>124</v>
      </c>
      <c r="D16" s="17">
        <v>246</v>
      </c>
    </row>
    <row r="17" spans="1:4" ht="18" customHeight="1" x14ac:dyDescent="0.2">
      <c r="A17" s="14">
        <v>10</v>
      </c>
      <c r="B17" s="15">
        <v>21</v>
      </c>
      <c r="C17" s="16">
        <v>24</v>
      </c>
      <c r="D17" s="17">
        <v>45</v>
      </c>
    </row>
    <row r="18" spans="1:4" ht="18" customHeight="1" x14ac:dyDescent="0.2">
      <c r="A18" s="14">
        <v>11</v>
      </c>
      <c r="B18" s="15">
        <v>29</v>
      </c>
      <c r="C18" s="16">
        <v>24</v>
      </c>
      <c r="D18" s="17">
        <v>53</v>
      </c>
    </row>
    <row r="19" spans="1:4" ht="18" customHeight="1" x14ac:dyDescent="0.2">
      <c r="A19" s="14">
        <v>12</v>
      </c>
      <c r="B19" s="15">
        <v>29</v>
      </c>
      <c r="C19" s="16">
        <v>35</v>
      </c>
      <c r="D19" s="17">
        <v>64</v>
      </c>
    </row>
    <row r="20" spans="1:4" ht="18" customHeight="1" x14ac:dyDescent="0.2">
      <c r="A20" s="14">
        <v>13</v>
      </c>
      <c r="B20" s="15">
        <v>32</v>
      </c>
      <c r="C20" s="16">
        <v>26</v>
      </c>
      <c r="D20" s="17">
        <v>58</v>
      </c>
    </row>
    <row r="21" spans="1:4" ht="18" customHeight="1" x14ac:dyDescent="0.2">
      <c r="A21" s="14">
        <v>14</v>
      </c>
      <c r="B21" s="15">
        <v>36</v>
      </c>
      <c r="C21" s="16">
        <v>26</v>
      </c>
      <c r="D21" s="17">
        <v>62</v>
      </c>
    </row>
    <row r="22" spans="1:4" ht="18" customHeight="1" x14ac:dyDescent="0.2">
      <c r="A22" s="18" t="s">
        <v>50</v>
      </c>
      <c r="B22" s="15">
        <v>147</v>
      </c>
      <c r="C22" s="16">
        <v>135</v>
      </c>
      <c r="D22" s="17">
        <v>282</v>
      </c>
    </row>
    <row r="23" spans="1:4" ht="18" customHeight="1" x14ac:dyDescent="0.2">
      <c r="A23" s="18" t="s">
        <v>51</v>
      </c>
      <c r="B23" s="15">
        <v>355</v>
      </c>
      <c r="C23" s="16">
        <v>333</v>
      </c>
      <c r="D23" s="17">
        <v>688</v>
      </c>
    </row>
    <row r="24" spans="1:4" ht="18" customHeight="1" x14ac:dyDescent="0.2">
      <c r="A24" s="14">
        <v>15</v>
      </c>
      <c r="B24" s="15">
        <v>26</v>
      </c>
      <c r="C24" s="16">
        <v>31</v>
      </c>
      <c r="D24" s="17">
        <v>57</v>
      </c>
    </row>
    <row r="25" spans="1:4" ht="18" customHeight="1" x14ac:dyDescent="0.2">
      <c r="A25" s="14">
        <v>16</v>
      </c>
      <c r="B25" s="15">
        <v>26</v>
      </c>
      <c r="C25" s="16">
        <v>26</v>
      </c>
      <c r="D25" s="17">
        <v>52</v>
      </c>
    </row>
    <row r="26" spans="1:4" ht="18" customHeight="1" x14ac:dyDescent="0.2">
      <c r="A26" s="14">
        <v>17</v>
      </c>
      <c r="B26" s="15">
        <v>43</v>
      </c>
      <c r="C26" s="16">
        <v>27</v>
      </c>
      <c r="D26" s="17">
        <v>70</v>
      </c>
    </row>
    <row r="27" spans="1:4" ht="18" customHeight="1" x14ac:dyDescent="0.2">
      <c r="A27" s="14">
        <v>18</v>
      </c>
      <c r="B27" s="15">
        <v>29</v>
      </c>
      <c r="C27" s="16">
        <v>35</v>
      </c>
      <c r="D27" s="17">
        <v>64</v>
      </c>
    </row>
    <row r="28" spans="1:4" ht="18" customHeight="1" x14ac:dyDescent="0.2">
      <c r="A28" s="14">
        <v>19</v>
      </c>
      <c r="B28" s="15">
        <v>23</v>
      </c>
      <c r="C28" s="16">
        <v>25</v>
      </c>
      <c r="D28" s="17">
        <v>48</v>
      </c>
    </row>
    <row r="29" spans="1:4" ht="18" customHeight="1" x14ac:dyDescent="0.2">
      <c r="A29" s="18" t="s">
        <v>52</v>
      </c>
      <c r="B29" s="15">
        <v>147</v>
      </c>
      <c r="C29" s="16">
        <v>144</v>
      </c>
      <c r="D29" s="17">
        <v>291</v>
      </c>
    </row>
    <row r="30" spans="1:4" ht="18" customHeight="1" x14ac:dyDescent="0.2">
      <c r="A30" s="14">
        <v>20</v>
      </c>
      <c r="B30" s="15">
        <v>31</v>
      </c>
      <c r="C30" s="16">
        <v>23</v>
      </c>
      <c r="D30" s="17">
        <v>54</v>
      </c>
    </row>
    <row r="31" spans="1:4" ht="18" customHeight="1" x14ac:dyDescent="0.2">
      <c r="A31" s="14">
        <v>21</v>
      </c>
      <c r="B31" s="15">
        <v>30</v>
      </c>
      <c r="C31" s="16">
        <v>25</v>
      </c>
      <c r="D31" s="17">
        <v>55</v>
      </c>
    </row>
    <row r="32" spans="1:4" ht="18" customHeight="1" x14ac:dyDescent="0.2">
      <c r="A32" s="14">
        <v>22</v>
      </c>
      <c r="B32" s="15">
        <v>27</v>
      </c>
      <c r="C32" s="16">
        <v>30</v>
      </c>
      <c r="D32" s="17">
        <v>57</v>
      </c>
    </row>
    <row r="33" spans="1:4" ht="18" customHeight="1" x14ac:dyDescent="0.2">
      <c r="A33" s="14">
        <v>23</v>
      </c>
      <c r="B33" s="15">
        <v>23</v>
      </c>
      <c r="C33" s="16">
        <v>29</v>
      </c>
      <c r="D33" s="17">
        <v>52</v>
      </c>
    </row>
    <row r="34" spans="1:4" ht="18" customHeight="1" x14ac:dyDescent="0.2">
      <c r="A34" s="14">
        <v>24</v>
      </c>
      <c r="B34" s="15">
        <v>20</v>
      </c>
      <c r="C34" s="16">
        <v>21</v>
      </c>
      <c r="D34" s="17">
        <v>41</v>
      </c>
    </row>
    <row r="35" spans="1:4" ht="18" customHeight="1" x14ac:dyDescent="0.2">
      <c r="A35" s="18" t="s">
        <v>53</v>
      </c>
      <c r="B35" s="15">
        <v>131</v>
      </c>
      <c r="C35" s="16">
        <v>128</v>
      </c>
      <c r="D35" s="17">
        <v>259</v>
      </c>
    </row>
    <row r="36" spans="1:4" ht="18" customHeight="1" x14ac:dyDescent="0.2">
      <c r="A36" s="14">
        <v>25</v>
      </c>
      <c r="B36" s="15">
        <v>19</v>
      </c>
      <c r="C36" s="16">
        <v>20</v>
      </c>
      <c r="D36" s="17">
        <v>39</v>
      </c>
    </row>
    <row r="37" spans="1:4" ht="18" customHeight="1" x14ac:dyDescent="0.2">
      <c r="A37" s="14">
        <v>26</v>
      </c>
      <c r="B37" s="15">
        <v>24</v>
      </c>
      <c r="C37" s="16">
        <v>25</v>
      </c>
      <c r="D37" s="17">
        <v>49</v>
      </c>
    </row>
    <row r="38" spans="1:4" ht="18" customHeight="1" x14ac:dyDescent="0.2">
      <c r="A38" s="14">
        <v>27</v>
      </c>
      <c r="B38" s="15">
        <v>17</v>
      </c>
      <c r="C38" s="16">
        <v>13</v>
      </c>
      <c r="D38" s="17">
        <v>30</v>
      </c>
    </row>
    <row r="39" spans="1:4" ht="18" customHeight="1" x14ac:dyDescent="0.2">
      <c r="A39" s="14">
        <v>28</v>
      </c>
      <c r="B39" s="15">
        <v>23</v>
      </c>
      <c r="C39" s="16">
        <v>20</v>
      </c>
      <c r="D39" s="17">
        <v>43</v>
      </c>
    </row>
    <row r="40" spans="1:4" ht="18" customHeight="1" x14ac:dyDescent="0.2">
      <c r="A40" s="14">
        <v>29</v>
      </c>
      <c r="B40" s="15">
        <v>20</v>
      </c>
      <c r="C40" s="16">
        <v>15</v>
      </c>
      <c r="D40" s="17">
        <v>35</v>
      </c>
    </row>
    <row r="41" spans="1:4" ht="18" customHeight="1" x14ac:dyDescent="0.2">
      <c r="A41" s="18" t="s">
        <v>54</v>
      </c>
      <c r="B41" s="15">
        <v>103</v>
      </c>
      <c r="C41" s="16">
        <v>93</v>
      </c>
      <c r="D41" s="17">
        <v>196</v>
      </c>
    </row>
    <row r="42" spans="1:4" ht="18" customHeight="1" x14ac:dyDescent="0.2">
      <c r="A42" s="14">
        <v>30</v>
      </c>
      <c r="B42" s="15">
        <v>17</v>
      </c>
      <c r="C42" s="16">
        <v>24</v>
      </c>
      <c r="D42" s="17">
        <v>41</v>
      </c>
    </row>
    <row r="43" spans="1:4" ht="18" customHeight="1" x14ac:dyDescent="0.2">
      <c r="A43" s="14">
        <v>31</v>
      </c>
      <c r="B43" s="15">
        <v>20</v>
      </c>
      <c r="C43" s="16">
        <v>24</v>
      </c>
      <c r="D43" s="17">
        <v>44</v>
      </c>
    </row>
    <row r="44" spans="1:4" ht="18" customHeight="1" x14ac:dyDescent="0.2">
      <c r="A44" s="14">
        <v>32</v>
      </c>
      <c r="B44" s="15">
        <v>27</v>
      </c>
      <c r="C44" s="16">
        <v>25</v>
      </c>
      <c r="D44" s="17">
        <v>52</v>
      </c>
    </row>
    <row r="45" spans="1:4" ht="18" customHeight="1" x14ac:dyDescent="0.2">
      <c r="A45" s="14">
        <v>33</v>
      </c>
      <c r="B45" s="15">
        <v>21</v>
      </c>
      <c r="C45" s="16">
        <v>28</v>
      </c>
      <c r="D45" s="17">
        <v>49</v>
      </c>
    </row>
    <row r="46" spans="1:4" ht="18" customHeight="1" x14ac:dyDescent="0.2">
      <c r="A46" s="14">
        <v>34</v>
      </c>
      <c r="B46" s="15">
        <v>20</v>
      </c>
      <c r="C46" s="16">
        <v>24</v>
      </c>
      <c r="D46" s="17">
        <v>44</v>
      </c>
    </row>
    <row r="47" spans="1:4" ht="18" customHeight="1" x14ac:dyDescent="0.2">
      <c r="A47" s="18" t="s">
        <v>55</v>
      </c>
      <c r="B47" s="15">
        <v>105</v>
      </c>
      <c r="C47" s="16">
        <v>125</v>
      </c>
      <c r="D47" s="17">
        <v>230</v>
      </c>
    </row>
    <row r="48" spans="1:4" ht="18" customHeight="1" x14ac:dyDescent="0.2">
      <c r="A48" s="14">
        <v>35</v>
      </c>
      <c r="B48" s="15">
        <v>27</v>
      </c>
      <c r="C48" s="16">
        <v>26</v>
      </c>
      <c r="D48" s="17">
        <v>53</v>
      </c>
    </row>
    <row r="49" spans="1:4" ht="18" customHeight="1" x14ac:dyDescent="0.2">
      <c r="A49" s="14">
        <v>36</v>
      </c>
      <c r="B49" s="15">
        <v>27</v>
      </c>
      <c r="C49" s="16">
        <v>25</v>
      </c>
      <c r="D49" s="17">
        <v>52</v>
      </c>
    </row>
    <row r="50" spans="1:4" ht="18" customHeight="1" x14ac:dyDescent="0.2">
      <c r="A50" s="14">
        <v>37</v>
      </c>
      <c r="B50" s="15">
        <v>31</v>
      </c>
      <c r="C50" s="16">
        <v>34</v>
      </c>
      <c r="D50" s="17">
        <v>65</v>
      </c>
    </row>
    <row r="51" spans="1:4" ht="18" customHeight="1" x14ac:dyDescent="0.2">
      <c r="A51" s="14">
        <v>38</v>
      </c>
      <c r="B51" s="15">
        <v>33</v>
      </c>
      <c r="C51" s="16">
        <v>35</v>
      </c>
      <c r="D51" s="17">
        <v>68</v>
      </c>
    </row>
    <row r="52" spans="1:4" ht="18" customHeight="1" x14ac:dyDescent="0.2">
      <c r="A52" s="14">
        <v>39</v>
      </c>
      <c r="B52" s="15">
        <v>39</v>
      </c>
      <c r="C52" s="16">
        <v>39</v>
      </c>
      <c r="D52" s="17">
        <v>78</v>
      </c>
    </row>
    <row r="53" spans="1:4" ht="18" customHeight="1" x14ac:dyDescent="0.2">
      <c r="A53" s="18" t="s">
        <v>56</v>
      </c>
      <c r="B53" s="15">
        <v>157</v>
      </c>
      <c r="C53" s="16">
        <v>159</v>
      </c>
      <c r="D53" s="17">
        <v>316</v>
      </c>
    </row>
    <row r="54" spans="1:4" ht="18" customHeight="1" x14ac:dyDescent="0.2">
      <c r="A54" s="14">
        <v>40</v>
      </c>
      <c r="B54" s="15">
        <v>41</v>
      </c>
      <c r="C54" s="16">
        <v>40</v>
      </c>
      <c r="D54" s="17">
        <v>81</v>
      </c>
    </row>
    <row r="55" spans="1:4" ht="18" customHeight="1" x14ac:dyDescent="0.2">
      <c r="A55" s="14">
        <v>41</v>
      </c>
      <c r="B55" s="15">
        <v>48</v>
      </c>
      <c r="C55" s="16">
        <v>38</v>
      </c>
      <c r="D55" s="17">
        <v>86</v>
      </c>
    </row>
    <row r="56" spans="1:4" ht="18" customHeight="1" x14ac:dyDescent="0.2">
      <c r="A56" s="14">
        <v>42</v>
      </c>
      <c r="B56" s="15">
        <v>45</v>
      </c>
      <c r="C56" s="16">
        <v>34</v>
      </c>
      <c r="D56" s="17">
        <v>79</v>
      </c>
    </row>
    <row r="57" spans="1:4" ht="18" customHeight="1" x14ac:dyDescent="0.2">
      <c r="A57" s="14">
        <v>43</v>
      </c>
      <c r="B57" s="15">
        <v>46</v>
      </c>
      <c r="C57" s="16">
        <v>34</v>
      </c>
      <c r="D57" s="17">
        <v>80</v>
      </c>
    </row>
    <row r="58" spans="1:4" ht="18" customHeight="1" x14ac:dyDescent="0.2">
      <c r="A58" s="14">
        <v>44</v>
      </c>
      <c r="B58" s="15">
        <v>49</v>
      </c>
      <c r="C58" s="16">
        <v>45</v>
      </c>
      <c r="D58" s="17">
        <v>94</v>
      </c>
    </row>
    <row r="59" spans="1:4" ht="18" customHeight="1" x14ac:dyDescent="0.2">
      <c r="A59" s="18" t="s">
        <v>57</v>
      </c>
      <c r="B59" s="15">
        <v>229</v>
      </c>
      <c r="C59" s="16">
        <v>191</v>
      </c>
      <c r="D59" s="17">
        <v>420</v>
      </c>
    </row>
    <row r="60" spans="1:4" ht="18" customHeight="1" x14ac:dyDescent="0.2">
      <c r="A60" s="14">
        <v>45</v>
      </c>
      <c r="B60" s="15">
        <v>50</v>
      </c>
      <c r="C60" s="16">
        <v>45</v>
      </c>
      <c r="D60" s="17">
        <v>95</v>
      </c>
    </row>
    <row r="61" spans="1:4" ht="18" customHeight="1" x14ac:dyDescent="0.2">
      <c r="A61" s="14">
        <v>46</v>
      </c>
      <c r="B61" s="15">
        <v>50</v>
      </c>
      <c r="C61" s="16">
        <v>42</v>
      </c>
      <c r="D61" s="17">
        <v>92</v>
      </c>
    </row>
    <row r="62" spans="1:4" ht="18" customHeight="1" x14ac:dyDescent="0.2">
      <c r="A62" s="14">
        <v>47</v>
      </c>
      <c r="B62" s="15">
        <v>43</v>
      </c>
      <c r="C62" s="16">
        <v>52</v>
      </c>
      <c r="D62" s="17">
        <v>95</v>
      </c>
    </row>
    <row r="63" spans="1:4" ht="18" customHeight="1" x14ac:dyDescent="0.2">
      <c r="A63" s="14">
        <v>48</v>
      </c>
      <c r="B63" s="15">
        <v>50</v>
      </c>
      <c r="C63" s="16">
        <v>51</v>
      </c>
      <c r="D63" s="17">
        <v>101</v>
      </c>
    </row>
    <row r="64" spans="1:4" ht="18" customHeight="1" x14ac:dyDescent="0.2">
      <c r="A64" s="14">
        <v>49</v>
      </c>
      <c r="B64" s="15">
        <v>47</v>
      </c>
      <c r="C64" s="16">
        <v>54</v>
      </c>
      <c r="D64" s="17">
        <v>101</v>
      </c>
    </row>
    <row r="65" spans="1:4" ht="18" customHeight="1" x14ac:dyDescent="0.2">
      <c r="A65" s="18" t="s">
        <v>58</v>
      </c>
      <c r="B65" s="15">
        <v>240</v>
      </c>
      <c r="C65" s="16">
        <v>244</v>
      </c>
      <c r="D65" s="17">
        <v>484</v>
      </c>
    </row>
    <row r="66" spans="1:4" ht="18" customHeight="1" x14ac:dyDescent="0.2">
      <c r="A66" s="14">
        <v>50</v>
      </c>
      <c r="B66" s="15">
        <v>62</v>
      </c>
      <c r="C66" s="16">
        <v>40</v>
      </c>
      <c r="D66" s="17">
        <v>102</v>
      </c>
    </row>
    <row r="67" spans="1:4" ht="18" customHeight="1" x14ac:dyDescent="0.2">
      <c r="A67" s="14">
        <v>51</v>
      </c>
      <c r="B67" s="15">
        <v>43</v>
      </c>
      <c r="C67" s="16">
        <v>33</v>
      </c>
      <c r="D67" s="17">
        <v>76</v>
      </c>
    </row>
    <row r="68" spans="1:4" ht="18" customHeight="1" x14ac:dyDescent="0.2">
      <c r="A68" s="14">
        <v>52</v>
      </c>
      <c r="B68" s="15">
        <v>42</v>
      </c>
      <c r="C68" s="16">
        <v>44</v>
      </c>
      <c r="D68" s="17">
        <v>86</v>
      </c>
    </row>
    <row r="69" spans="1:4" ht="18" customHeight="1" x14ac:dyDescent="0.2">
      <c r="A69" s="14">
        <v>53</v>
      </c>
      <c r="B69" s="15">
        <v>37</v>
      </c>
      <c r="C69" s="16">
        <v>41</v>
      </c>
      <c r="D69" s="17">
        <v>78</v>
      </c>
    </row>
    <row r="70" spans="1:4" ht="18" customHeight="1" x14ac:dyDescent="0.2">
      <c r="A70" s="14">
        <v>54</v>
      </c>
      <c r="B70" s="15">
        <v>39</v>
      </c>
      <c r="C70" s="16">
        <v>36</v>
      </c>
      <c r="D70" s="17">
        <v>75</v>
      </c>
    </row>
    <row r="71" spans="1:4" ht="18" customHeight="1" x14ac:dyDescent="0.2">
      <c r="A71" s="18" t="s">
        <v>59</v>
      </c>
      <c r="B71" s="15">
        <v>223</v>
      </c>
      <c r="C71" s="16">
        <v>194</v>
      </c>
      <c r="D71" s="17">
        <v>417</v>
      </c>
    </row>
    <row r="72" spans="1:4" ht="18" customHeight="1" x14ac:dyDescent="0.2">
      <c r="A72" s="14">
        <v>55</v>
      </c>
      <c r="B72" s="15">
        <v>32</v>
      </c>
      <c r="C72" s="16">
        <v>43</v>
      </c>
      <c r="D72" s="17">
        <v>75</v>
      </c>
    </row>
    <row r="73" spans="1:4" ht="18" customHeight="1" x14ac:dyDescent="0.2">
      <c r="A73" s="14">
        <v>56</v>
      </c>
      <c r="B73" s="15">
        <v>39</v>
      </c>
      <c r="C73" s="16">
        <v>43</v>
      </c>
      <c r="D73" s="17">
        <v>82</v>
      </c>
    </row>
    <row r="74" spans="1:4" ht="18" customHeight="1" x14ac:dyDescent="0.2">
      <c r="A74" s="14">
        <v>57</v>
      </c>
      <c r="B74" s="15">
        <v>32</v>
      </c>
      <c r="C74" s="16">
        <v>37</v>
      </c>
      <c r="D74" s="17">
        <v>69</v>
      </c>
    </row>
    <row r="75" spans="1:4" ht="18" customHeight="1" x14ac:dyDescent="0.2">
      <c r="A75" s="14">
        <v>58</v>
      </c>
      <c r="B75" s="15">
        <v>40</v>
      </c>
      <c r="C75" s="16">
        <v>37</v>
      </c>
      <c r="D75" s="17">
        <v>77</v>
      </c>
    </row>
    <row r="76" spans="1:4" ht="18" customHeight="1" x14ac:dyDescent="0.2">
      <c r="A76" s="14">
        <v>59</v>
      </c>
      <c r="B76" s="15">
        <v>41</v>
      </c>
      <c r="C76" s="16">
        <v>40</v>
      </c>
      <c r="D76" s="17">
        <v>81</v>
      </c>
    </row>
    <row r="77" spans="1:4" ht="18" customHeight="1" x14ac:dyDescent="0.2">
      <c r="A77" s="18" t="s">
        <v>60</v>
      </c>
      <c r="B77" s="15">
        <v>184</v>
      </c>
      <c r="C77" s="16">
        <v>200</v>
      </c>
      <c r="D77" s="17">
        <v>384</v>
      </c>
    </row>
    <row r="78" spans="1:4" ht="18" customHeight="1" x14ac:dyDescent="0.2">
      <c r="A78" s="14">
        <v>60</v>
      </c>
      <c r="B78" s="15">
        <v>26</v>
      </c>
      <c r="C78" s="16">
        <v>33</v>
      </c>
      <c r="D78" s="17">
        <v>59</v>
      </c>
    </row>
    <row r="79" spans="1:4" ht="18" customHeight="1" x14ac:dyDescent="0.2">
      <c r="A79" s="14">
        <v>61</v>
      </c>
      <c r="B79" s="15">
        <v>48</v>
      </c>
      <c r="C79" s="16">
        <v>49</v>
      </c>
      <c r="D79" s="17">
        <v>97</v>
      </c>
    </row>
    <row r="80" spans="1:4" ht="18" customHeight="1" x14ac:dyDescent="0.2">
      <c r="A80" s="14">
        <v>62</v>
      </c>
      <c r="B80" s="15">
        <v>36</v>
      </c>
      <c r="C80" s="16">
        <v>44</v>
      </c>
      <c r="D80" s="17">
        <v>80</v>
      </c>
    </row>
    <row r="81" spans="1:4" ht="18" customHeight="1" x14ac:dyDescent="0.2">
      <c r="A81" s="14">
        <v>63</v>
      </c>
      <c r="B81" s="15">
        <v>44</v>
      </c>
      <c r="C81" s="16">
        <v>37</v>
      </c>
      <c r="D81" s="17">
        <v>81</v>
      </c>
    </row>
    <row r="82" spans="1:4" ht="18" customHeight="1" x14ac:dyDescent="0.2">
      <c r="A82" s="14">
        <v>64</v>
      </c>
      <c r="B82" s="15">
        <v>41</v>
      </c>
      <c r="C82" s="16">
        <v>52</v>
      </c>
      <c r="D82" s="17">
        <v>93</v>
      </c>
    </row>
    <row r="83" spans="1:4" ht="18" customHeight="1" x14ac:dyDescent="0.2">
      <c r="A83" s="18" t="s">
        <v>61</v>
      </c>
      <c r="B83" s="15">
        <v>195</v>
      </c>
      <c r="C83" s="16">
        <v>215</v>
      </c>
      <c r="D83" s="17">
        <v>410</v>
      </c>
    </row>
    <row r="84" spans="1:4" ht="18" customHeight="1" x14ac:dyDescent="0.2">
      <c r="A84" s="18" t="s">
        <v>62</v>
      </c>
      <c r="B84" s="15">
        <v>1714</v>
      </c>
      <c r="C84" s="16">
        <v>1693</v>
      </c>
      <c r="D84" s="17">
        <v>3407</v>
      </c>
    </row>
    <row r="85" spans="1:4" ht="18" customHeight="1" x14ac:dyDescent="0.2">
      <c r="A85" s="14">
        <v>65</v>
      </c>
      <c r="B85" s="15">
        <v>30</v>
      </c>
      <c r="C85" s="16">
        <v>48</v>
      </c>
      <c r="D85" s="17">
        <v>78</v>
      </c>
    </row>
    <row r="86" spans="1:4" ht="18" customHeight="1" x14ac:dyDescent="0.2">
      <c r="A86" s="14">
        <v>66</v>
      </c>
      <c r="B86" s="15">
        <v>43</v>
      </c>
      <c r="C86" s="16">
        <v>71</v>
      </c>
      <c r="D86" s="17">
        <v>114</v>
      </c>
    </row>
    <row r="87" spans="1:4" ht="18" customHeight="1" x14ac:dyDescent="0.2">
      <c r="A87" s="14">
        <v>67</v>
      </c>
      <c r="B87" s="15">
        <v>60</v>
      </c>
      <c r="C87" s="16">
        <v>75</v>
      </c>
      <c r="D87" s="17">
        <v>135</v>
      </c>
    </row>
    <row r="88" spans="1:4" ht="18" customHeight="1" x14ac:dyDescent="0.2">
      <c r="A88" s="14">
        <v>68</v>
      </c>
      <c r="B88" s="15">
        <v>56</v>
      </c>
      <c r="C88" s="16">
        <v>73</v>
      </c>
      <c r="D88" s="17">
        <v>129</v>
      </c>
    </row>
    <row r="89" spans="1:4" ht="18" customHeight="1" x14ac:dyDescent="0.2">
      <c r="A89" s="14">
        <v>69</v>
      </c>
      <c r="B89" s="15">
        <v>83</v>
      </c>
      <c r="C89" s="16">
        <v>79</v>
      </c>
      <c r="D89" s="17">
        <v>162</v>
      </c>
    </row>
    <row r="90" spans="1:4" ht="18" customHeight="1" x14ac:dyDescent="0.2">
      <c r="A90" s="18" t="s">
        <v>63</v>
      </c>
      <c r="B90" s="15">
        <v>272</v>
      </c>
      <c r="C90" s="16">
        <v>346</v>
      </c>
      <c r="D90" s="17">
        <v>618</v>
      </c>
    </row>
    <row r="91" spans="1:4" ht="18" customHeight="1" x14ac:dyDescent="0.2">
      <c r="A91" s="14">
        <v>70</v>
      </c>
      <c r="B91" s="15">
        <v>93</v>
      </c>
      <c r="C91" s="16">
        <v>74</v>
      </c>
      <c r="D91" s="17">
        <v>167</v>
      </c>
    </row>
    <row r="92" spans="1:4" ht="18" customHeight="1" x14ac:dyDescent="0.2">
      <c r="A92" s="14">
        <v>71</v>
      </c>
      <c r="B92" s="15">
        <v>71</v>
      </c>
      <c r="C92" s="16">
        <v>68</v>
      </c>
      <c r="D92" s="17">
        <v>139</v>
      </c>
    </row>
    <row r="93" spans="1:4" ht="18" customHeight="1" x14ac:dyDescent="0.2">
      <c r="A93" s="14">
        <v>72</v>
      </c>
      <c r="B93" s="15">
        <v>80</v>
      </c>
      <c r="C93" s="16">
        <v>115</v>
      </c>
      <c r="D93" s="17">
        <v>195</v>
      </c>
    </row>
    <row r="94" spans="1:4" ht="18" customHeight="1" x14ac:dyDescent="0.2">
      <c r="A94" s="14">
        <v>73</v>
      </c>
      <c r="B94" s="15">
        <v>36</v>
      </c>
      <c r="C94" s="16">
        <v>39</v>
      </c>
      <c r="D94" s="17">
        <v>75</v>
      </c>
    </row>
    <row r="95" spans="1:4" ht="18" customHeight="1" x14ac:dyDescent="0.2">
      <c r="A95" s="14">
        <v>74</v>
      </c>
      <c r="B95" s="15">
        <v>58</v>
      </c>
      <c r="C95" s="16">
        <v>63</v>
      </c>
      <c r="D95" s="17">
        <v>121</v>
      </c>
    </row>
    <row r="96" spans="1:4" ht="18" customHeight="1" x14ac:dyDescent="0.2">
      <c r="A96" s="18" t="s">
        <v>64</v>
      </c>
      <c r="B96" s="15">
        <v>338</v>
      </c>
      <c r="C96" s="16">
        <v>359</v>
      </c>
      <c r="D96" s="17">
        <v>697</v>
      </c>
    </row>
    <row r="97" spans="1:4" ht="18" customHeight="1" x14ac:dyDescent="0.2">
      <c r="A97" s="14">
        <v>75</v>
      </c>
      <c r="B97" s="15">
        <v>52</v>
      </c>
      <c r="C97" s="16">
        <v>55</v>
      </c>
      <c r="D97" s="17">
        <v>107</v>
      </c>
    </row>
    <row r="98" spans="1:4" ht="18" customHeight="1" x14ac:dyDescent="0.2">
      <c r="A98" s="14">
        <v>76</v>
      </c>
      <c r="B98" s="15">
        <v>52</v>
      </c>
      <c r="C98" s="16">
        <v>43</v>
      </c>
      <c r="D98" s="17">
        <v>95</v>
      </c>
    </row>
    <row r="99" spans="1:4" ht="18" customHeight="1" x14ac:dyDescent="0.2">
      <c r="A99" s="14">
        <v>77</v>
      </c>
      <c r="B99" s="15">
        <v>57</v>
      </c>
      <c r="C99" s="16">
        <v>63</v>
      </c>
      <c r="D99" s="17">
        <v>120</v>
      </c>
    </row>
    <row r="100" spans="1:4" ht="18" customHeight="1" x14ac:dyDescent="0.2">
      <c r="A100" s="14">
        <v>78</v>
      </c>
      <c r="B100" s="15">
        <v>40</v>
      </c>
      <c r="C100" s="16">
        <v>57</v>
      </c>
      <c r="D100" s="17">
        <v>97</v>
      </c>
    </row>
    <row r="101" spans="1:4" ht="18" customHeight="1" x14ac:dyDescent="0.2">
      <c r="A101" s="14">
        <v>79</v>
      </c>
      <c r="B101" s="15">
        <v>42</v>
      </c>
      <c r="C101" s="16">
        <v>48</v>
      </c>
      <c r="D101" s="17">
        <v>90</v>
      </c>
    </row>
    <row r="102" spans="1:4" ht="18" customHeight="1" x14ac:dyDescent="0.2">
      <c r="A102" s="18" t="s">
        <v>65</v>
      </c>
      <c r="B102" s="15">
        <v>243</v>
      </c>
      <c r="C102" s="16">
        <v>266</v>
      </c>
      <c r="D102" s="17">
        <v>509</v>
      </c>
    </row>
    <row r="103" spans="1:4" ht="18" customHeight="1" x14ac:dyDescent="0.2">
      <c r="A103" s="14">
        <v>80</v>
      </c>
      <c r="B103" s="15">
        <v>36</v>
      </c>
      <c r="C103" s="16">
        <v>40</v>
      </c>
      <c r="D103" s="17">
        <v>76</v>
      </c>
    </row>
    <row r="104" spans="1:4" ht="18" customHeight="1" x14ac:dyDescent="0.2">
      <c r="A104" s="14">
        <v>81</v>
      </c>
      <c r="B104" s="15">
        <v>32</v>
      </c>
      <c r="C104" s="16">
        <v>28</v>
      </c>
      <c r="D104" s="17">
        <v>60</v>
      </c>
    </row>
    <row r="105" spans="1:4" ht="18" customHeight="1" x14ac:dyDescent="0.2">
      <c r="A105" s="14">
        <v>82</v>
      </c>
      <c r="B105" s="15">
        <v>24</v>
      </c>
      <c r="C105" s="16">
        <v>36</v>
      </c>
      <c r="D105" s="17">
        <v>60</v>
      </c>
    </row>
    <row r="106" spans="1:4" ht="18" customHeight="1" x14ac:dyDescent="0.2">
      <c r="A106" s="14">
        <v>83</v>
      </c>
      <c r="B106" s="15">
        <v>20</v>
      </c>
      <c r="C106" s="16">
        <v>34</v>
      </c>
      <c r="D106" s="17">
        <v>54</v>
      </c>
    </row>
    <row r="107" spans="1:4" ht="18" customHeight="1" x14ac:dyDescent="0.2">
      <c r="A107" s="14">
        <v>84</v>
      </c>
      <c r="B107" s="15">
        <v>22</v>
      </c>
      <c r="C107" s="16">
        <v>35</v>
      </c>
      <c r="D107" s="17">
        <v>57</v>
      </c>
    </row>
    <row r="108" spans="1:4" ht="18" customHeight="1" x14ac:dyDescent="0.2">
      <c r="A108" s="18" t="s">
        <v>66</v>
      </c>
      <c r="B108" s="15">
        <v>134</v>
      </c>
      <c r="C108" s="16">
        <v>173</v>
      </c>
      <c r="D108" s="17">
        <v>307</v>
      </c>
    </row>
    <row r="109" spans="1:4" ht="18" customHeight="1" x14ac:dyDescent="0.2">
      <c r="A109" s="14">
        <v>85</v>
      </c>
      <c r="B109" s="15">
        <v>16</v>
      </c>
      <c r="C109" s="16">
        <v>28</v>
      </c>
      <c r="D109" s="17">
        <v>44</v>
      </c>
    </row>
    <row r="110" spans="1:4" ht="18" customHeight="1" x14ac:dyDescent="0.2">
      <c r="A110" s="14">
        <v>86</v>
      </c>
      <c r="B110" s="15">
        <v>22</v>
      </c>
      <c r="C110" s="16">
        <v>29</v>
      </c>
      <c r="D110" s="17">
        <v>51</v>
      </c>
    </row>
    <row r="111" spans="1:4" ht="18" customHeight="1" x14ac:dyDescent="0.2">
      <c r="A111" s="14">
        <v>87</v>
      </c>
      <c r="B111" s="15">
        <v>13</v>
      </c>
      <c r="C111" s="16">
        <v>23</v>
      </c>
      <c r="D111" s="17">
        <v>36</v>
      </c>
    </row>
    <row r="112" spans="1:4" ht="18" customHeight="1" x14ac:dyDescent="0.2">
      <c r="A112" s="14">
        <v>88</v>
      </c>
      <c r="B112" s="15">
        <v>14</v>
      </c>
      <c r="C112" s="16">
        <v>18</v>
      </c>
      <c r="D112" s="17">
        <v>32</v>
      </c>
    </row>
    <row r="113" spans="1:4" ht="18" customHeight="1" x14ac:dyDescent="0.2">
      <c r="A113" s="14">
        <v>89</v>
      </c>
      <c r="B113" s="15">
        <v>8</v>
      </c>
      <c r="C113" s="16">
        <v>30</v>
      </c>
      <c r="D113" s="17">
        <v>38</v>
      </c>
    </row>
    <row r="114" spans="1:4" ht="18" customHeight="1" x14ac:dyDescent="0.2">
      <c r="A114" s="18" t="s">
        <v>67</v>
      </c>
      <c r="B114" s="15">
        <v>73</v>
      </c>
      <c r="C114" s="16">
        <v>128</v>
      </c>
      <c r="D114" s="17">
        <v>201</v>
      </c>
    </row>
    <row r="115" spans="1:4" ht="18" customHeight="1" x14ac:dyDescent="0.2">
      <c r="A115" s="14">
        <v>90</v>
      </c>
      <c r="B115" s="15">
        <v>9</v>
      </c>
      <c r="C115" s="16">
        <v>26</v>
      </c>
      <c r="D115" s="17">
        <v>35</v>
      </c>
    </row>
    <row r="116" spans="1:4" ht="18" customHeight="1" x14ac:dyDescent="0.2">
      <c r="A116" s="14">
        <v>91</v>
      </c>
      <c r="B116" s="15">
        <v>6</v>
      </c>
      <c r="C116" s="16">
        <v>19</v>
      </c>
      <c r="D116" s="17">
        <v>25</v>
      </c>
    </row>
    <row r="117" spans="1:4" ht="18" customHeight="1" x14ac:dyDescent="0.2">
      <c r="A117" s="14">
        <v>92</v>
      </c>
      <c r="B117" s="15">
        <v>8</v>
      </c>
      <c r="C117" s="16">
        <v>12</v>
      </c>
      <c r="D117" s="17">
        <v>20</v>
      </c>
    </row>
    <row r="118" spans="1:4" ht="18" customHeight="1" x14ac:dyDescent="0.2">
      <c r="A118" s="14">
        <v>93</v>
      </c>
      <c r="B118" s="15">
        <v>4</v>
      </c>
      <c r="C118" s="16">
        <v>15</v>
      </c>
      <c r="D118" s="17">
        <v>19</v>
      </c>
    </row>
    <row r="119" spans="1:4" ht="18" customHeight="1" x14ac:dyDescent="0.2">
      <c r="A119" s="14">
        <v>94</v>
      </c>
      <c r="B119" s="15">
        <v>4</v>
      </c>
      <c r="C119" s="16">
        <v>17</v>
      </c>
      <c r="D119" s="17">
        <v>21</v>
      </c>
    </row>
    <row r="120" spans="1:4" ht="18" customHeight="1" x14ac:dyDescent="0.2">
      <c r="A120" s="18" t="s">
        <v>68</v>
      </c>
      <c r="B120" s="15">
        <v>31</v>
      </c>
      <c r="C120" s="16">
        <v>89</v>
      </c>
      <c r="D120" s="17">
        <v>120</v>
      </c>
    </row>
    <row r="121" spans="1:4" ht="18" customHeight="1" x14ac:dyDescent="0.2">
      <c r="A121" s="14">
        <v>95</v>
      </c>
      <c r="B121" s="15">
        <v>3</v>
      </c>
      <c r="C121" s="16">
        <v>5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9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95</v>
      </c>
      <c r="C130" s="5">
        <v>1384</v>
      </c>
      <c r="D130" s="6">
        <v>2479</v>
      </c>
    </row>
    <row r="131" spans="1:4" ht="18" customHeight="1" x14ac:dyDescent="0.2">
      <c r="A131" s="20" t="s">
        <v>47</v>
      </c>
      <c r="B131" s="7">
        <v>3164</v>
      </c>
      <c r="C131" s="8">
        <v>3410</v>
      </c>
      <c r="D131" s="9">
        <v>65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4</v>
      </c>
      <c r="D5" s="13">
        <v>11</v>
      </c>
    </row>
    <row r="6" spans="1:4" ht="18" customHeight="1" x14ac:dyDescent="0.2">
      <c r="A6" s="14">
        <v>1</v>
      </c>
      <c r="B6" s="15">
        <v>5</v>
      </c>
      <c r="C6" s="16">
        <v>7</v>
      </c>
      <c r="D6" s="17">
        <v>12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6</v>
      </c>
      <c r="C8" s="16">
        <v>4</v>
      </c>
      <c r="D8" s="17">
        <v>10</v>
      </c>
    </row>
    <row r="9" spans="1:4" ht="18" customHeight="1" x14ac:dyDescent="0.2">
      <c r="A9" s="14">
        <v>4</v>
      </c>
      <c r="B9" s="15">
        <v>14</v>
      </c>
      <c r="C9" s="16">
        <v>3</v>
      </c>
      <c r="D9" s="17">
        <v>17</v>
      </c>
    </row>
    <row r="10" spans="1:4" ht="18" customHeight="1" x14ac:dyDescent="0.2">
      <c r="A10" s="18" t="s">
        <v>48</v>
      </c>
      <c r="B10" s="15">
        <v>41</v>
      </c>
      <c r="C10" s="16">
        <v>26</v>
      </c>
      <c r="D10" s="17">
        <v>67</v>
      </c>
    </row>
    <row r="11" spans="1:4" ht="18" customHeight="1" x14ac:dyDescent="0.2">
      <c r="A11" s="14">
        <v>5</v>
      </c>
      <c r="B11" s="15">
        <v>8</v>
      </c>
      <c r="C11" s="16">
        <v>9</v>
      </c>
      <c r="D11" s="17">
        <v>17</v>
      </c>
    </row>
    <row r="12" spans="1:4" ht="18" customHeight="1" x14ac:dyDescent="0.2">
      <c r="A12" s="14">
        <v>6</v>
      </c>
      <c r="B12" s="15">
        <v>16</v>
      </c>
      <c r="C12" s="16">
        <v>8</v>
      </c>
      <c r="D12" s="17">
        <v>24</v>
      </c>
    </row>
    <row r="13" spans="1:4" ht="18" customHeight="1" x14ac:dyDescent="0.2">
      <c r="A13" s="14">
        <v>7</v>
      </c>
      <c r="B13" s="15">
        <v>11</v>
      </c>
      <c r="C13" s="16">
        <v>6</v>
      </c>
      <c r="D13" s="17">
        <v>17</v>
      </c>
    </row>
    <row r="14" spans="1:4" ht="18" customHeight="1" x14ac:dyDescent="0.2">
      <c r="A14" s="14">
        <v>8</v>
      </c>
      <c r="B14" s="15">
        <v>14</v>
      </c>
      <c r="C14" s="16">
        <v>9</v>
      </c>
      <c r="D14" s="17">
        <v>23</v>
      </c>
    </row>
    <row r="15" spans="1:4" ht="18" customHeight="1" x14ac:dyDescent="0.2">
      <c r="A15" s="14">
        <v>9</v>
      </c>
      <c r="B15" s="15">
        <v>16</v>
      </c>
      <c r="C15" s="16">
        <v>16</v>
      </c>
      <c r="D15" s="17">
        <v>32</v>
      </c>
    </row>
    <row r="16" spans="1:4" ht="18" customHeight="1" x14ac:dyDescent="0.2">
      <c r="A16" s="18" t="s">
        <v>49</v>
      </c>
      <c r="B16" s="15">
        <v>65</v>
      </c>
      <c r="C16" s="16">
        <v>48</v>
      </c>
      <c r="D16" s="17">
        <v>113</v>
      </c>
    </row>
    <row r="17" spans="1:4" ht="18" customHeight="1" x14ac:dyDescent="0.2">
      <c r="A17" s="14">
        <v>10</v>
      </c>
      <c r="B17" s="15">
        <v>13</v>
      </c>
      <c r="C17" s="16">
        <v>10</v>
      </c>
      <c r="D17" s="17">
        <v>23</v>
      </c>
    </row>
    <row r="18" spans="1:4" ht="18" customHeight="1" x14ac:dyDescent="0.2">
      <c r="A18" s="14">
        <v>11</v>
      </c>
      <c r="B18" s="15">
        <v>18</v>
      </c>
      <c r="C18" s="16">
        <v>19</v>
      </c>
      <c r="D18" s="17">
        <v>37</v>
      </c>
    </row>
    <row r="19" spans="1:4" ht="18" customHeight="1" x14ac:dyDescent="0.2">
      <c r="A19" s="14">
        <v>12</v>
      </c>
      <c r="B19" s="15">
        <v>14</v>
      </c>
      <c r="C19" s="16">
        <v>16</v>
      </c>
      <c r="D19" s="17">
        <v>30</v>
      </c>
    </row>
    <row r="20" spans="1:4" ht="18" customHeight="1" x14ac:dyDescent="0.2">
      <c r="A20" s="14">
        <v>13</v>
      </c>
      <c r="B20" s="15">
        <v>25</v>
      </c>
      <c r="C20" s="16">
        <v>9</v>
      </c>
      <c r="D20" s="17">
        <v>34</v>
      </c>
    </row>
    <row r="21" spans="1:4" ht="18" customHeight="1" x14ac:dyDescent="0.2">
      <c r="A21" s="14">
        <v>14</v>
      </c>
      <c r="B21" s="15">
        <v>16</v>
      </c>
      <c r="C21" s="16">
        <v>16</v>
      </c>
      <c r="D21" s="17">
        <v>32</v>
      </c>
    </row>
    <row r="22" spans="1:4" ht="18" customHeight="1" x14ac:dyDescent="0.2">
      <c r="A22" s="18" t="s">
        <v>50</v>
      </c>
      <c r="B22" s="15">
        <v>86</v>
      </c>
      <c r="C22" s="16">
        <v>70</v>
      </c>
      <c r="D22" s="17">
        <v>156</v>
      </c>
    </row>
    <row r="23" spans="1:4" ht="18" customHeight="1" x14ac:dyDescent="0.2">
      <c r="A23" s="18" t="s">
        <v>51</v>
      </c>
      <c r="B23" s="15">
        <v>192</v>
      </c>
      <c r="C23" s="16">
        <v>144</v>
      </c>
      <c r="D23" s="17">
        <v>336</v>
      </c>
    </row>
    <row r="24" spans="1:4" ht="18" customHeight="1" x14ac:dyDescent="0.2">
      <c r="A24" s="14">
        <v>15</v>
      </c>
      <c r="B24" s="15">
        <v>20</v>
      </c>
      <c r="C24" s="16">
        <v>22</v>
      </c>
      <c r="D24" s="17">
        <v>42</v>
      </c>
    </row>
    <row r="25" spans="1:4" ht="18" customHeight="1" x14ac:dyDescent="0.2">
      <c r="A25" s="14">
        <v>16</v>
      </c>
      <c r="B25" s="15">
        <v>17</v>
      </c>
      <c r="C25" s="16">
        <v>23</v>
      </c>
      <c r="D25" s="17">
        <v>40</v>
      </c>
    </row>
    <row r="26" spans="1:4" ht="18" customHeight="1" x14ac:dyDescent="0.2">
      <c r="A26" s="14">
        <v>17</v>
      </c>
      <c r="B26" s="15">
        <v>22</v>
      </c>
      <c r="C26" s="16">
        <v>15</v>
      </c>
      <c r="D26" s="17">
        <v>37</v>
      </c>
    </row>
    <row r="27" spans="1:4" ht="18" customHeight="1" x14ac:dyDescent="0.2">
      <c r="A27" s="14">
        <v>18</v>
      </c>
      <c r="B27" s="15">
        <v>22</v>
      </c>
      <c r="C27" s="16">
        <v>20</v>
      </c>
      <c r="D27" s="17">
        <v>42</v>
      </c>
    </row>
    <row r="28" spans="1:4" ht="18" customHeight="1" x14ac:dyDescent="0.2">
      <c r="A28" s="14">
        <v>19</v>
      </c>
      <c r="B28" s="15">
        <v>26</v>
      </c>
      <c r="C28" s="16">
        <v>31</v>
      </c>
      <c r="D28" s="17">
        <v>57</v>
      </c>
    </row>
    <row r="29" spans="1:4" ht="18" customHeight="1" x14ac:dyDescent="0.2">
      <c r="A29" s="18" t="s">
        <v>52</v>
      </c>
      <c r="B29" s="15">
        <v>107</v>
      </c>
      <c r="C29" s="16">
        <v>111</v>
      </c>
      <c r="D29" s="17">
        <v>218</v>
      </c>
    </row>
    <row r="30" spans="1:4" ht="18" customHeight="1" x14ac:dyDescent="0.2">
      <c r="A30" s="14">
        <v>20</v>
      </c>
      <c r="B30" s="15">
        <v>14</v>
      </c>
      <c r="C30" s="16">
        <v>16</v>
      </c>
      <c r="D30" s="17">
        <v>30</v>
      </c>
    </row>
    <row r="31" spans="1:4" ht="18" customHeight="1" x14ac:dyDescent="0.2">
      <c r="A31" s="14">
        <v>21</v>
      </c>
      <c r="B31" s="15">
        <v>24</v>
      </c>
      <c r="C31" s="16">
        <v>18</v>
      </c>
      <c r="D31" s="17">
        <v>42</v>
      </c>
    </row>
    <row r="32" spans="1:4" ht="18" customHeight="1" x14ac:dyDescent="0.2">
      <c r="A32" s="14">
        <v>22</v>
      </c>
      <c r="B32" s="15">
        <v>22</v>
      </c>
      <c r="C32" s="16">
        <v>15</v>
      </c>
      <c r="D32" s="17">
        <v>37</v>
      </c>
    </row>
    <row r="33" spans="1:4" ht="18" customHeight="1" x14ac:dyDescent="0.2">
      <c r="A33" s="14">
        <v>23</v>
      </c>
      <c r="B33" s="15">
        <v>17</v>
      </c>
      <c r="C33" s="16">
        <v>15</v>
      </c>
      <c r="D33" s="17">
        <v>32</v>
      </c>
    </row>
    <row r="34" spans="1:4" ht="18" customHeight="1" x14ac:dyDescent="0.2">
      <c r="A34" s="14">
        <v>24</v>
      </c>
      <c r="B34" s="15">
        <v>13</v>
      </c>
      <c r="C34" s="16">
        <v>17</v>
      </c>
      <c r="D34" s="17">
        <v>30</v>
      </c>
    </row>
    <row r="35" spans="1:4" ht="18" customHeight="1" x14ac:dyDescent="0.2">
      <c r="A35" s="18" t="s">
        <v>53</v>
      </c>
      <c r="B35" s="15">
        <v>90</v>
      </c>
      <c r="C35" s="16">
        <v>81</v>
      </c>
      <c r="D35" s="17">
        <v>171</v>
      </c>
    </row>
    <row r="36" spans="1:4" ht="18" customHeight="1" x14ac:dyDescent="0.2">
      <c r="A36" s="14">
        <v>25</v>
      </c>
      <c r="B36" s="15">
        <v>14</v>
      </c>
      <c r="C36" s="16">
        <v>22</v>
      </c>
      <c r="D36" s="17">
        <v>36</v>
      </c>
    </row>
    <row r="37" spans="1:4" ht="18" customHeight="1" x14ac:dyDescent="0.2">
      <c r="A37" s="14">
        <v>26</v>
      </c>
      <c r="B37" s="15">
        <v>19</v>
      </c>
      <c r="C37" s="16">
        <v>16</v>
      </c>
      <c r="D37" s="17">
        <v>35</v>
      </c>
    </row>
    <row r="38" spans="1:4" ht="18" customHeight="1" x14ac:dyDescent="0.2">
      <c r="A38" s="14">
        <v>27</v>
      </c>
      <c r="B38" s="15">
        <v>18</v>
      </c>
      <c r="C38" s="16">
        <v>11</v>
      </c>
      <c r="D38" s="17">
        <v>29</v>
      </c>
    </row>
    <row r="39" spans="1:4" ht="18" customHeight="1" x14ac:dyDescent="0.2">
      <c r="A39" s="14">
        <v>28</v>
      </c>
      <c r="B39" s="15">
        <v>20</v>
      </c>
      <c r="C39" s="16">
        <v>14</v>
      </c>
      <c r="D39" s="17">
        <v>34</v>
      </c>
    </row>
    <row r="40" spans="1:4" ht="18" customHeight="1" x14ac:dyDescent="0.2">
      <c r="A40" s="14">
        <v>29</v>
      </c>
      <c r="B40" s="15">
        <v>20</v>
      </c>
      <c r="C40" s="16">
        <v>11</v>
      </c>
      <c r="D40" s="17">
        <v>31</v>
      </c>
    </row>
    <row r="41" spans="1:4" ht="18" customHeight="1" x14ac:dyDescent="0.2">
      <c r="A41" s="18" t="s">
        <v>54</v>
      </c>
      <c r="B41" s="15">
        <v>91</v>
      </c>
      <c r="C41" s="16">
        <v>74</v>
      </c>
      <c r="D41" s="17">
        <v>165</v>
      </c>
    </row>
    <row r="42" spans="1:4" ht="18" customHeight="1" x14ac:dyDescent="0.2">
      <c r="A42" s="14">
        <v>30</v>
      </c>
      <c r="B42" s="15">
        <v>13</v>
      </c>
      <c r="C42" s="16">
        <v>9</v>
      </c>
      <c r="D42" s="17">
        <v>22</v>
      </c>
    </row>
    <row r="43" spans="1:4" ht="18" customHeight="1" x14ac:dyDescent="0.2">
      <c r="A43" s="14">
        <v>31</v>
      </c>
      <c r="B43" s="15">
        <v>12</v>
      </c>
      <c r="C43" s="16">
        <v>10</v>
      </c>
      <c r="D43" s="17">
        <v>22</v>
      </c>
    </row>
    <row r="44" spans="1:4" ht="18" customHeight="1" x14ac:dyDescent="0.2">
      <c r="A44" s="14">
        <v>32</v>
      </c>
      <c r="B44" s="15">
        <v>15</v>
      </c>
      <c r="C44" s="16">
        <v>16</v>
      </c>
      <c r="D44" s="17">
        <v>31</v>
      </c>
    </row>
    <row r="45" spans="1:4" ht="18" customHeight="1" x14ac:dyDescent="0.2">
      <c r="A45" s="14">
        <v>33</v>
      </c>
      <c r="B45" s="15">
        <v>10</v>
      </c>
      <c r="C45" s="16">
        <v>13</v>
      </c>
      <c r="D45" s="17">
        <v>23</v>
      </c>
    </row>
    <row r="46" spans="1:4" ht="18" customHeight="1" x14ac:dyDescent="0.2">
      <c r="A46" s="14">
        <v>34</v>
      </c>
      <c r="B46" s="15">
        <v>15</v>
      </c>
      <c r="C46" s="16">
        <v>12</v>
      </c>
      <c r="D46" s="17">
        <v>27</v>
      </c>
    </row>
    <row r="47" spans="1:4" ht="18" customHeight="1" x14ac:dyDescent="0.2">
      <c r="A47" s="18" t="s">
        <v>55</v>
      </c>
      <c r="B47" s="15">
        <v>65</v>
      </c>
      <c r="C47" s="16">
        <v>60</v>
      </c>
      <c r="D47" s="17">
        <v>125</v>
      </c>
    </row>
    <row r="48" spans="1:4" ht="18" customHeight="1" x14ac:dyDescent="0.2">
      <c r="A48" s="14">
        <v>35</v>
      </c>
      <c r="B48" s="15">
        <v>15</v>
      </c>
      <c r="C48" s="16">
        <v>16</v>
      </c>
      <c r="D48" s="17">
        <v>31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4</v>
      </c>
      <c r="C50" s="16">
        <v>17</v>
      </c>
      <c r="D50" s="17">
        <v>31</v>
      </c>
    </row>
    <row r="51" spans="1:4" ht="18" customHeight="1" x14ac:dyDescent="0.2">
      <c r="A51" s="14">
        <v>38</v>
      </c>
      <c r="B51" s="15">
        <v>17</v>
      </c>
      <c r="C51" s="16">
        <v>13</v>
      </c>
      <c r="D51" s="17">
        <v>30</v>
      </c>
    </row>
    <row r="52" spans="1:4" ht="18" customHeight="1" x14ac:dyDescent="0.2">
      <c r="A52" s="14">
        <v>39</v>
      </c>
      <c r="B52" s="15">
        <v>15</v>
      </c>
      <c r="C52" s="16">
        <v>12</v>
      </c>
      <c r="D52" s="17">
        <v>27</v>
      </c>
    </row>
    <row r="53" spans="1:4" ht="18" customHeight="1" x14ac:dyDescent="0.2">
      <c r="A53" s="18" t="s">
        <v>56</v>
      </c>
      <c r="B53" s="15">
        <v>74</v>
      </c>
      <c r="C53" s="16">
        <v>70</v>
      </c>
      <c r="D53" s="17">
        <v>144</v>
      </c>
    </row>
    <row r="54" spans="1:4" ht="18" customHeight="1" x14ac:dyDescent="0.2">
      <c r="A54" s="14">
        <v>40</v>
      </c>
      <c r="B54" s="15">
        <v>17</v>
      </c>
      <c r="C54" s="16">
        <v>13</v>
      </c>
      <c r="D54" s="17">
        <v>30</v>
      </c>
    </row>
    <row r="55" spans="1:4" ht="18" customHeight="1" x14ac:dyDescent="0.2">
      <c r="A55" s="14">
        <v>41</v>
      </c>
      <c r="B55" s="15">
        <v>24</v>
      </c>
      <c r="C55" s="16">
        <v>23</v>
      </c>
      <c r="D55" s="17">
        <v>47</v>
      </c>
    </row>
    <row r="56" spans="1:4" ht="18" customHeight="1" x14ac:dyDescent="0.2">
      <c r="A56" s="14">
        <v>42</v>
      </c>
      <c r="B56" s="15">
        <v>12</v>
      </c>
      <c r="C56" s="16">
        <v>20</v>
      </c>
      <c r="D56" s="17">
        <v>32</v>
      </c>
    </row>
    <row r="57" spans="1:4" ht="18" customHeight="1" x14ac:dyDescent="0.2">
      <c r="A57" s="14">
        <v>43</v>
      </c>
      <c r="B57" s="15">
        <v>26</v>
      </c>
      <c r="C57" s="16">
        <v>23</v>
      </c>
      <c r="D57" s="17">
        <v>49</v>
      </c>
    </row>
    <row r="58" spans="1:4" ht="18" customHeight="1" x14ac:dyDescent="0.2">
      <c r="A58" s="14">
        <v>44</v>
      </c>
      <c r="B58" s="15">
        <v>27</v>
      </c>
      <c r="C58" s="16">
        <v>21</v>
      </c>
      <c r="D58" s="17">
        <v>48</v>
      </c>
    </row>
    <row r="59" spans="1:4" ht="18" customHeight="1" x14ac:dyDescent="0.2">
      <c r="A59" s="18" t="s">
        <v>57</v>
      </c>
      <c r="B59" s="15">
        <v>106</v>
      </c>
      <c r="C59" s="16">
        <v>100</v>
      </c>
      <c r="D59" s="17">
        <v>206</v>
      </c>
    </row>
    <row r="60" spans="1:4" ht="18" customHeight="1" x14ac:dyDescent="0.2">
      <c r="A60" s="14">
        <v>45</v>
      </c>
      <c r="B60" s="15">
        <v>32</v>
      </c>
      <c r="C60" s="16">
        <v>30</v>
      </c>
      <c r="D60" s="17">
        <v>62</v>
      </c>
    </row>
    <row r="61" spans="1:4" ht="18" customHeight="1" x14ac:dyDescent="0.2">
      <c r="A61" s="14">
        <v>46</v>
      </c>
      <c r="B61" s="15">
        <v>20</v>
      </c>
      <c r="C61" s="16">
        <v>38</v>
      </c>
      <c r="D61" s="17">
        <v>58</v>
      </c>
    </row>
    <row r="62" spans="1:4" ht="18" customHeight="1" x14ac:dyDescent="0.2">
      <c r="A62" s="14">
        <v>47</v>
      </c>
      <c r="B62" s="15">
        <v>32</v>
      </c>
      <c r="C62" s="16">
        <v>33</v>
      </c>
      <c r="D62" s="17">
        <v>65</v>
      </c>
    </row>
    <row r="63" spans="1:4" ht="18" customHeight="1" x14ac:dyDescent="0.2">
      <c r="A63" s="14">
        <v>48</v>
      </c>
      <c r="B63" s="15">
        <v>28</v>
      </c>
      <c r="C63" s="16">
        <v>27</v>
      </c>
      <c r="D63" s="17">
        <v>55</v>
      </c>
    </row>
    <row r="64" spans="1:4" ht="18" customHeight="1" x14ac:dyDescent="0.2">
      <c r="A64" s="14">
        <v>49</v>
      </c>
      <c r="B64" s="15">
        <v>40</v>
      </c>
      <c r="C64" s="16">
        <v>31</v>
      </c>
      <c r="D64" s="17">
        <v>71</v>
      </c>
    </row>
    <row r="65" spans="1:4" ht="18" customHeight="1" x14ac:dyDescent="0.2">
      <c r="A65" s="18" t="s">
        <v>58</v>
      </c>
      <c r="B65" s="15">
        <v>152</v>
      </c>
      <c r="C65" s="16">
        <v>159</v>
      </c>
      <c r="D65" s="17">
        <v>311</v>
      </c>
    </row>
    <row r="66" spans="1:4" ht="18" customHeight="1" x14ac:dyDescent="0.2">
      <c r="A66" s="14">
        <v>50</v>
      </c>
      <c r="B66" s="15">
        <v>36</v>
      </c>
      <c r="C66" s="16">
        <v>36</v>
      </c>
      <c r="D66" s="17">
        <v>72</v>
      </c>
    </row>
    <row r="67" spans="1:4" ht="18" customHeight="1" x14ac:dyDescent="0.2">
      <c r="A67" s="14">
        <v>51</v>
      </c>
      <c r="B67" s="15">
        <v>21</v>
      </c>
      <c r="C67" s="16">
        <v>20</v>
      </c>
      <c r="D67" s="17">
        <v>41</v>
      </c>
    </row>
    <row r="68" spans="1:4" ht="18" customHeight="1" x14ac:dyDescent="0.2">
      <c r="A68" s="14">
        <v>52</v>
      </c>
      <c r="B68" s="15">
        <v>33</v>
      </c>
      <c r="C68" s="16">
        <v>36</v>
      </c>
      <c r="D68" s="17">
        <v>69</v>
      </c>
    </row>
    <row r="69" spans="1:4" ht="18" customHeight="1" x14ac:dyDescent="0.2">
      <c r="A69" s="14">
        <v>53</v>
      </c>
      <c r="B69" s="15">
        <v>24</v>
      </c>
      <c r="C69" s="16">
        <v>26</v>
      </c>
      <c r="D69" s="17">
        <v>50</v>
      </c>
    </row>
    <row r="70" spans="1:4" ht="18" customHeight="1" x14ac:dyDescent="0.2">
      <c r="A70" s="14">
        <v>54</v>
      </c>
      <c r="B70" s="15">
        <v>25</v>
      </c>
      <c r="C70" s="16">
        <v>19</v>
      </c>
      <c r="D70" s="17">
        <v>44</v>
      </c>
    </row>
    <row r="71" spans="1:4" ht="18" customHeight="1" x14ac:dyDescent="0.2">
      <c r="A71" s="18" t="s">
        <v>59</v>
      </c>
      <c r="B71" s="15">
        <v>139</v>
      </c>
      <c r="C71" s="16">
        <v>137</v>
      </c>
      <c r="D71" s="17">
        <v>276</v>
      </c>
    </row>
    <row r="72" spans="1:4" ht="18" customHeight="1" x14ac:dyDescent="0.2">
      <c r="A72" s="14">
        <v>55</v>
      </c>
      <c r="B72" s="15">
        <v>23</v>
      </c>
      <c r="C72" s="16">
        <v>25</v>
      </c>
      <c r="D72" s="17">
        <v>48</v>
      </c>
    </row>
    <row r="73" spans="1:4" ht="18" customHeight="1" x14ac:dyDescent="0.2">
      <c r="A73" s="14">
        <v>56</v>
      </c>
      <c r="B73" s="15">
        <v>24</v>
      </c>
      <c r="C73" s="16">
        <v>24</v>
      </c>
      <c r="D73" s="17">
        <v>48</v>
      </c>
    </row>
    <row r="74" spans="1:4" ht="18" customHeight="1" x14ac:dyDescent="0.2">
      <c r="A74" s="14">
        <v>57</v>
      </c>
      <c r="B74" s="15">
        <v>31</v>
      </c>
      <c r="C74" s="16">
        <v>21</v>
      </c>
      <c r="D74" s="17">
        <v>52</v>
      </c>
    </row>
    <row r="75" spans="1:4" ht="18" customHeight="1" x14ac:dyDescent="0.2">
      <c r="A75" s="14">
        <v>58</v>
      </c>
      <c r="B75" s="15">
        <v>16</v>
      </c>
      <c r="C75" s="16">
        <v>33</v>
      </c>
      <c r="D75" s="17">
        <v>49</v>
      </c>
    </row>
    <row r="76" spans="1:4" ht="18" customHeight="1" x14ac:dyDescent="0.2">
      <c r="A76" s="14">
        <v>59</v>
      </c>
      <c r="B76" s="15">
        <v>17</v>
      </c>
      <c r="C76" s="16">
        <v>11</v>
      </c>
      <c r="D76" s="17">
        <v>28</v>
      </c>
    </row>
    <row r="77" spans="1:4" ht="18" customHeight="1" x14ac:dyDescent="0.2">
      <c r="A77" s="18" t="s">
        <v>60</v>
      </c>
      <c r="B77" s="15">
        <v>111</v>
      </c>
      <c r="C77" s="16">
        <v>114</v>
      </c>
      <c r="D77" s="17">
        <v>225</v>
      </c>
    </row>
    <row r="78" spans="1:4" ht="18" customHeight="1" x14ac:dyDescent="0.2">
      <c r="A78" s="14">
        <v>60</v>
      </c>
      <c r="B78" s="15">
        <v>28</v>
      </c>
      <c r="C78" s="16">
        <v>21</v>
      </c>
      <c r="D78" s="17">
        <v>49</v>
      </c>
    </row>
    <row r="79" spans="1:4" ht="18" customHeight="1" x14ac:dyDescent="0.2">
      <c r="A79" s="14">
        <v>61</v>
      </c>
      <c r="B79" s="15">
        <v>15</v>
      </c>
      <c r="C79" s="16">
        <v>20</v>
      </c>
      <c r="D79" s="17">
        <v>35</v>
      </c>
    </row>
    <row r="80" spans="1:4" ht="18" customHeight="1" x14ac:dyDescent="0.2">
      <c r="A80" s="14">
        <v>62</v>
      </c>
      <c r="B80" s="15">
        <v>29</v>
      </c>
      <c r="C80" s="16">
        <v>26</v>
      </c>
      <c r="D80" s="17">
        <v>55</v>
      </c>
    </row>
    <row r="81" spans="1:4" ht="18" customHeight="1" x14ac:dyDescent="0.2">
      <c r="A81" s="14">
        <v>63</v>
      </c>
      <c r="B81" s="15">
        <v>24</v>
      </c>
      <c r="C81" s="16">
        <v>25</v>
      </c>
      <c r="D81" s="17">
        <v>49</v>
      </c>
    </row>
    <row r="82" spans="1:4" ht="18" customHeight="1" x14ac:dyDescent="0.2">
      <c r="A82" s="14">
        <v>64</v>
      </c>
      <c r="B82" s="15">
        <v>21</v>
      </c>
      <c r="C82" s="16">
        <v>14</v>
      </c>
      <c r="D82" s="17">
        <v>35</v>
      </c>
    </row>
    <row r="83" spans="1:4" ht="18" customHeight="1" x14ac:dyDescent="0.2">
      <c r="A83" s="18" t="s">
        <v>61</v>
      </c>
      <c r="B83" s="15">
        <v>117</v>
      </c>
      <c r="C83" s="16">
        <v>106</v>
      </c>
      <c r="D83" s="17">
        <v>223</v>
      </c>
    </row>
    <row r="84" spans="1:4" ht="18" customHeight="1" x14ac:dyDescent="0.2">
      <c r="A84" s="18" t="s">
        <v>62</v>
      </c>
      <c r="B84" s="15">
        <v>1052</v>
      </c>
      <c r="C84" s="16">
        <v>1012</v>
      </c>
      <c r="D84" s="17">
        <v>2064</v>
      </c>
    </row>
    <row r="85" spans="1:4" ht="18" customHeight="1" x14ac:dyDescent="0.2">
      <c r="A85" s="14">
        <v>65</v>
      </c>
      <c r="B85" s="15">
        <v>23</v>
      </c>
      <c r="C85" s="16">
        <v>19</v>
      </c>
      <c r="D85" s="17">
        <v>42</v>
      </c>
    </row>
    <row r="86" spans="1:4" ht="18" customHeight="1" x14ac:dyDescent="0.2">
      <c r="A86" s="14">
        <v>66</v>
      </c>
      <c r="B86" s="15">
        <v>24</v>
      </c>
      <c r="C86" s="16">
        <v>25</v>
      </c>
      <c r="D86" s="17">
        <v>49</v>
      </c>
    </row>
    <row r="87" spans="1:4" ht="18" customHeight="1" x14ac:dyDescent="0.2">
      <c r="A87" s="14">
        <v>67</v>
      </c>
      <c r="B87" s="15">
        <v>20</v>
      </c>
      <c r="C87" s="16">
        <v>12</v>
      </c>
      <c r="D87" s="17">
        <v>32</v>
      </c>
    </row>
    <row r="88" spans="1:4" ht="18" customHeight="1" x14ac:dyDescent="0.2">
      <c r="A88" s="14">
        <v>68</v>
      </c>
      <c r="B88" s="15">
        <v>19</v>
      </c>
      <c r="C88" s="16">
        <v>16</v>
      </c>
      <c r="D88" s="17">
        <v>35</v>
      </c>
    </row>
    <row r="89" spans="1:4" ht="18" customHeight="1" x14ac:dyDescent="0.2">
      <c r="A89" s="14">
        <v>69</v>
      </c>
      <c r="B89" s="15">
        <v>24</v>
      </c>
      <c r="C89" s="16">
        <v>28</v>
      </c>
      <c r="D89" s="17">
        <v>52</v>
      </c>
    </row>
    <row r="90" spans="1:4" ht="18" customHeight="1" x14ac:dyDescent="0.2">
      <c r="A90" s="18" t="s">
        <v>63</v>
      </c>
      <c r="B90" s="15">
        <v>110</v>
      </c>
      <c r="C90" s="16">
        <v>100</v>
      </c>
      <c r="D90" s="17">
        <v>210</v>
      </c>
    </row>
    <row r="91" spans="1:4" ht="18" customHeight="1" x14ac:dyDescent="0.2">
      <c r="A91" s="14">
        <v>70</v>
      </c>
      <c r="B91" s="15">
        <v>24</v>
      </c>
      <c r="C91" s="16">
        <v>36</v>
      </c>
      <c r="D91" s="17">
        <v>60</v>
      </c>
    </row>
    <row r="92" spans="1:4" ht="18" customHeight="1" x14ac:dyDescent="0.2">
      <c r="A92" s="14">
        <v>71</v>
      </c>
      <c r="B92" s="15">
        <v>31</v>
      </c>
      <c r="C92" s="16">
        <v>26</v>
      </c>
      <c r="D92" s="17">
        <v>57</v>
      </c>
    </row>
    <row r="93" spans="1:4" ht="18" customHeight="1" x14ac:dyDescent="0.2">
      <c r="A93" s="14">
        <v>72</v>
      </c>
      <c r="B93" s="15">
        <v>29</v>
      </c>
      <c r="C93" s="16">
        <v>40</v>
      </c>
      <c r="D93" s="17">
        <v>69</v>
      </c>
    </row>
    <row r="94" spans="1:4" ht="18" customHeight="1" x14ac:dyDescent="0.2">
      <c r="A94" s="14">
        <v>73</v>
      </c>
      <c r="B94" s="15">
        <v>17</v>
      </c>
      <c r="C94" s="16">
        <v>24</v>
      </c>
      <c r="D94" s="17">
        <v>41</v>
      </c>
    </row>
    <row r="95" spans="1:4" ht="18" customHeight="1" x14ac:dyDescent="0.2">
      <c r="A95" s="14">
        <v>74</v>
      </c>
      <c r="B95" s="15">
        <v>20</v>
      </c>
      <c r="C95" s="16">
        <v>25</v>
      </c>
      <c r="D95" s="17">
        <v>45</v>
      </c>
    </row>
    <row r="96" spans="1:4" ht="18" customHeight="1" x14ac:dyDescent="0.2">
      <c r="A96" s="18" t="s">
        <v>64</v>
      </c>
      <c r="B96" s="15">
        <v>121</v>
      </c>
      <c r="C96" s="16">
        <v>151</v>
      </c>
      <c r="D96" s="17">
        <v>272</v>
      </c>
    </row>
    <row r="97" spans="1:4" ht="18" customHeight="1" x14ac:dyDescent="0.2">
      <c r="A97" s="14">
        <v>75</v>
      </c>
      <c r="B97" s="15">
        <v>17</v>
      </c>
      <c r="C97" s="16">
        <v>31</v>
      </c>
      <c r="D97" s="17">
        <v>48</v>
      </c>
    </row>
    <row r="98" spans="1:4" ht="18" customHeight="1" x14ac:dyDescent="0.2">
      <c r="A98" s="14">
        <v>76</v>
      </c>
      <c r="B98" s="15">
        <v>20</v>
      </c>
      <c r="C98" s="16">
        <v>21</v>
      </c>
      <c r="D98" s="17">
        <v>41</v>
      </c>
    </row>
    <row r="99" spans="1:4" ht="18" customHeight="1" x14ac:dyDescent="0.2">
      <c r="A99" s="14">
        <v>77</v>
      </c>
      <c r="B99" s="15">
        <v>18</v>
      </c>
      <c r="C99" s="16">
        <v>29</v>
      </c>
      <c r="D99" s="17">
        <v>47</v>
      </c>
    </row>
    <row r="100" spans="1:4" ht="18" customHeight="1" x14ac:dyDescent="0.2">
      <c r="A100" s="14">
        <v>78</v>
      </c>
      <c r="B100" s="15">
        <v>14</v>
      </c>
      <c r="C100" s="16">
        <v>18</v>
      </c>
      <c r="D100" s="17">
        <v>32</v>
      </c>
    </row>
    <row r="101" spans="1:4" ht="18" customHeight="1" x14ac:dyDescent="0.2">
      <c r="A101" s="14">
        <v>79</v>
      </c>
      <c r="B101" s="15">
        <v>20</v>
      </c>
      <c r="C101" s="16">
        <v>18</v>
      </c>
      <c r="D101" s="17">
        <v>38</v>
      </c>
    </row>
    <row r="102" spans="1:4" ht="18" customHeight="1" x14ac:dyDescent="0.2">
      <c r="A102" s="18" t="s">
        <v>65</v>
      </c>
      <c r="B102" s="15">
        <v>89</v>
      </c>
      <c r="C102" s="16">
        <v>117</v>
      </c>
      <c r="D102" s="17">
        <v>206</v>
      </c>
    </row>
    <row r="103" spans="1:4" ht="18" customHeight="1" x14ac:dyDescent="0.2">
      <c r="A103" s="14">
        <v>80</v>
      </c>
      <c r="B103" s="15">
        <v>11</v>
      </c>
      <c r="C103" s="16">
        <v>19</v>
      </c>
      <c r="D103" s="17">
        <v>30</v>
      </c>
    </row>
    <row r="104" spans="1:4" ht="18" customHeight="1" x14ac:dyDescent="0.2">
      <c r="A104" s="14">
        <v>81</v>
      </c>
      <c r="B104" s="15">
        <v>9</v>
      </c>
      <c r="C104" s="16">
        <v>22</v>
      </c>
      <c r="D104" s="17">
        <v>31</v>
      </c>
    </row>
    <row r="105" spans="1:4" ht="18" customHeight="1" x14ac:dyDescent="0.2">
      <c r="A105" s="14">
        <v>82</v>
      </c>
      <c r="B105" s="15">
        <v>9</v>
      </c>
      <c r="C105" s="16">
        <v>22</v>
      </c>
      <c r="D105" s="17">
        <v>31</v>
      </c>
    </row>
    <row r="106" spans="1:4" ht="18" customHeight="1" x14ac:dyDescent="0.2">
      <c r="A106" s="14">
        <v>83</v>
      </c>
      <c r="B106" s="15">
        <v>12</v>
      </c>
      <c r="C106" s="16">
        <v>14</v>
      </c>
      <c r="D106" s="17">
        <v>26</v>
      </c>
    </row>
    <row r="107" spans="1:4" ht="18" customHeight="1" x14ac:dyDescent="0.2">
      <c r="A107" s="14">
        <v>84</v>
      </c>
      <c r="B107" s="15">
        <v>11</v>
      </c>
      <c r="C107" s="16">
        <v>17</v>
      </c>
      <c r="D107" s="17">
        <v>28</v>
      </c>
    </row>
    <row r="108" spans="1:4" ht="18" customHeight="1" x14ac:dyDescent="0.2">
      <c r="A108" s="18" t="s">
        <v>66</v>
      </c>
      <c r="B108" s="15">
        <v>52</v>
      </c>
      <c r="C108" s="16">
        <v>94</v>
      </c>
      <c r="D108" s="17">
        <v>146</v>
      </c>
    </row>
    <row r="109" spans="1:4" ht="18" customHeight="1" x14ac:dyDescent="0.2">
      <c r="A109" s="14">
        <v>85</v>
      </c>
      <c r="B109" s="15">
        <v>8</v>
      </c>
      <c r="C109" s="16">
        <v>22</v>
      </c>
      <c r="D109" s="17">
        <v>30</v>
      </c>
    </row>
    <row r="110" spans="1:4" ht="18" customHeight="1" x14ac:dyDescent="0.2">
      <c r="A110" s="14">
        <v>86</v>
      </c>
      <c r="B110" s="15">
        <v>8</v>
      </c>
      <c r="C110" s="16">
        <v>15</v>
      </c>
      <c r="D110" s="17">
        <v>23</v>
      </c>
    </row>
    <row r="111" spans="1:4" ht="18" customHeight="1" x14ac:dyDescent="0.2">
      <c r="A111" s="14">
        <v>87</v>
      </c>
      <c r="B111" s="15">
        <v>7</v>
      </c>
      <c r="C111" s="16">
        <v>17</v>
      </c>
      <c r="D111" s="17">
        <v>24</v>
      </c>
    </row>
    <row r="112" spans="1:4" ht="18" customHeight="1" x14ac:dyDescent="0.2">
      <c r="A112" s="14">
        <v>88</v>
      </c>
      <c r="B112" s="15">
        <v>4</v>
      </c>
      <c r="C112" s="16">
        <v>18</v>
      </c>
      <c r="D112" s="17">
        <v>22</v>
      </c>
    </row>
    <row r="113" spans="1:4" ht="18" customHeight="1" x14ac:dyDescent="0.2">
      <c r="A113" s="14">
        <v>89</v>
      </c>
      <c r="B113" s="15">
        <v>4</v>
      </c>
      <c r="C113" s="16">
        <v>13</v>
      </c>
      <c r="D113" s="17">
        <v>17</v>
      </c>
    </row>
    <row r="114" spans="1:4" ht="18" customHeight="1" x14ac:dyDescent="0.2">
      <c r="A114" s="18" t="s">
        <v>67</v>
      </c>
      <c r="B114" s="15">
        <v>31</v>
      </c>
      <c r="C114" s="16">
        <v>85</v>
      </c>
      <c r="D114" s="17">
        <v>116</v>
      </c>
    </row>
    <row r="115" spans="1:4" ht="18" customHeight="1" x14ac:dyDescent="0.2">
      <c r="A115" s="14">
        <v>90</v>
      </c>
      <c r="B115" s="15">
        <v>2</v>
      </c>
      <c r="C115" s="16">
        <v>12</v>
      </c>
      <c r="D115" s="17">
        <v>14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5</v>
      </c>
      <c r="C117" s="16">
        <v>11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12</v>
      </c>
      <c r="C120" s="16">
        <v>42</v>
      </c>
      <c r="D120" s="17">
        <v>54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2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419</v>
      </c>
      <c r="C130" s="5">
        <v>602</v>
      </c>
      <c r="D130" s="6">
        <v>1021</v>
      </c>
    </row>
    <row r="131" spans="1:4" ht="18" customHeight="1" x14ac:dyDescent="0.2">
      <c r="A131" s="20" t="s">
        <v>47</v>
      </c>
      <c r="B131" s="7">
        <v>1663</v>
      </c>
      <c r="C131" s="8">
        <v>1758</v>
      </c>
      <c r="D131" s="9">
        <v>34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4</v>
      </c>
      <c r="D5" s="13">
        <v>11</v>
      </c>
    </row>
    <row r="6" spans="1:4" ht="18" customHeight="1" x14ac:dyDescent="0.2">
      <c r="A6" s="14">
        <v>1</v>
      </c>
      <c r="B6" s="15">
        <v>5</v>
      </c>
      <c r="C6" s="16">
        <v>5</v>
      </c>
      <c r="D6" s="17">
        <v>10</v>
      </c>
    </row>
    <row r="7" spans="1:4" ht="18" customHeight="1" x14ac:dyDescent="0.2">
      <c r="A7" s="14">
        <v>2</v>
      </c>
      <c r="B7" s="15">
        <v>4</v>
      </c>
      <c r="C7" s="16">
        <v>7</v>
      </c>
      <c r="D7" s="17">
        <v>11</v>
      </c>
    </row>
    <row r="8" spans="1:4" ht="18" customHeight="1" x14ac:dyDescent="0.2">
      <c r="A8" s="14">
        <v>3</v>
      </c>
      <c r="B8" s="15">
        <v>6</v>
      </c>
      <c r="C8" s="16">
        <v>5</v>
      </c>
      <c r="D8" s="17">
        <v>11</v>
      </c>
    </row>
    <row r="9" spans="1:4" ht="18" customHeight="1" x14ac:dyDescent="0.2">
      <c r="A9" s="14">
        <v>4</v>
      </c>
      <c r="B9" s="15">
        <v>9</v>
      </c>
      <c r="C9" s="16">
        <v>5</v>
      </c>
      <c r="D9" s="17">
        <v>14</v>
      </c>
    </row>
    <row r="10" spans="1:4" ht="18" customHeight="1" x14ac:dyDescent="0.2">
      <c r="A10" s="18" t="s">
        <v>48</v>
      </c>
      <c r="B10" s="15">
        <v>31</v>
      </c>
      <c r="C10" s="16">
        <v>26</v>
      </c>
      <c r="D10" s="17">
        <v>57</v>
      </c>
    </row>
    <row r="11" spans="1:4" ht="18" customHeight="1" x14ac:dyDescent="0.2">
      <c r="A11" s="14">
        <v>5</v>
      </c>
      <c r="B11" s="15">
        <v>8</v>
      </c>
      <c r="C11" s="16">
        <v>4</v>
      </c>
      <c r="D11" s="17">
        <v>12</v>
      </c>
    </row>
    <row r="12" spans="1:4" ht="18" customHeight="1" x14ac:dyDescent="0.2">
      <c r="A12" s="14">
        <v>6</v>
      </c>
      <c r="B12" s="15">
        <v>7</v>
      </c>
      <c r="C12" s="16">
        <v>5</v>
      </c>
      <c r="D12" s="17">
        <v>12</v>
      </c>
    </row>
    <row r="13" spans="1:4" ht="18" customHeight="1" x14ac:dyDescent="0.2">
      <c r="A13" s="14">
        <v>7</v>
      </c>
      <c r="B13" s="15">
        <v>12</v>
      </c>
      <c r="C13" s="16">
        <v>5</v>
      </c>
      <c r="D13" s="17">
        <v>17</v>
      </c>
    </row>
    <row r="14" spans="1:4" ht="18" customHeight="1" x14ac:dyDescent="0.2">
      <c r="A14" s="14">
        <v>8</v>
      </c>
      <c r="B14" s="15">
        <v>7</v>
      </c>
      <c r="C14" s="16">
        <v>7</v>
      </c>
      <c r="D14" s="17">
        <v>14</v>
      </c>
    </row>
    <row r="15" spans="1:4" ht="18" customHeight="1" x14ac:dyDescent="0.2">
      <c r="A15" s="14">
        <v>9</v>
      </c>
      <c r="B15" s="15">
        <v>10</v>
      </c>
      <c r="C15" s="16">
        <v>9</v>
      </c>
      <c r="D15" s="17">
        <v>19</v>
      </c>
    </row>
    <row r="16" spans="1:4" ht="18" customHeight="1" x14ac:dyDescent="0.2">
      <c r="A16" s="18" t="s">
        <v>49</v>
      </c>
      <c r="B16" s="15">
        <v>44</v>
      </c>
      <c r="C16" s="16">
        <v>30</v>
      </c>
      <c r="D16" s="17">
        <v>74</v>
      </c>
    </row>
    <row r="17" spans="1:4" ht="18" customHeight="1" x14ac:dyDescent="0.2">
      <c r="A17" s="14">
        <v>10</v>
      </c>
      <c r="B17" s="15">
        <v>5</v>
      </c>
      <c r="C17" s="16">
        <v>4</v>
      </c>
      <c r="D17" s="17">
        <v>9</v>
      </c>
    </row>
    <row r="18" spans="1:4" ht="18" customHeight="1" x14ac:dyDescent="0.2">
      <c r="A18" s="14">
        <v>11</v>
      </c>
      <c r="B18" s="15">
        <v>9</v>
      </c>
      <c r="C18" s="16">
        <v>10</v>
      </c>
      <c r="D18" s="17">
        <v>19</v>
      </c>
    </row>
    <row r="19" spans="1:4" ht="18" customHeight="1" x14ac:dyDescent="0.2">
      <c r="A19" s="14">
        <v>12</v>
      </c>
      <c r="B19" s="15">
        <v>10</v>
      </c>
      <c r="C19" s="16">
        <v>11</v>
      </c>
      <c r="D19" s="17">
        <v>21</v>
      </c>
    </row>
    <row r="20" spans="1:4" ht="18" customHeight="1" x14ac:dyDescent="0.2">
      <c r="A20" s="14">
        <v>13</v>
      </c>
      <c r="B20" s="15">
        <v>9</v>
      </c>
      <c r="C20" s="16">
        <v>8</v>
      </c>
      <c r="D20" s="17">
        <v>17</v>
      </c>
    </row>
    <row r="21" spans="1:4" ht="18" customHeight="1" x14ac:dyDescent="0.2">
      <c r="A21" s="14">
        <v>14</v>
      </c>
      <c r="B21" s="15">
        <v>6</v>
      </c>
      <c r="C21" s="16">
        <v>7</v>
      </c>
      <c r="D21" s="17">
        <v>13</v>
      </c>
    </row>
    <row r="22" spans="1:4" ht="18" customHeight="1" x14ac:dyDescent="0.2">
      <c r="A22" s="18" t="s">
        <v>50</v>
      </c>
      <c r="B22" s="15">
        <v>39</v>
      </c>
      <c r="C22" s="16">
        <v>40</v>
      </c>
      <c r="D22" s="17">
        <v>79</v>
      </c>
    </row>
    <row r="23" spans="1:4" ht="18" customHeight="1" x14ac:dyDescent="0.2">
      <c r="A23" s="18" t="s">
        <v>51</v>
      </c>
      <c r="B23" s="15">
        <v>114</v>
      </c>
      <c r="C23" s="16">
        <v>96</v>
      </c>
      <c r="D23" s="17">
        <v>210</v>
      </c>
    </row>
    <row r="24" spans="1:4" ht="18" customHeight="1" x14ac:dyDescent="0.2">
      <c r="A24" s="14">
        <v>15</v>
      </c>
      <c r="B24" s="15">
        <v>12</v>
      </c>
      <c r="C24" s="16">
        <v>8</v>
      </c>
      <c r="D24" s="17">
        <v>20</v>
      </c>
    </row>
    <row r="25" spans="1:4" ht="18" customHeight="1" x14ac:dyDescent="0.2">
      <c r="A25" s="14">
        <v>16</v>
      </c>
      <c r="B25" s="15">
        <v>5</v>
      </c>
      <c r="C25" s="16">
        <v>6</v>
      </c>
      <c r="D25" s="17">
        <v>11</v>
      </c>
    </row>
    <row r="26" spans="1:4" ht="18" customHeight="1" x14ac:dyDescent="0.2">
      <c r="A26" s="14">
        <v>17</v>
      </c>
      <c r="B26" s="15">
        <v>14</v>
      </c>
      <c r="C26" s="16">
        <v>5</v>
      </c>
      <c r="D26" s="17">
        <v>19</v>
      </c>
    </row>
    <row r="27" spans="1:4" ht="18" customHeight="1" x14ac:dyDescent="0.2">
      <c r="A27" s="14">
        <v>18</v>
      </c>
      <c r="B27" s="15">
        <v>8</v>
      </c>
      <c r="C27" s="16">
        <v>14</v>
      </c>
      <c r="D27" s="17">
        <v>22</v>
      </c>
    </row>
    <row r="28" spans="1:4" ht="18" customHeight="1" x14ac:dyDescent="0.2">
      <c r="A28" s="14">
        <v>19</v>
      </c>
      <c r="B28" s="15">
        <v>9</v>
      </c>
      <c r="C28" s="16">
        <v>14</v>
      </c>
      <c r="D28" s="17">
        <v>23</v>
      </c>
    </row>
    <row r="29" spans="1:4" ht="18" customHeight="1" x14ac:dyDescent="0.2">
      <c r="A29" s="18" t="s">
        <v>52</v>
      </c>
      <c r="B29" s="15">
        <v>48</v>
      </c>
      <c r="C29" s="16">
        <v>47</v>
      </c>
      <c r="D29" s="17">
        <v>95</v>
      </c>
    </row>
    <row r="30" spans="1:4" ht="18" customHeight="1" x14ac:dyDescent="0.2">
      <c r="A30" s="14">
        <v>20</v>
      </c>
      <c r="B30" s="15">
        <v>11</v>
      </c>
      <c r="C30" s="16">
        <v>5</v>
      </c>
      <c r="D30" s="17">
        <v>16</v>
      </c>
    </row>
    <row r="31" spans="1:4" ht="18" customHeight="1" x14ac:dyDescent="0.2">
      <c r="A31" s="14">
        <v>21</v>
      </c>
      <c r="B31" s="15">
        <v>8</v>
      </c>
      <c r="C31" s="16">
        <v>13</v>
      </c>
      <c r="D31" s="17">
        <v>21</v>
      </c>
    </row>
    <row r="32" spans="1:4" ht="18" customHeight="1" x14ac:dyDescent="0.2">
      <c r="A32" s="14">
        <v>22</v>
      </c>
      <c r="B32" s="15">
        <v>14</v>
      </c>
      <c r="C32" s="16">
        <v>8</v>
      </c>
      <c r="D32" s="17">
        <v>22</v>
      </c>
    </row>
    <row r="33" spans="1:4" ht="18" customHeight="1" x14ac:dyDescent="0.2">
      <c r="A33" s="14">
        <v>23</v>
      </c>
      <c r="B33" s="15">
        <v>10</v>
      </c>
      <c r="C33" s="16">
        <v>16</v>
      </c>
      <c r="D33" s="17">
        <v>26</v>
      </c>
    </row>
    <row r="34" spans="1:4" ht="18" customHeight="1" x14ac:dyDescent="0.2">
      <c r="A34" s="14">
        <v>24</v>
      </c>
      <c r="B34" s="15">
        <v>13</v>
      </c>
      <c r="C34" s="16">
        <v>9</v>
      </c>
      <c r="D34" s="17">
        <v>22</v>
      </c>
    </row>
    <row r="35" spans="1:4" ht="18" customHeight="1" x14ac:dyDescent="0.2">
      <c r="A35" s="18" t="s">
        <v>53</v>
      </c>
      <c r="B35" s="15">
        <v>56</v>
      </c>
      <c r="C35" s="16">
        <v>51</v>
      </c>
      <c r="D35" s="17">
        <v>107</v>
      </c>
    </row>
    <row r="36" spans="1:4" ht="18" customHeight="1" x14ac:dyDescent="0.2">
      <c r="A36" s="14">
        <v>25</v>
      </c>
      <c r="B36" s="15">
        <v>6</v>
      </c>
      <c r="C36" s="16">
        <v>9</v>
      </c>
      <c r="D36" s="17">
        <v>15</v>
      </c>
    </row>
    <row r="37" spans="1:4" ht="18" customHeight="1" x14ac:dyDescent="0.2">
      <c r="A37" s="14">
        <v>26</v>
      </c>
      <c r="B37" s="15">
        <v>13</v>
      </c>
      <c r="C37" s="16">
        <v>7</v>
      </c>
      <c r="D37" s="17">
        <v>20</v>
      </c>
    </row>
    <row r="38" spans="1:4" ht="18" customHeight="1" x14ac:dyDescent="0.2">
      <c r="A38" s="14">
        <v>27</v>
      </c>
      <c r="B38" s="15">
        <v>10</v>
      </c>
      <c r="C38" s="16">
        <v>1</v>
      </c>
      <c r="D38" s="17">
        <v>11</v>
      </c>
    </row>
    <row r="39" spans="1:4" ht="18" customHeight="1" x14ac:dyDescent="0.2">
      <c r="A39" s="14">
        <v>28</v>
      </c>
      <c r="B39" s="15">
        <v>6</v>
      </c>
      <c r="C39" s="16">
        <v>7</v>
      </c>
      <c r="D39" s="17">
        <v>13</v>
      </c>
    </row>
    <row r="40" spans="1:4" ht="18" customHeight="1" x14ac:dyDescent="0.2">
      <c r="A40" s="14">
        <v>29</v>
      </c>
      <c r="B40" s="15">
        <v>9</v>
      </c>
      <c r="C40" s="16">
        <v>8</v>
      </c>
      <c r="D40" s="17">
        <v>17</v>
      </c>
    </row>
    <row r="41" spans="1:4" ht="18" customHeight="1" x14ac:dyDescent="0.2">
      <c r="A41" s="18" t="s">
        <v>54</v>
      </c>
      <c r="B41" s="15">
        <v>44</v>
      </c>
      <c r="C41" s="16">
        <v>32</v>
      </c>
      <c r="D41" s="17">
        <v>76</v>
      </c>
    </row>
    <row r="42" spans="1:4" ht="18" customHeight="1" x14ac:dyDescent="0.2">
      <c r="A42" s="14">
        <v>30</v>
      </c>
      <c r="B42" s="15">
        <v>12</v>
      </c>
      <c r="C42" s="16">
        <v>2</v>
      </c>
      <c r="D42" s="17">
        <v>14</v>
      </c>
    </row>
    <row r="43" spans="1:4" ht="18" customHeight="1" x14ac:dyDescent="0.2">
      <c r="A43" s="14">
        <v>31</v>
      </c>
      <c r="B43" s="15">
        <v>5</v>
      </c>
      <c r="C43" s="16">
        <v>6</v>
      </c>
      <c r="D43" s="17">
        <v>11</v>
      </c>
    </row>
    <row r="44" spans="1:4" ht="18" customHeight="1" x14ac:dyDescent="0.2">
      <c r="A44" s="14">
        <v>32</v>
      </c>
      <c r="B44" s="15">
        <v>6</v>
      </c>
      <c r="C44" s="16">
        <v>9</v>
      </c>
      <c r="D44" s="17">
        <v>15</v>
      </c>
    </row>
    <row r="45" spans="1:4" ht="18" customHeight="1" x14ac:dyDescent="0.2">
      <c r="A45" s="14">
        <v>33</v>
      </c>
      <c r="B45" s="15">
        <v>10</v>
      </c>
      <c r="C45" s="16">
        <v>4</v>
      </c>
      <c r="D45" s="17">
        <v>14</v>
      </c>
    </row>
    <row r="46" spans="1:4" ht="18" customHeight="1" x14ac:dyDescent="0.2">
      <c r="A46" s="14">
        <v>34</v>
      </c>
      <c r="B46" s="15">
        <v>9</v>
      </c>
      <c r="C46" s="16">
        <v>5</v>
      </c>
      <c r="D46" s="17">
        <v>14</v>
      </c>
    </row>
    <row r="47" spans="1:4" ht="18" customHeight="1" x14ac:dyDescent="0.2">
      <c r="A47" s="18" t="s">
        <v>55</v>
      </c>
      <c r="B47" s="15">
        <v>42</v>
      </c>
      <c r="C47" s="16">
        <v>26</v>
      </c>
      <c r="D47" s="17">
        <v>68</v>
      </c>
    </row>
    <row r="48" spans="1:4" ht="18" customHeight="1" x14ac:dyDescent="0.2">
      <c r="A48" s="14">
        <v>35</v>
      </c>
      <c r="B48" s="15">
        <v>5</v>
      </c>
      <c r="C48" s="16">
        <v>12</v>
      </c>
      <c r="D48" s="17">
        <v>17</v>
      </c>
    </row>
    <row r="49" spans="1:4" ht="18" customHeight="1" x14ac:dyDescent="0.2">
      <c r="A49" s="14">
        <v>36</v>
      </c>
      <c r="B49" s="15">
        <v>15</v>
      </c>
      <c r="C49" s="16">
        <v>8</v>
      </c>
      <c r="D49" s="17">
        <v>23</v>
      </c>
    </row>
    <row r="50" spans="1:4" ht="18" customHeight="1" x14ac:dyDescent="0.2">
      <c r="A50" s="14">
        <v>37</v>
      </c>
      <c r="B50" s="15">
        <v>11</v>
      </c>
      <c r="C50" s="16">
        <v>9</v>
      </c>
      <c r="D50" s="17">
        <v>20</v>
      </c>
    </row>
    <row r="51" spans="1:4" ht="18" customHeight="1" x14ac:dyDescent="0.2">
      <c r="A51" s="14">
        <v>38</v>
      </c>
      <c r="B51" s="15">
        <v>9</v>
      </c>
      <c r="C51" s="16">
        <v>15</v>
      </c>
      <c r="D51" s="17">
        <v>24</v>
      </c>
    </row>
    <row r="52" spans="1:4" ht="18" customHeight="1" x14ac:dyDescent="0.2">
      <c r="A52" s="14">
        <v>39</v>
      </c>
      <c r="B52" s="15">
        <v>12</v>
      </c>
      <c r="C52" s="16">
        <v>17</v>
      </c>
      <c r="D52" s="17">
        <v>29</v>
      </c>
    </row>
    <row r="53" spans="1:4" ht="18" customHeight="1" x14ac:dyDescent="0.2">
      <c r="A53" s="18" t="s">
        <v>56</v>
      </c>
      <c r="B53" s="15">
        <v>52</v>
      </c>
      <c r="C53" s="16">
        <v>61</v>
      </c>
      <c r="D53" s="17">
        <v>113</v>
      </c>
    </row>
    <row r="54" spans="1:4" ht="18" customHeight="1" x14ac:dyDescent="0.2">
      <c r="A54" s="14">
        <v>40</v>
      </c>
      <c r="B54" s="15">
        <v>16</v>
      </c>
      <c r="C54" s="16">
        <v>13</v>
      </c>
      <c r="D54" s="17">
        <v>29</v>
      </c>
    </row>
    <row r="55" spans="1:4" ht="18" customHeight="1" x14ac:dyDescent="0.2">
      <c r="A55" s="14">
        <v>41</v>
      </c>
      <c r="B55" s="15">
        <v>15</v>
      </c>
      <c r="C55" s="16">
        <v>9</v>
      </c>
      <c r="D55" s="17">
        <v>24</v>
      </c>
    </row>
    <row r="56" spans="1:4" ht="18" customHeight="1" x14ac:dyDescent="0.2">
      <c r="A56" s="14">
        <v>42</v>
      </c>
      <c r="B56" s="15">
        <v>16</v>
      </c>
      <c r="C56" s="16">
        <v>14</v>
      </c>
      <c r="D56" s="17">
        <v>30</v>
      </c>
    </row>
    <row r="57" spans="1:4" ht="18" customHeight="1" x14ac:dyDescent="0.2">
      <c r="A57" s="14">
        <v>43</v>
      </c>
      <c r="B57" s="15">
        <v>14</v>
      </c>
      <c r="C57" s="16">
        <v>15</v>
      </c>
      <c r="D57" s="17">
        <v>29</v>
      </c>
    </row>
    <row r="58" spans="1:4" ht="18" customHeight="1" x14ac:dyDescent="0.2">
      <c r="A58" s="14">
        <v>44</v>
      </c>
      <c r="B58" s="15">
        <v>17</v>
      </c>
      <c r="C58" s="16">
        <v>15</v>
      </c>
      <c r="D58" s="17">
        <v>32</v>
      </c>
    </row>
    <row r="59" spans="1:4" ht="18" customHeight="1" x14ac:dyDescent="0.2">
      <c r="A59" s="18" t="s">
        <v>57</v>
      </c>
      <c r="B59" s="15">
        <v>78</v>
      </c>
      <c r="C59" s="16">
        <v>66</v>
      </c>
      <c r="D59" s="17">
        <v>144</v>
      </c>
    </row>
    <row r="60" spans="1:4" ht="18" customHeight="1" x14ac:dyDescent="0.2">
      <c r="A60" s="14">
        <v>45</v>
      </c>
      <c r="B60" s="15">
        <v>23</v>
      </c>
      <c r="C60" s="16">
        <v>12</v>
      </c>
      <c r="D60" s="17">
        <v>35</v>
      </c>
    </row>
    <row r="61" spans="1:4" ht="18" customHeight="1" x14ac:dyDescent="0.2">
      <c r="A61" s="14">
        <v>46</v>
      </c>
      <c r="B61" s="15">
        <v>23</v>
      </c>
      <c r="C61" s="16">
        <v>18</v>
      </c>
      <c r="D61" s="17">
        <v>41</v>
      </c>
    </row>
    <row r="62" spans="1:4" ht="18" customHeight="1" x14ac:dyDescent="0.2">
      <c r="A62" s="14">
        <v>47</v>
      </c>
      <c r="B62" s="15">
        <v>12</v>
      </c>
      <c r="C62" s="16">
        <v>15</v>
      </c>
      <c r="D62" s="17">
        <v>27</v>
      </c>
    </row>
    <row r="63" spans="1:4" ht="18" customHeight="1" x14ac:dyDescent="0.2">
      <c r="A63" s="14">
        <v>48</v>
      </c>
      <c r="B63" s="15">
        <v>13</v>
      </c>
      <c r="C63" s="16">
        <v>15</v>
      </c>
      <c r="D63" s="17">
        <v>28</v>
      </c>
    </row>
    <row r="64" spans="1:4" ht="18" customHeight="1" x14ac:dyDescent="0.2">
      <c r="A64" s="14">
        <v>49</v>
      </c>
      <c r="B64" s="15">
        <v>11</v>
      </c>
      <c r="C64" s="16">
        <v>24</v>
      </c>
      <c r="D64" s="17">
        <v>35</v>
      </c>
    </row>
    <row r="65" spans="1:4" ht="18" customHeight="1" x14ac:dyDescent="0.2">
      <c r="A65" s="18" t="s">
        <v>58</v>
      </c>
      <c r="B65" s="15">
        <v>82</v>
      </c>
      <c r="C65" s="16">
        <v>84</v>
      </c>
      <c r="D65" s="17">
        <v>166</v>
      </c>
    </row>
    <row r="66" spans="1:4" ht="18" customHeight="1" x14ac:dyDescent="0.2">
      <c r="A66" s="14">
        <v>50</v>
      </c>
      <c r="B66" s="15">
        <v>21</v>
      </c>
      <c r="C66" s="16">
        <v>13</v>
      </c>
      <c r="D66" s="17">
        <v>34</v>
      </c>
    </row>
    <row r="67" spans="1:4" ht="18" customHeight="1" x14ac:dyDescent="0.2">
      <c r="A67" s="14">
        <v>51</v>
      </c>
      <c r="B67" s="15">
        <v>15</v>
      </c>
      <c r="C67" s="16">
        <v>12</v>
      </c>
      <c r="D67" s="17">
        <v>27</v>
      </c>
    </row>
    <row r="68" spans="1:4" ht="18" customHeight="1" x14ac:dyDescent="0.2">
      <c r="A68" s="14">
        <v>52</v>
      </c>
      <c r="B68" s="15">
        <v>15</v>
      </c>
      <c r="C68" s="16">
        <v>14</v>
      </c>
      <c r="D68" s="17">
        <v>29</v>
      </c>
    </row>
    <row r="69" spans="1:4" ht="18" customHeight="1" x14ac:dyDescent="0.2">
      <c r="A69" s="14">
        <v>53</v>
      </c>
      <c r="B69" s="15">
        <v>12</v>
      </c>
      <c r="C69" s="16">
        <v>17</v>
      </c>
      <c r="D69" s="17">
        <v>29</v>
      </c>
    </row>
    <row r="70" spans="1:4" ht="18" customHeight="1" x14ac:dyDescent="0.2">
      <c r="A70" s="14">
        <v>54</v>
      </c>
      <c r="B70" s="15">
        <v>15</v>
      </c>
      <c r="C70" s="16">
        <v>14</v>
      </c>
      <c r="D70" s="17">
        <v>29</v>
      </c>
    </row>
    <row r="71" spans="1:4" ht="18" customHeight="1" x14ac:dyDescent="0.2">
      <c r="A71" s="18" t="s">
        <v>59</v>
      </c>
      <c r="B71" s="15">
        <v>78</v>
      </c>
      <c r="C71" s="16">
        <v>70</v>
      </c>
      <c r="D71" s="17">
        <v>148</v>
      </c>
    </row>
    <row r="72" spans="1:4" ht="18" customHeight="1" x14ac:dyDescent="0.2">
      <c r="A72" s="14">
        <v>55</v>
      </c>
      <c r="B72" s="15">
        <v>9</v>
      </c>
      <c r="C72" s="16">
        <v>8</v>
      </c>
      <c r="D72" s="17">
        <v>17</v>
      </c>
    </row>
    <row r="73" spans="1:4" ht="18" customHeight="1" x14ac:dyDescent="0.2">
      <c r="A73" s="14">
        <v>56</v>
      </c>
      <c r="B73" s="15">
        <v>24</v>
      </c>
      <c r="C73" s="16">
        <v>19</v>
      </c>
      <c r="D73" s="17">
        <v>43</v>
      </c>
    </row>
    <row r="74" spans="1:4" ht="18" customHeight="1" x14ac:dyDescent="0.2">
      <c r="A74" s="14">
        <v>57</v>
      </c>
      <c r="B74" s="15">
        <v>18</v>
      </c>
      <c r="C74" s="16">
        <v>16</v>
      </c>
      <c r="D74" s="17">
        <v>34</v>
      </c>
    </row>
    <row r="75" spans="1:4" ht="18" customHeight="1" x14ac:dyDescent="0.2">
      <c r="A75" s="14">
        <v>58</v>
      </c>
      <c r="B75" s="15">
        <v>11</v>
      </c>
      <c r="C75" s="16">
        <v>16</v>
      </c>
      <c r="D75" s="17">
        <v>27</v>
      </c>
    </row>
    <row r="76" spans="1:4" ht="18" customHeight="1" x14ac:dyDescent="0.2">
      <c r="A76" s="14">
        <v>59</v>
      </c>
      <c r="B76" s="15">
        <v>12</v>
      </c>
      <c r="C76" s="16">
        <v>12</v>
      </c>
      <c r="D76" s="17">
        <v>24</v>
      </c>
    </row>
    <row r="77" spans="1:4" ht="18" customHeight="1" x14ac:dyDescent="0.2">
      <c r="A77" s="18" t="s">
        <v>60</v>
      </c>
      <c r="B77" s="15">
        <v>74</v>
      </c>
      <c r="C77" s="16">
        <v>71</v>
      </c>
      <c r="D77" s="17">
        <v>145</v>
      </c>
    </row>
    <row r="78" spans="1:4" ht="18" customHeight="1" x14ac:dyDescent="0.2">
      <c r="A78" s="14">
        <v>60</v>
      </c>
      <c r="B78" s="15">
        <v>15</v>
      </c>
      <c r="C78" s="16">
        <v>11</v>
      </c>
      <c r="D78" s="17">
        <v>26</v>
      </c>
    </row>
    <row r="79" spans="1:4" ht="18" customHeight="1" x14ac:dyDescent="0.2">
      <c r="A79" s="14">
        <v>61</v>
      </c>
      <c r="B79" s="15">
        <v>12</v>
      </c>
      <c r="C79" s="16">
        <v>16</v>
      </c>
      <c r="D79" s="17">
        <v>28</v>
      </c>
    </row>
    <row r="80" spans="1:4" ht="18" customHeight="1" x14ac:dyDescent="0.2">
      <c r="A80" s="14">
        <v>62</v>
      </c>
      <c r="B80" s="15">
        <v>11</v>
      </c>
      <c r="C80" s="16">
        <v>15</v>
      </c>
      <c r="D80" s="17">
        <v>26</v>
      </c>
    </row>
    <row r="81" spans="1:4" ht="18" customHeight="1" x14ac:dyDescent="0.2">
      <c r="A81" s="14">
        <v>63</v>
      </c>
      <c r="B81" s="15">
        <v>18</v>
      </c>
      <c r="C81" s="16">
        <v>16</v>
      </c>
      <c r="D81" s="17">
        <v>34</v>
      </c>
    </row>
    <row r="82" spans="1:4" ht="18" customHeight="1" x14ac:dyDescent="0.2">
      <c r="A82" s="14">
        <v>64</v>
      </c>
      <c r="B82" s="15">
        <v>21</v>
      </c>
      <c r="C82" s="16">
        <v>24</v>
      </c>
      <c r="D82" s="17">
        <v>45</v>
      </c>
    </row>
    <row r="83" spans="1:4" ht="18" customHeight="1" x14ac:dyDescent="0.2">
      <c r="A83" s="18" t="s">
        <v>61</v>
      </c>
      <c r="B83" s="15">
        <v>77</v>
      </c>
      <c r="C83" s="16">
        <v>82</v>
      </c>
      <c r="D83" s="17">
        <v>159</v>
      </c>
    </row>
    <row r="84" spans="1:4" ht="18" customHeight="1" x14ac:dyDescent="0.2">
      <c r="A84" s="18" t="s">
        <v>62</v>
      </c>
      <c r="B84" s="15">
        <v>631</v>
      </c>
      <c r="C84" s="16">
        <v>590</v>
      </c>
      <c r="D84" s="17">
        <v>1221</v>
      </c>
    </row>
    <row r="85" spans="1:4" ht="18" customHeight="1" x14ac:dyDescent="0.2">
      <c r="A85" s="14">
        <v>65</v>
      </c>
      <c r="B85" s="15">
        <v>11</v>
      </c>
      <c r="C85" s="16">
        <v>17</v>
      </c>
      <c r="D85" s="17">
        <v>28</v>
      </c>
    </row>
    <row r="86" spans="1:4" ht="18" customHeight="1" x14ac:dyDescent="0.2">
      <c r="A86" s="14">
        <v>66</v>
      </c>
      <c r="B86" s="15">
        <v>14</v>
      </c>
      <c r="C86" s="16">
        <v>26</v>
      </c>
      <c r="D86" s="17">
        <v>40</v>
      </c>
    </row>
    <row r="87" spans="1:4" ht="18" customHeight="1" x14ac:dyDescent="0.2">
      <c r="A87" s="14">
        <v>67</v>
      </c>
      <c r="B87" s="15">
        <v>23</v>
      </c>
      <c r="C87" s="16">
        <v>25</v>
      </c>
      <c r="D87" s="17">
        <v>48</v>
      </c>
    </row>
    <row r="88" spans="1:4" ht="18" customHeight="1" x14ac:dyDescent="0.2">
      <c r="A88" s="14">
        <v>68</v>
      </c>
      <c r="B88" s="15">
        <v>21</v>
      </c>
      <c r="C88" s="16">
        <v>21</v>
      </c>
      <c r="D88" s="17">
        <v>42</v>
      </c>
    </row>
    <row r="89" spans="1:4" ht="18" customHeight="1" x14ac:dyDescent="0.2">
      <c r="A89" s="14">
        <v>69</v>
      </c>
      <c r="B89" s="15">
        <v>23</v>
      </c>
      <c r="C89" s="16">
        <v>30</v>
      </c>
      <c r="D89" s="17">
        <v>53</v>
      </c>
    </row>
    <row r="90" spans="1:4" ht="18" customHeight="1" x14ac:dyDescent="0.2">
      <c r="A90" s="18" t="s">
        <v>63</v>
      </c>
      <c r="B90" s="15">
        <v>92</v>
      </c>
      <c r="C90" s="16">
        <v>119</v>
      </c>
      <c r="D90" s="17">
        <v>211</v>
      </c>
    </row>
    <row r="91" spans="1:4" ht="18" customHeight="1" x14ac:dyDescent="0.2">
      <c r="A91" s="14">
        <v>70</v>
      </c>
      <c r="B91" s="15">
        <v>25</v>
      </c>
      <c r="C91" s="16">
        <v>32</v>
      </c>
      <c r="D91" s="17">
        <v>57</v>
      </c>
    </row>
    <row r="92" spans="1:4" ht="18" customHeight="1" x14ac:dyDescent="0.2">
      <c r="A92" s="14">
        <v>71</v>
      </c>
      <c r="B92" s="15">
        <v>30</v>
      </c>
      <c r="C92" s="16">
        <v>37</v>
      </c>
      <c r="D92" s="17">
        <v>67</v>
      </c>
    </row>
    <row r="93" spans="1:4" ht="18" customHeight="1" x14ac:dyDescent="0.2">
      <c r="A93" s="14">
        <v>72</v>
      </c>
      <c r="B93" s="15">
        <v>28</v>
      </c>
      <c r="C93" s="16">
        <v>37</v>
      </c>
      <c r="D93" s="17">
        <v>65</v>
      </c>
    </row>
    <row r="94" spans="1:4" ht="18" customHeight="1" x14ac:dyDescent="0.2">
      <c r="A94" s="14">
        <v>73</v>
      </c>
      <c r="B94" s="15">
        <v>20</v>
      </c>
      <c r="C94" s="16">
        <v>18</v>
      </c>
      <c r="D94" s="17">
        <v>38</v>
      </c>
    </row>
    <row r="95" spans="1:4" ht="18" customHeight="1" x14ac:dyDescent="0.2">
      <c r="A95" s="14">
        <v>74</v>
      </c>
      <c r="B95" s="15">
        <v>13</v>
      </c>
      <c r="C95" s="16">
        <v>16</v>
      </c>
      <c r="D95" s="17">
        <v>29</v>
      </c>
    </row>
    <row r="96" spans="1:4" ht="18" customHeight="1" x14ac:dyDescent="0.2">
      <c r="A96" s="18" t="s">
        <v>64</v>
      </c>
      <c r="B96" s="15">
        <v>116</v>
      </c>
      <c r="C96" s="16">
        <v>140</v>
      </c>
      <c r="D96" s="17">
        <v>256</v>
      </c>
    </row>
    <row r="97" spans="1:4" ht="18" customHeight="1" x14ac:dyDescent="0.2">
      <c r="A97" s="14">
        <v>75</v>
      </c>
      <c r="B97" s="15">
        <v>16</v>
      </c>
      <c r="C97" s="16">
        <v>22</v>
      </c>
      <c r="D97" s="17">
        <v>38</v>
      </c>
    </row>
    <row r="98" spans="1:4" ht="18" customHeight="1" x14ac:dyDescent="0.2">
      <c r="A98" s="14">
        <v>76</v>
      </c>
      <c r="B98" s="15">
        <v>23</v>
      </c>
      <c r="C98" s="16">
        <v>23</v>
      </c>
      <c r="D98" s="17">
        <v>46</v>
      </c>
    </row>
    <row r="99" spans="1:4" ht="18" customHeight="1" x14ac:dyDescent="0.2">
      <c r="A99" s="14">
        <v>77</v>
      </c>
      <c r="B99" s="15">
        <v>20</v>
      </c>
      <c r="C99" s="16">
        <v>25</v>
      </c>
      <c r="D99" s="17">
        <v>45</v>
      </c>
    </row>
    <row r="100" spans="1:4" ht="18" customHeight="1" x14ac:dyDescent="0.2">
      <c r="A100" s="14">
        <v>78</v>
      </c>
      <c r="B100" s="15">
        <v>15</v>
      </c>
      <c r="C100" s="16">
        <v>15</v>
      </c>
      <c r="D100" s="17">
        <v>30</v>
      </c>
    </row>
    <row r="101" spans="1:4" ht="18" customHeight="1" x14ac:dyDescent="0.2">
      <c r="A101" s="14">
        <v>79</v>
      </c>
      <c r="B101" s="15">
        <v>8</v>
      </c>
      <c r="C101" s="16">
        <v>11</v>
      </c>
      <c r="D101" s="17">
        <v>19</v>
      </c>
    </row>
    <row r="102" spans="1:4" ht="18" customHeight="1" x14ac:dyDescent="0.2">
      <c r="A102" s="18" t="s">
        <v>65</v>
      </c>
      <c r="B102" s="15">
        <v>82</v>
      </c>
      <c r="C102" s="16">
        <v>96</v>
      </c>
      <c r="D102" s="17">
        <v>178</v>
      </c>
    </row>
    <row r="103" spans="1:4" ht="18" customHeight="1" x14ac:dyDescent="0.2">
      <c r="A103" s="14">
        <v>80</v>
      </c>
      <c r="B103" s="15">
        <v>12</v>
      </c>
      <c r="C103" s="16">
        <v>17</v>
      </c>
      <c r="D103" s="17">
        <v>29</v>
      </c>
    </row>
    <row r="104" spans="1:4" ht="18" customHeight="1" x14ac:dyDescent="0.2">
      <c r="A104" s="14">
        <v>81</v>
      </c>
      <c r="B104" s="15">
        <v>8</v>
      </c>
      <c r="C104" s="16">
        <v>10</v>
      </c>
      <c r="D104" s="17">
        <v>18</v>
      </c>
    </row>
    <row r="105" spans="1:4" ht="18" customHeight="1" x14ac:dyDescent="0.2">
      <c r="A105" s="14">
        <v>82</v>
      </c>
      <c r="B105" s="15">
        <v>11</v>
      </c>
      <c r="C105" s="16">
        <v>22</v>
      </c>
      <c r="D105" s="17">
        <v>33</v>
      </c>
    </row>
    <row r="106" spans="1:4" ht="18" customHeight="1" x14ac:dyDescent="0.2">
      <c r="A106" s="14">
        <v>83</v>
      </c>
      <c r="B106" s="15">
        <v>10</v>
      </c>
      <c r="C106" s="16">
        <v>19</v>
      </c>
      <c r="D106" s="17">
        <v>29</v>
      </c>
    </row>
    <row r="107" spans="1:4" ht="18" customHeight="1" x14ac:dyDescent="0.2">
      <c r="A107" s="14">
        <v>84</v>
      </c>
      <c r="B107" s="15">
        <v>8</v>
      </c>
      <c r="C107" s="16">
        <v>14</v>
      </c>
      <c r="D107" s="17">
        <v>22</v>
      </c>
    </row>
    <row r="108" spans="1:4" ht="18" customHeight="1" x14ac:dyDescent="0.2">
      <c r="A108" s="18" t="s">
        <v>66</v>
      </c>
      <c r="B108" s="15">
        <v>49</v>
      </c>
      <c r="C108" s="16">
        <v>82</v>
      </c>
      <c r="D108" s="17">
        <v>131</v>
      </c>
    </row>
    <row r="109" spans="1:4" ht="18" customHeight="1" x14ac:dyDescent="0.2">
      <c r="A109" s="14">
        <v>85</v>
      </c>
      <c r="B109" s="15">
        <v>8</v>
      </c>
      <c r="C109" s="16">
        <v>14</v>
      </c>
      <c r="D109" s="17">
        <v>22</v>
      </c>
    </row>
    <row r="110" spans="1:4" ht="18" customHeight="1" x14ac:dyDescent="0.2">
      <c r="A110" s="14">
        <v>86</v>
      </c>
      <c r="B110" s="15">
        <v>7</v>
      </c>
      <c r="C110" s="16">
        <v>19</v>
      </c>
      <c r="D110" s="17">
        <v>26</v>
      </c>
    </row>
    <row r="111" spans="1:4" ht="18" customHeight="1" x14ac:dyDescent="0.2">
      <c r="A111" s="14">
        <v>87</v>
      </c>
      <c r="B111" s="15">
        <v>6</v>
      </c>
      <c r="C111" s="16">
        <v>13</v>
      </c>
      <c r="D111" s="17">
        <v>19</v>
      </c>
    </row>
    <row r="112" spans="1:4" ht="18" customHeight="1" x14ac:dyDescent="0.2">
      <c r="A112" s="14">
        <v>88</v>
      </c>
      <c r="B112" s="15">
        <v>9</v>
      </c>
      <c r="C112" s="16">
        <v>11</v>
      </c>
      <c r="D112" s="17">
        <v>20</v>
      </c>
    </row>
    <row r="113" spans="1:4" ht="18" customHeight="1" x14ac:dyDescent="0.2">
      <c r="A113" s="14">
        <v>89</v>
      </c>
      <c r="B113" s="15">
        <v>4</v>
      </c>
      <c r="C113" s="16">
        <v>14</v>
      </c>
      <c r="D113" s="17">
        <v>18</v>
      </c>
    </row>
    <row r="114" spans="1:4" ht="18" customHeight="1" x14ac:dyDescent="0.2">
      <c r="A114" s="18" t="s">
        <v>67</v>
      </c>
      <c r="B114" s="15">
        <v>34</v>
      </c>
      <c r="C114" s="16">
        <v>71</v>
      </c>
      <c r="D114" s="17">
        <v>105</v>
      </c>
    </row>
    <row r="115" spans="1:4" ht="18" customHeight="1" x14ac:dyDescent="0.2">
      <c r="A115" s="14">
        <v>90</v>
      </c>
      <c r="B115" s="15">
        <v>5</v>
      </c>
      <c r="C115" s="16">
        <v>11</v>
      </c>
      <c r="D115" s="17">
        <v>16</v>
      </c>
    </row>
    <row r="116" spans="1:4" ht="18" customHeight="1" x14ac:dyDescent="0.2">
      <c r="A116" s="14">
        <v>91</v>
      </c>
      <c r="B116" s="15">
        <v>3</v>
      </c>
      <c r="C116" s="16">
        <v>12</v>
      </c>
      <c r="D116" s="17">
        <v>15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3</v>
      </c>
      <c r="C120" s="16">
        <v>37</v>
      </c>
      <c r="D120" s="17">
        <v>50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88</v>
      </c>
      <c r="C130" s="5">
        <v>559</v>
      </c>
      <c r="D130" s="6">
        <v>947</v>
      </c>
    </row>
    <row r="131" spans="1:4" ht="18" customHeight="1" x14ac:dyDescent="0.2">
      <c r="A131" s="20" t="s">
        <v>47</v>
      </c>
      <c r="B131" s="7">
        <v>1133</v>
      </c>
      <c r="C131" s="8">
        <v>1245</v>
      </c>
      <c r="D131" s="9">
        <v>23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6</v>
      </c>
      <c r="D5" s="13">
        <v>10</v>
      </c>
    </row>
    <row r="6" spans="1:4" ht="18" customHeight="1" x14ac:dyDescent="0.2">
      <c r="A6" s="14">
        <v>1</v>
      </c>
      <c r="B6" s="15">
        <v>9</v>
      </c>
      <c r="C6" s="16">
        <v>4</v>
      </c>
      <c r="D6" s="17">
        <v>13</v>
      </c>
    </row>
    <row r="7" spans="1:4" ht="18" customHeight="1" x14ac:dyDescent="0.2">
      <c r="A7" s="14">
        <v>2</v>
      </c>
      <c r="B7" s="15">
        <v>10</v>
      </c>
      <c r="C7" s="16">
        <v>5</v>
      </c>
      <c r="D7" s="17">
        <v>15</v>
      </c>
    </row>
    <row r="8" spans="1:4" ht="18" customHeight="1" x14ac:dyDescent="0.2">
      <c r="A8" s="14">
        <v>3</v>
      </c>
      <c r="B8" s="15">
        <v>10</v>
      </c>
      <c r="C8" s="16">
        <v>8</v>
      </c>
      <c r="D8" s="17">
        <v>18</v>
      </c>
    </row>
    <row r="9" spans="1:4" ht="18" customHeight="1" x14ac:dyDescent="0.2">
      <c r="A9" s="14">
        <v>4</v>
      </c>
      <c r="B9" s="15">
        <v>9</v>
      </c>
      <c r="C9" s="16">
        <v>8</v>
      </c>
      <c r="D9" s="17">
        <v>17</v>
      </c>
    </row>
    <row r="10" spans="1:4" ht="18" customHeight="1" x14ac:dyDescent="0.2">
      <c r="A10" s="18" t="s">
        <v>48</v>
      </c>
      <c r="B10" s="15">
        <v>42</v>
      </c>
      <c r="C10" s="16">
        <v>31</v>
      </c>
      <c r="D10" s="17">
        <v>73</v>
      </c>
    </row>
    <row r="11" spans="1:4" ht="18" customHeight="1" x14ac:dyDescent="0.2">
      <c r="A11" s="14">
        <v>5</v>
      </c>
      <c r="B11" s="15">
        <v>12</v>
      </c>
      <c r="C11" s="16">
        <v>7</v>
      </c>
      <c r="D11" s="17">
        <v>19</v>
      </c>
    </row>
    <row r="12" spans="1:4" ht="18" customHeight="1" x14ac:dyDescent="0.2">
      <c r="A12" s="14">
        <v>6</v>
      </c>
      <c r="B12" s="15">
        <v>9</v>
      </c>
      <c r="C12" s="16">
        <v>11</v>
      </c>
      <c r="D12" s="17">
        <v>20</v>
      </c>
    </row>
    <row r="13" spans="1:4" ht="18" customHeight="1" x14ac:dyDescent="0.2">
      <c r="A13" s="14">
        <v>7</v>
      </c>
      <c r="B13" s="15">
        <v>7</v>
      </c>
      <c r="C13" s="16">
        <v>12</v>
      </c>
      <c r="D13" s="17">
        <v>19</v>
      </c>
    </row>
    <row r="14" spans="1:4" ht="18" customHeight="1" x14ac:dyDescent="0.2">
      <c r="A14" s="14">
        <v>8</v>
      </c>
      <c r="B14" s="15">
        <v>8</v>
      </c>
      <c r="C14" s="16">
        <v>7</v>
      </c>
      <c r="D14" s="17">
        <v>15</v>
      </c>
    </row>
    <row r="15" spans="1:4" ht="18" customHeight="1" x14ac:dyDescent="0.2">
      <c r="A15" s="14">
        <v>9</v>
      </c>
      <c r="B15" s="15">
        <v>16</v>
      </c>
      <c r="C15" s="16">
        <v>14</v>
      </c>
      <c r="D15" s="17">
        <v>30</v>
      </c>
    </row>
    <row r="16" spans="1:4" ht="18" customHeight="1" x14ac:dyDescent="0.2">
      <c r="A16" s="18" t="s">
        <v>49</v>
      </c>
      <c r="B16" s="15">
        <v>52</v>
      </c>
      <c r="C16" s="16">
        <v>51</v>
      </c>
      <c r="D16" s="17">
        <v>103</v>
      </c>
    </row>
    <row r="17" spans="1:4" ht="18" customHeight="1" x14ac:dyDescent="0.2">
      <c r="A17" s="14">
        <v>10</v>
      </c>
      <c r="B17" s="15">
        <v>7</v>
      </c>
      <c r="C17" s="16">
        <v>9</v>
      </c>
      <c r="D17" s="17">
        <v>16</v>
      </c>
    </row>
    <row r="18" spans="1:4" ht="18" customHeight="1" x14ac:dyDescent="0.2">
      <c r="A18" s="14">
        <v>11</v>
      </c>
      <c r="B18" s="15">
        <v>7</v>
      </c>
      <c r="C18" s="16">
        <v>13</v>
      </c>
      <c r="D18" s="17">
        <v>20</v>
      </c>
    </row>
    <row r="19" spans="1:4" ht="18" customHeight="1" x14ac:dyDescent="0.2">
      <c r="A19" s="14">
        <v>12</v>
      </c>
      <c r="B19" s="15">
        <v>10</v>
      </c>
      <c r="C19" s="16">
        <v>11</v>
      </c>
      <c r="D19" s="17">
        <v>21</v>
      </c>
    </row>
    <row r="20" spans="1:4" ht="18" customHeight="1" x14ac:dyDescent="0.2">
      <c r="A20" s="14">
        <v>13</v>
      </c>
      <c r="B20" s="15">
        <v>14</v>
      </c>
      <c r="C20" s="16">
        <v>7</v>
      </c>
      <c r="D20" s="17">
        <v>21</v>
      </c>
    </row>
    <row r="21" spans="1:4" ht="18" customHeight="1" x14ac:dyDescent="0.2">
      <c r="A21" s="14">
        <v>14</v>
      </c>
      <c r="B21" s="15">
        <v>9</v>
      </c>
      <c r="C21" s="16">
        <v>19</v>
      </c>
      <c r="D21" s="17">
        <v>28</v>
      </c>
    </row>
    <row r="22" spans="1:4" ht="18" customHeight="1" x14ac:dyDescent="0.2">
      <c r="A22" s="18" t="s">
        <v>50</v>
      </c>
      <c r="B22" s="15">
        <v>47</v>
      </c>
      <c r="C22" s="16">
        <v>59</v>
      </c>
      <c r="D22" s="17">
        <v>106</v>
      </c>
    </row>
    <row r="23" spans="1:4" ht="18" customHeight="1" x14ac:dyDescent="0.2">
      <c r="A23" s="18" t="s">
        <v>51</v>
      </c>
      <c r="B23" s="15">
        <v>141</v>
      </c>
      <c r="C23" s="16">
        <v>141</v>
      </c>
      <c r="D23" s="17">
        <v>282</v>
      </c>
    </row>
    <row r="24" spans="1:4" ht="18" customHeight="1" x14ac:dyDescent="0.2">
      <c r="A24" s="14">
        <v>15</v>
      </c>
      <c r="B24" s="15">
        <v>17</v>
      </c>
      <c r="C24" s="16">
        <v>12</v>
      </c>
      <c r="D24" s="17">
        <v>29</v>
      </c>
    </row>
    <row r="25" spans="1:4" ht="18" customHeight="1" x14ac:dyDescent="0.2">
      <c r="A25" s="14">
        <v>16</v>
      </c>
      <c r="B25" s="15">
        <v>11</v>
      </c>
      <c r="C25" s="16">
        <v>10</v>
      </c>
      <c r="D25" s="17">
        <v>21</v>
      </c>
    </row>
    <row r="26" spans="1:4" ht="18" customHeight="1" x14ac:dyDescent="0.2">
      <c r="A26" s="14">
        <v>17</v>
      </c>
      <c r="B26" s="15">
        <v>12</v>
      </c>
      <c r="C26" s="16">
        <v>20</v>
      </c>
      <c r="D26" s="17">
        <v>32</v>
      </c>
    </row>
    <row r="27" spans="1:4" ht="18" customHeight="1" x14ac:dyDescent="0.2">
      <c r="A27" s="14">
        <v>18</v>
      </c>
      <c r="B27" s="15">
        <v>11</v>
      </c>
      <c r="C27" s="16">
        <v>12</v>
      </c>
      <c r="D27" s="17">
        <v>23</v>
      </c>
    </row>
    <row r="28" spans="1:4" ht="18" customHeight="1" x14ac:dyDescent="0.2">
      <c r="A28" s="14">
        <v>19</v>
      </c>
      <c r="B28" s="15">
        <v>16</v>
      </c>
      <c r="C28" s="16">
        <v>12</v>
      </c>
      <c r="D28" s="17">
        <v>28</v>
      </c>
    </row>
    <row r="29" spans="1:4" ht="18" customHeight="1" x14ac:dyDescent="0.2">
      <c r="A29" s="18" t="s">
        <v>52</v>
      </c>
      <c r="B29" s="15">
        <v>67</v>
      </c>
      <c r="C29" s="16">
        <v>66</v>
      </c>
      <c r="D29" s="17">
        <v>133</v>
      </c>
    </row>
    <row r="30" spans="1:4" ht="18" customHeight="1" x14ac:dyDescent="0.2">
      <c r="A30" s="14">
        <v>20</v>
      </c>
      <c r="B30" s="15">
        <v>15</v>
      </c>
      <c r="C30" s="16">
        <v>13</v>
      </c>
      <c r="D30" s="17">
        <v>28</v>
      </c>
    </row>
    <row r="31" spans="1:4" ht="18" customHeight="1" x14ac:dyDescent="0.2">
      <c r="A31" s="14">
        <v>21</v>
      </c>
      <c r="B31" s="15">
        <v>12</v>
      </c>
      <c r="C31" s="16">
        <v>10</v>
      </c>
      <c r="D31" s="17">
        <v>22</v>
      </c>
    </row>
    <row r="32" spans="1:4" ht="18" customHeight="1" x14ac:dyDescent="0.2">
      <c r="A32" s="14">
        <v>22</v>
      </c>
      <c r="B32" s="15">
        <v>17</v>
      </c>
      <c r="C32" s="16">
        <v>4</v>
      </c>
      <c r="D32" s="17">
        <v>21</v>
      </c>
    </row>
    <row r="33" spans="1:4" ht="18" customHeight="1" x14ac:dyDescent="0.2">
      <c r="A33" s="14">
        <v>23</v>
      </c>
      <c r="B33" s="15">
        <v>14</v>
      </c>
      <c r="C33" s="16">
        <v>11</v>
      </c>
      <c r="D33" s="17">
        <v>25</v>
      </c>
    </row>
    <row r="34" spans="1:4" ht="18" customHeight="1" x14ac:dyDescent="0.2">
      <c r="A34" s="14">
        <v>24</v>
      </c>
      <c r="B34" s="15">
        <v>17</v>
      </c>
      <c r="C34" s="16">
        <v>10</v>
      </c>
      <c r="D34" s="17">
        <v>27</v>
      </c>
    </row>
    <row r="35" spans="1:4" ht="18" customHeight="1" x14ac:dyDescent="0.2">
      <c r="A35" s="18" t="s">
        <v>53</v>
      </c>
      <c r="B35" s="15">
        <v>75</v>
      </c>
      <c r="C35" s="16">
        <v>48</v>
      </c>
      <c r="D35" s="17">
        <v>123</v>
      </c>
    </row>
    <row r="36" spans="1:4" ht="18" customHeight="1" x14ac:dyDescent="0.2">
      <c r="A36" s="14">
        <v>25</v>
      </c>
      <c r="B36" s="15">
        <v>11</v>
      </c>
      <c r="C36" s="16">
        <v>9</v>
      </c>
      <c r="D36" s="17">
        <v>20</v>
      </c>
    </row>
    <row r="37" spans="1:4" ht="18" customHeight="1" x14ac:dyDescent="0.2">
      <c r="A37" s="14">
        <v>26</v>
      </c>
      <c r="B37" s="15">
        <v>16</v>
      </c>
      <c r="C37" s="16">
        <v>9</v>
      </c>
      <c r="D37" s="17">
        <v>25</v>
      </c>
    </row>
    <row r="38" spans="1:4" ht="18" customHeight="1" x14ac:dyDescent="0.2">
      <c r="A38" s="14">
        <v>27</v>
      </c>
      <c r="B38" s="15">
        <v>8</v>
      </c>
      <c r="C38" s="16">
        <v>12</v>
      </c>
      <c r="D38" s="17">
        <v>20</v>
      </c>
    </row>
    <row r="39" spans="1:4" ht="18" customHeight="1" x14ac:dyDescent="0.2">
      <c r="A39" s="14">
        <v>28</v>
      </c>
      <c r="B39" s="15">
        <v>6</v>
      </c>
      <c r="C39" s="16">
        <v>9</v>
      </c>
      <c r="D39" s="17">
        <v>15</v>
      </c>
    </row>
    <row r="40" spans="1:4" ht="18" customHeight="1" x14ac:dyDescent="0.2">
      <c r="A40" s="14">
        <v>29</v>
      </c>
      <c r="B40" s="15">
        <v>14</v>
      </c>
      <c r="C40" s="16">
        <v>11</v>
      </c>
      <c r="D40" s="17">
        <v>25</v>
      </c>
    </row>
    <row r="41" spans="1:4" ht="18" customHeight="1" x14ac:dyDescent="0.2">
      <c r="A41" s="18" t="s">
        <v>54</v>
      </c>
      <c r="B41" s="15">
        <v>55</v>
      </c>
      <c r="C41" s="16">
        <v>50</v>
      </c>
      <c r="D41" s="17">
        <v>105</v>
      </c>
    </row>
    <row r="42" spans="1:4" ht="18" customHeight="1" x14ac:dyDescent="0.2">
      <c r="A42" s="14">
        <v>30</v>
      </c>
      <c r="B42" s="15">
        <v>10</v>
      </c>
      <c r="C42" s="16">
        <v>11</v>
      </c>
      <c r="D42" s="17">
        <v>21</v>
      </c>
    </row>
    <row r="43" spans="1:4" ht="18" customHeight="1" x14ac:dyDescent="0.2">
      <c r="A43" s="14">
        <v>31</v>
      </c>
      <c r="B43" s="15">
        <v>16</v>
      </c>
      <c r="C43" s="16">
        <v>7</v>
      </c>
      <c r="D43" s="17">
        <v>23</v>
      </c>
    </row>
    <row r="44" spans="1:4" ht="18" customHeight="1" x14ac:dyDescent="0.2">
      <c r="A44" s="14">
        <v>32</v>
      </c>
      <c r="B44" s="15">
        <v>12</v>
      </c>
      <c r="C44" s="16">
        <v>10</v>
      </c>
      <c r="D44" s="17">
        <v>22</v>
      </c>
    </row>
    <row r="45" spans="1:4" ht="18" customHeight="1" x14ac:dyDescent="0.2">
      <c r="A45" s="14">
        <v>33</v>
      </c>
      <c r="B45" s="15">
        <v>9</v>
      </c>
      <c r="C45" s="16">
        <v>11</v>
      </c>
      <c r="D45" s="17">
        <v>20</v>
      </c>
    </row>
    <row r="46" spans="1:4" ht="18" customHeight="1" x14ac:dyDescent="0.2">
      <c r="A46" s="14">
        <v>34</v>
      </c>
      <c r="B46" s="15">
        <v>15</v>
      </c>
      <c r="C46" s="16">
        <v>15</v>
      </c>
      <c r="D46" s="17">
        <v>30</v>
      </c>
    </row>
    <row r="47" spans="1:4" ht="18" customHeight="1" x14ac:dyDescent="0.2">
      <c r="A47" s="18" t="s">
        <v>55</v>
      </c>
      <c r="B47" s="15">
        <v>62</v>
      </c>
      <c r="C47" s="16">
        <v>54</v>
      </c>
      <c r="D47" s="17">
        <v>116</v>
      </c>
    </row>
    <row r="48" spans="1:4" ht="18" customHeight="1" x14ac:dyDescent="0.2">
      <c r="A48" s="14">
        <v>35</v>
      </c>
      <c r="B48" s="15">
        <v>15</v>
      </c>
      <c r="C48" s="16">
        <v>9</v>
      </c>
      <c r="D48" s="17">
        <v>24</v>
      </c>
    </row>
    <row r="49" spans="1:4" ht="18" customHeight="1" x14ac:dyDescent="0.2">
      <c r="A49" s="14">
        <v>36</v>
      </c>
      <c r="B49" s="15">
        <v>14</v>
      </c>
      <c r="C49" s="16">
        <v>9</v>
      </c>
      <c r="D49" s="17">
        <v>23</v>
      </c>
    </row>
    <row r="50" spans="1:4" ht="18" customHeight="1" x14ac:dyDescent="0.2">
      <c r="A50" s="14">
        <v>37</v>
      </c>
      <c r="B50" s="15">
        <v>16</v>
      </c>
      <c r="C50" s="16">
        <v>10</v>
      </c>
      <c r="D50" s="17">
        <v>26</v>
      </c>
    </row>
    <row r="51" spans="1:4" ht="18" customHeight="1" x14ac:dyDescent="0.2">
      <c r="A51" s="14">
        <v>38</v>
      </c>
      <c r="B51" s="15">
        <v>21</v>
      </c>
      <c r="C51" s="16">
        <v>11</v>
      </c>
      <c r="D51" s="17">
        <v>32</v>
      </c>
    </row>
    <row r="52" spans="1:4" ht="18" customHeight="1" x14ac:dyDescent="0.2">
      <c r="A52" s="14">
        <v>39</v>
      </c>
      <c r="B52" s="15">
        <v>14</v>
      </c>
      <c r="C52" s="16">
        <v>16</v>
      </c>
      <c r="D52" s="17">
        <v>30</v>
      </c>
    </row>
    <row r="53" spans="1:4" ht="18" customHeight="1" x14ac:dyDescent="0.2">
      <c r="A53" s="18" t="s">
        <v>56</v>
      </c>
      <c r="B53" s="15">
        <v>80</v>
      </c>
      <c r="C53" s="16">
        <v>55</v>
      </c>
      <c r="D53" s="17">
        <v>135</v>
      </c>
    </row>
    <row r="54" spans="1:4" ht="18" customHeight="1" x14ac:dyDescent="0.2">
      <c r="A54" s="14">
        <v>40</v>
      </c>
      <c r="B54" s="15">
        <v>13</v>
      </c>
      <c r="C54" s="16">
        <v>16</v>
      </c>
      <c r="D54" s="17">
        <v>29</v>
      </c>
    </row>
    <row r="55" spans="1:4" ht="18" customHeight="1" x14ac:dyDescent="0.2">
      <c r="A55" s="14">
        <v>41</v>
      </c>
      <c r="B55" s="15">
        <v>19</v>
      </c>
      <c r="C55" s="16">
        <v>20</v>
      </c>
      <c r="D55" s="17">
        <v>39</v>
      </c>
    </row>
    <row r="56" spans="1:4" ht="18" customHeight="1" x14ac:dyDescent="0.2">
      <c r="A56" s="14">
        <v>42</v>
      </c>
      <c r="B56" s="15">
        <v>23</v>
      </c>
      <c r="C56" s="16">
        <v>21</v>
      </c>
      <c r="D56" s="17">
        <v>44</v>
      </c>
    </row>
    <row r="57" spans="1:4" ht="18" customHeight="1" x14ac:dyDescent="0.2">
      <c r="A57" s="14">
        <v>43</v>
      </c>
      <c r="B57" s="15">
        <v>21</v>
      </c>
      <c r="C57" s="16">
        <v>11</v>
      </c>
      <c r="D57" s="17">
        <v>32</v>
      </c>
    </row>
    <row r="58" spans="1:4" ht="18" customHeight="1" x14ac:dyDescent="0.2">
      <c r="A58" s="14">
        <v>44</v>
      </c>
      <c r="B58" s="15">
        <v>18</v>
      </c>
      <c r="C58" s="16">
        <v>18</v>
      </c>
      <c r="D58" s="17">
        <v>36</v>
      </c>
    </row>
    <row r="59" spans="1:4" ht="18" customHeight="1" x14ac:dyDescent="0.2">
      <c r="A59" s="18" t="s">
        <v>57</v>
      </c>
      <c r="B59" s="15">
        <v>94</v>
      </c>
      <c r="C59" s="16">
        <v>86</v>
      </c>
      <c r="D59" s="17">
        <v>180</v>
      </c>
    </row>
    <row r="60" spans="1:4" ht="18" customHeight="1" x14ac:dyDescent="0.2">
      <c r="A60" s="14">
        <v>45</v>
      </c>
      <c r="B60" s="15">
        <v>25</v>
      </c>
      <c r="C60" s="16">
        <v>17</v>
      </c>
      <c r="D60" s="17">
        <v>42</v>
      </c>
    </row>
    <row r="61" spans="1:4" ht="18" customHeight="1" x14ac:dyDescent="0.2">
      <c r="A61" s="14">
        <v>46</v>
      </c>
      <c r="B61" s="15">
        <v>28</v>
      </c>
      <c r="C61" s="16">
        <v>20</v>
      </c>
      <c r="D61" s="17">
        <v>48</v>
      </c>
    </row>
    <row r="62" spans="1:4" ht="18" customHeight="1" x14ac:dyDescent="0.2">
      <c r="A62" s="14">
        <v>47</v>
      </c>
      <c r="B62" s="15">
        <v>21</v>
      </c>
      <c r="C62" s="16">
        <v>31</v>
      </c>
      <c r="D62" s="17">
        <v>52</v>
      </c>
    </row>
    <row r="63" spans="1:4" ht="18" customHeight="1" x14ac:dyDescent="0.2">
      <c r="A63" s="14">
        <v>48</v>
      </c>
      <c r="B63" s="15">
        <v>18</v>
      </c>
      <c r="C63" s="16">
        <v>22</v>
      </c>
      <c r="D63" s="17">
        <v>40</v>
      </c>
    </row>
    <row r="64" spans="1:4" ht="18" customHeight="1" x14ac:dyDescent="0.2">
      <c r="A64" s="14">
        <v>49</v>
      </c>
      <c r="B64" s="15">
        <v>21</v>
      </c>
      <c r="C64" s="16">
        <v>12</v>
      </c>
      <c r="D64" s="17">
        <v>33</v>
      </c>
    </row>
    <row r="65" spans="1:4" ht="18" customHeight="1" x14ac:dyDescent="0.2">
      <c r="A65" s="18" t="s">
        <v>58</v>
      </c>
      <c r="B65" s="15">
        <v>113</v>
      </c>
      <c r="C65" s="16">
        <v>102</v>
      </c>
      <c r="D65" s="17">
        <v>215</v>
      </c>
    </row>
    <row r="66" spans="1:4" ht="18" customHeight="1" x14ac:dyDescent="0.2">
      <c r="A66" s="14">
        <v>50</v>
      </c>
      <c r="B66" s="15">
        <v>21</v>
      </c>
      <c r="C66" s="16">
        <v>21</v>
      </c>
      <c r="D66" s="17">
        <v>42</v>
      </c>
    </row>
    <row r="67" spans="1:4" ht="18" customHeight="1" x14ac:dyDescent="0.2">
      <c r="A67" s="14">
        <v>51</v>
      </c>
      <c r="B67" s="15">
        <v>26</v>
      </c>
      <c r="C67" s="16">
        <v>18</v>
      </c>
      <c r="D67" s="17">
        <v>44</v>
      </c>
    </row>
    <row r="68" spans="1:4" ht="18" customHeight="1" x14ac:dyDescent="0.2">
      <c r="A68" s="14">
        <v>52</v>
      </c>
      <c r="B68" s="15">
        <v>26</v>
      </c>
      <c r="C68" s="16">
        <v>16</v>
      </c>
      <c r="D68" s="17">
        <v>42</v>
      </c>
    </row>
    <row r="69" spans="1:4" ht="18" customHeight="1" x14ac:dyDescent="0.2">
      <c r="A69" s="14">
        <v>53</v>
      </c>
      <c r="B69" s="15">
        <v>18</v>
      </c>
      <c r="C69" s="16">
        <v>14</v>
      </c>
      <c r="D69" s="17">
        <v>32</v>
      </c>
    </row>
    <row r="70" spans="1:4" ht="18" customHeight="1" x14ac:dyDescent="0.2">
      <c r="A70" s="14">
        <v>54</v>
      </c>
      <c r="B70" s="15">
        <v>17</v>
      </c>
      <c r="C70" s="16">
        <v>21</v>
      </c>
      <c r="D70" s="17">
        <v>38</v>
      </c>
    </row>
    <row r="71" spans="1:4" ht="18" customHeight="1" x14ac:dyDescent="0.2">
      <c r="A71" s="18" t="s">
        <v>59</v>
      </c>
      <c r="B71" s="15">
        <v>108</v>
      </c>
      <c r="C71" s="16">
        <v>90</v>
      </c>
      <c r="D71" s="17">
        <v>198</v>
      </c>
    </row>
    <row r="72" spans="1:4" ht="18" customHeight="1" x14ac:dyDescent="0.2">
      <c r="A72" s="14">
        <v>55</v>
      </c>
      <c r="B72" s="15">
        <v>23</v>
      </c>
      <c r="C72" s="16">
        <v>20</v>
      </c>
      <c r="D72" s="17">
        <v>43</v>
      </c>
    </row>
    <row r="73" spans="1:4" ht="18" customHeight="1" x14ac:dyDescent="0.2">
      <c r="A73" s="14">
        <v>56</v>
      </c>
      <c r="B73" s="15">
        <v>13</v>
      </c>
      <c r="C73" s="16">
        <v>27</v>
      </c>
      <c r="D73" s="17">
        <v>40</v>
      </c>
    </row>
    <row r="74" spans="1:4" ht="18" customHeight="1" x14ac:dyDescent="0.2">
      <c r="A74" s="14">
        <v>57</v>
      </c>
      <c r="B74" s="15">
        <v>23</v>
      </c>
      <c r="C74" s="16">
        <v>18</v>
      </c>
      <c r="D74" s="17">
        <v>41</v>
      </c>
    </row>
    <row r="75" spans="1:4" ht="18" customHeight="1" x14ac:dyDescent="0.2">
      <c r="A75" s="14">
        <v>58</v>
      </c>
      <c r="B75" s="15">
        <v>15</v>
      </c>
      <c r="C75" s="16">
        <v>23</v>
      </c>
      <c r="D75" s="17">
        <v>38</v>
      </c>
    </row>
    <row r="76" spans="1:4" ht="18" customHeight="1" x14ac:dyDescent="0.2">
      <c r="A76" s="14">
        <v>59</v>
      </c>
      <c r="B76" s="15">
        <v>21</v>
      </c>
      <c r="C76" s="16">
        <v>27</v>
      </c>
      <c r="D76" s="17">
        <v>48</v>
      </c>
    </row>
    <row r="77" spans="1:4" ht="18" customHeight="1" x14ac:dyDescent="0.2">
      <c r="A77" s="18" t="s">
        <v>60</v>
      </c>
      <c r="B77" s="15">
        <v>95</v>
      </c>
      <c r="C77" s="16">
        <v>115</v>
      </c>
      <c r="D77" s="17">
        <v>210</v>
      </c>
    </row>
    <row r="78" spans="1:4" ht="18" customHeight="1" x14ac:dyDescent="0.2">
      <c r="A78" s="14">
        <v>60</v>
      </c>
      <c r="B78" s="15">
        <v>15</v>
      </c>
      <c r="C78" s="16">
        <v>15</v>
      </c>
      <c r="D78" s="17">
        <v>30</v>
      </c>
    </row>
    <row r="79" spans="1:4" ht="18" customHeight="1" x14ac:dyDescent="0.2">
      <c r="A79" s="14">
        <v>61</v>
      </c>
      <c r="B79" s="15">
        <v>18</v>
      </c>
      <c r="C79" s="16">
        <v>25</v>
      </c>
      <c r="D79" s="17">
        <v>43</v>
      </c>
    </row>
    <row r="80" spans="1:4" ht="18" customHeight="1" x14ac:dyDescent="0.2">
      <c r="A80" s="14">
        <v>62</v>
      </c>
      <c r="B80" s="15">
        <v>24</v>
      </c>
      <c r="C80" s="16">
        <v>24</v>
      </c>
      <c r="D80" s="17">
        <v>48</v>
      </c>
    </row>
    <row r="81" spans="1:4" ht="18" customHeight="1" x14ac:dyDescent="0.2">
      <c r="A81" s="14">
        <v>63</v>
      </c>
      <c r="B81" s="15">
        <v>28</v>
      </c>
      <c r="C81" s="16">
        <v>21</v>
      </c>
      <c r="D81" s="17">
        <v>49</v>
      </c>
    </row>
    <row r="82" spans="1:4" ht="18" customHeight="1" x14ac:dyDescent="0.2">
      <c r="A82" s="14">
        <v>64</v>
      </c>
      <c r="B82" s="15">
        <v>15</v>
      </c>
      <c r="C82" s="16">
        <v>25</v>
      </c>
      <c r="D82" s="17">
        <v>40</v>
      </c>
    </row>
    <row r="83" spans="1:4" ht="18" customHeight="1" x14ac:dyDescent="0.2">
      <c r="A83" s="18" t="s">
        <v>61</v>
      </c>
      <c r="B83" s="15">
        <v>100</v>
      </c>
      <c r="C83" s="16">
        <v>110</v>
      </c>
      <c r="D83" s="17">
        <v>210</v>
      </c>
    </row>
    <row r="84" spans="1:4" ht="18" customHeight="1" x14ac:dyDescent="0.2">
      <c r="A84" s="18" t="s">
        <v>62</v>
      </c>
      <c r="B84" s="15">
        <v>849</v>
      </c>
      <c r="C84" s="16">
        <v>776</v>
      </c>
      <c r="D84" s="17">
        <v>1625</v>
      </c>
    </row>
    <row r="85" spans="1:4" ht="18" customHeight="1" x14ac:dyDescent="0.2">
      <c r="A85" s="14">
        <v>65</v>
      </c>
      <c r="B85" s="15">
        <v>27</v>
      </c>
      <c r="C85" s="16">
        <v>26</v>
      </c>
      <c r="D85" s="17">
        <v>53</v>
      </c>
    </row>
    <row r="86" spans="1:4" ht="18" customHeight="1" x14ac:dyDescent="0.2">
      <c r="A86" s="14">
        <v>66</v>
      </c>
      <c r="B86" s="15">
        <v>30</v>
      </c>
      <c r="C86" s="16">
        <v>33</v>
      </c>
      <c r="D86" s="17">
        <v>63</v>
      </c>
    </row>
    <row r="87" spans="1:4" ht="18" customHeight="1" x14ac:dyDescent="0.2">
      <c r="A87" s="14">
        <v>67</v>
      </c>
      <c r="B87" s="15">
        <v>34</v>
      </c>
      <c r="C87" s="16">
        <v>28</v>
      </c>
      <c r="D87" s="17">
        <v>62</v>
      </c>
    </row>
    <row r="88" spans="1:4" ht="18" customHeight="1" x14ac:dyDescent="0.2">
      <c r="A88" s="14">
        <v>68</v>
      </c>
      <c r="B88" s="15">
        <v>30</v>
      </c>
      <c r="C88" s="16">
        <v>17</v>
      </c>
      <c r="D88" s="17">
        <v>47</v>
      </c>
    </row>
    <row r="89" spans="1:4" ht="18" customHeight="1" x14ac:dyDescent="0.2">
      <c r="A89" s="14">
        <v>69</v>
      </c>
      <c r="B89" s="15">
        <v>24</v>
      </c>
      <c r="C89" s="16">
        <v>22</v>
      </c>
      <c r="D89" s="17">
        <v>46</v>
      </c>
    </row>
    <row r="90" spans="1:4" ht="18" customHeight="1" x14ac:dyDescent="0.2">
      <c r="A90" s="18" t="s">
        <v>63</v>
      </c>
      <c r="B90" s="15">
        <v>145</v>
      </c>
      <c r="C90" s="16">
        <v>126</v>
      </c>
      <c r="D90" s="17">
        <v>271</v>
      </c>
    </row>
    <row r="91" spans="1:4" ht="18" customHeight="1" x14ac:dyDescent="0.2">
      <c r="A91" s="14">
        <v>70</v>
      </c>
      <c r="B91" s="15">
        <v>33</v>
      </c>
      <c r="C91" s="16">
        <v>38</v>
      </c>
      <c r="D91" s="17">
        <v>71</v>
      </c>
    </row>
    <row r="92" spans="1:4" ht="18" customHeight="1" x14ac:dyDescent="0.2">
      <c r="A92" s="14">
        <v>71</v>
      </c>
      <c r="B92" s="15">
        <v>36</v>
      </c>
      <c r="C92" s="16">
        <v>28</v>
      </c>
      <c r="D92" s="17">
        <v>64</v>
      </c>
    </row>
    <row r="93" spans="1:4" ht="18" customHeight="1" x14ac:dyDescent="0.2">
      <c r="A93" s="14">
        <v>72</v>
      </c>
      <c r="B93" s="15">
        <v>36</v>
      </c>
      <c r="C93" s="16">
        <v>36</v>
      </c>
      <c r="D93" s="17">
        <v>72</v>
      </c>
    </row>
    <row r="94" spans="1:4" ht="18" customHeight="1" x14ac:dyDescent="0.2">
      <c r="A94" s="14">
        <v>73</v>
      </c>
      <c r="B94" s="15">
        <v>16</v>
      </c>
      <c r="C94" s="16">
        <v>15</v>
      </c>
      <c r="D94" s="17">
        <v>31</v>
      </c>
    </row>
    <row r="95" spans="1:4" ht="18" customHeight="1" x14ac:dyDescent="0.2">
      <c r="A95" s="14">
        <v>74</v>
      </c>
      <c r="B95" s="15">
        <v>21</v>
      </c>
      <c r="C95" s="16">
        <v>22</v>
      </c>
      <c r="D95" s="17">
        <v>43</v>
      </c>
    </row>
    <row r="96" spans="1:4" ht="18" customHeight="1" x14ac:dyDescent="0.2">
      <c r="A96" s="18" t="s">
        <v>64</v>
      </c>
      <c r="B96" s="15">
        <v>142</v>
      </c>
      <c r="C96" s="16">
        <v>139</v>
      </c>
      <c r="D96" s="17">
        <v>281</v>
      </c>
    </row>
    <row r="97" spans="1:4" ht="18" customHeight="1" x14ac:dyDescent="0.2">
      <c r="A97" s="14">
        <v>75</v>
      </c>
      <c r="B97" s="15">
        <v>20</v>
      </c>
      <c r="C97" s="16">
        <v>27</v>
      </c>
      <c r="D97" s="17">
        <v>47</v>
      </c>
    </row>
    <row r="98" spans="1:4" ht="18" customHeight="1" x14ac:dyDescent="0.2">
      <c r="A98" s="14">
        <v>76</v>
      </c>
      <c r="B98" s="15">
        <v>16</v>
      </c>
      <c r="C98" s="16">
        <v>21</v>
      </c>
      <c r="D98" s="17">
        <v>37</v>
      </c>
    </row>
    <row r="99" spans="1:4" ht="18" customHeight="1" x14ac:dyDescent="0.2">
      <c r="A99" s="14">
        <v>77</v>
      </c>
      <c r="B99" s="15">
        <v>19</v>
      </c>
      <c r="C99" s="16">
        <v>21</v>
      </c>
      <c r="D99" s="17">
        <v>40</v>
      </c>
    </row>
    <row r="100" spans="1:4" ht="18" customHeight="1" x14ac:dyDescent="0.2">
      <c r="A100" s="14">
        <v>78</v>
      </c>
      <c r="B100" s="15">
        <v>16</v>
      </c>
      <c r="C100" s="16">
        <v>18</v>
      </c>
      <c r="D100" s="17">
        <v>34</v>
      </c>
    </row>
    <row r="101" spans="1:4" ht="18" customHeight="1" x14ac:dyDescent="0.2">
      <c r="A101" s="14">
        <v>79</v>
      </c>
      <c r="B101" s="15">
        <v>18</v>
      </c>
      <c r="C101" s="16">
        <v>11</v>
      </c>
      <c r="D101" s="17">
        <v>29</v>
      </c>
    </row>
    <row r="102" spans="1:4" ht="18" customHeight="1" x14ac:dyDescent="0.2">
      <c r="A102" s="18" t="s">
        <v>65</v>
      </c>
      <c r="B102" s="15">
        <v>89</v>
      </c>
      <c r="C102" s="16">
        <v>98</v>
      </c>
      <c r="D102" s="17">
        <v>187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7</v>
      </c>
      <c r="C104" s="16">
        <v>19</v>
      </c>
      <c r="D104" s="17">
        <v>26</v>
      </c>
    </row>
    <row r="105" spans="1:4" ht="18" customHeight="1" x14ac:dyDescent="0.2">
      <c r="A105" s="14">
        <v>82</v>
      </c>
      <c r="B105" s="15">
        <v>12</v>
      </c>
      <c r="C105" s="16">
        <v>16</v>
      </c>
      <c r="D105" s="17">
        <v>28</v>
      </c>
    </row>
    <row r="106" spans="1:4" ht="18" customHeight="1" x14ac:dyDescent="0.2">
      <c r="A106" s="14">
        <v>83</v>
      </c>
      <c r="B106" s="15">
        <v>13</v>
      </c>
      <c r="C106" s="16">
        <v>14</v>
      </c>
      <c r="D106" s="17">
        <v>27</v>
      </c>
    </row>
    <row r="107" spans="1:4" ht="18" customHeight="1" x14ac:dyDescent="0.2">
      <c r="A107" s="14">
        <v>84</v>
      </c>
      <c r="B107" s="15">
        <v>12</v>
      </c>
      <c r="C107" s="16">
        <v>14</v>
      </c>
      <c r="D107" s="17">
        <v>26</v>
      </c>
    </row>
    <row r="108" spans="1:4" ht="18" customHeight="1" x14ac:dyDescent="0.2">
      <c r="A108" s="18" t="s">
        <v>66</v>
      </c>
      <c r="B108" s="15">
        <v>58</v>
      </c>
      <c r="C108" s="16">
        <v>80</v>
      </c>
      <c r="D108" s="17">
        <v>138</v>
      </c>
    </row>
    <row r="109" spans="1:4" ht="18" customHeight="1" x14ac:dyDescent="0.2">
      <c r="A109" s="14">
        <v>85</v>
      </c>
      <c r="B109" s="15">
        <v>7</v>
      </c>
      <c r="C109" s="16">
        <v>10</v>
      </c>
      <c r="D109" s="17">
        <v>17</v>
      </c>
    </row>
    <row r="110" spans="1:4" ht="18" customHeight="1" x14ac:dyDescent="0.2">
      <c r="A110" s="14">
        <v>86</v>
      </c>
      <c r="B110" s="15">
        <v>8</v>
      </c>
      <c r="C110" s="16">
        <v>14</v>
      </c>
      <c r="D110" s="17">
        <v>22</v>
      </c>
    </row>
    <row r="111" spans="1:4" ht="18" customHeight="1" x14ac:dyDescent="0.2">
      <c r="A111" s="14">
        <v>87</v>
      </c>
      <c r="B111" s="15">
        <v>2</v>
      </c>
      <c r="C111" s="16">
        <v>13</v>
      </c>
      <c r="D111" s="17">
        <v>15</v>
      </c>
    </row>
    <row r="112" spans="1:4" ht="18" customHeight="1" x14ac:dyDescent="0.2">
      <c r="A112" s="14">
        <v>88</v>
      </c>
      <c r="B112" s="15">
        <v>3</v>
      </c>
      <c r="C112" s="16">
        <v>12</v>
      </c>
      <c r="D112" s="17">
        <v>15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67</v>
      </c>
      <c r="B114" s="15">
        <v>23</v>
      </c>
      <c r="C114" s="16">
        <v>57</v>
      </c>
      <c r="D114" s="17">
        <v>80</v>
      </c>
    </row>
    <row r="115" spans="1:4" ht="18" customHeight="1" x14ac:dyDescent="0.2">
      <c r="A115" s="14">
        <v>90</v>
      </c>
      <c r="B115" s="15">
        <v>0</v>
      </c>
      <c r="C115" s="16">
        <v>7</v>
      </c>
      <c r="D115" s="17">
        <v>7</v>
      </c>
    </row>
    <row r="116" spans="1:4" ht="18" customHeight="1" x14ac:dyDescent="0.2">
      <c r="A116" s="14">
        <v>91</v>
      </c>
      <c r="B116" s="15">
        <v>5</v>
      </c>
      <c r="C116" s="16">
        <v>7</v>
      </c>
      <c r="D116" s="17">
        <v>12</v>
      </c>
    </row>
    <row r="117" spans="1:4" ht="18" customHeight="1" x14ac:dyDescent="0.2">
      <c r="A117" s="14">
        <v>92</v>
      </c>
      <c r="B117" s="15">
        <v>0</v>
      </c>
      <c r="C117" s="16">
        <v>8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68</v>
      </c>
      <c r="B120" s="15">
        <v>6</v>
      </c>
      <c r="C120" s="16">
        <v>29</v>
      </c>
      <c r="D120" s="17">
        <v>35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0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65</v>
      </c>
      <c r="C130" s="5">
        <v>539</v>
      </c>
      <c r="D130" s="6">
        <v>1004</v>
      </c>
    </row>
    <row r="131" spans="1:4" ht="18" customHeight="1" x14ac:dyDescent="0.2">
      <c r="A131" s="20" t="s">
        <v>47</v>
      </c>
      <c r="B131" s="7">
        <v>1455</v>
      </c>
      <c r="C131" s="8">
        <v>1456</v>
      </c>
      <c r="D131" s="9">
        <v>29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3</v>
      </c>
      <c r="D5" s="13">
        <v>23</v>
      </c>
    </row>
    <row r="6" spans="1:4" ht="18" customHeight="1" x14ac:dyDescent="0.2">
      <c r="A6" s="14">
        <v>1</v>
      </c>
      <c r="B6" s="15">
        <v>10</v>
      </c>
      <c r="C6" s="16">
        <v>12</v>
      </c>
      <c r="D6" s="17">
        <v>22</v>
      </c>
    </row>
    <row r="7" spans="1:4" ht="18" customHeight="1" x14ac:dyDescent="0.2">
      <c r="A7" s="14">
        <v>2</v>
      </c>
      <c r="B7" s="15">
        <v>10</v>
      </c>
      <c r="C7" s="16">
        <v>11</v>
      </c>
      <c r="D7" s="17">
        <v>21</v>
      </c>
    </row>
    <row r="8" spans="1:4" ht="18" customHeight="1" x14ac:dyDescent="0.2">
      <c r="A8" s="14">
        <v>3</v>
      </c>
      <c r="B8" s="15">
        <v>9</v>
      </c>
      <c r="C8" s="16">
        <v>7</v>
      </c>
      <c r="D8" s="17">
        <v>16</v>
      </c>
    </row>
    <row r="9" spans="1:4" ht="18" customHeight="1" x14ac:dyDescent="0.2">
      <c r="A9" s="14">
        <v>4</v>
      </c>
      <c r="B9" s="15">
        <v>14</v>
      </c>
      <c r="C9" s="16">
        <v>9</v>
      </c>
      <c r="D9" s="17">
        <v>23</v>
      </c>
    </row>
    <row r="10" spans="1:4" ht="18" customHeight="1" x14ac:dyDescent="0.2">
      <c r="A10" s="18" t="s">
        <v>48</v>
      </c>
      <c r="B10" s="15">
        <v>53</v>
      </c>
      <c r="C10" s="16">
        <v>52</v>
      </c>
      <c r="D10" s="17">
        <v>105</v>
      </c>
    </row>
    <row r="11" spans="1:4" ht="18" customHeight="1" x14ac:dyDescent="0.2">
      <c r="A11" s="14">
        <v>5</v>
      </c>
      <c r="B11" s="15">
        <v>16</v>
      </c>
      <c r="C11" s="16">
        <v>18</v>
      </c>
      <c r="D11" s="17">
        <v>34</v>
      </c>
    </row>
    <row r="12" spans="1:4" ht="18" customHeight="1" x14ac:dyDescent="0.2">
      <c r="A12" s="14">
        <v>6</v>
      </c>
      <c r="B12" s="15">
        <v>10</v>
      </c>
      <c r="C12" s="16">
        <v>11</v>
      </c>
      <c r="D12" s="17">
        <v>21</v>
      </c>
    </row>
    <row r="13" spans="1:4" ht="18" customHeight="1" x14ac:dyDescent="0.2">
      <c r="A13" s="14">
        <v>7</v>
      </c>
      <c r="B13" s="15">
        <v>22</v>
      </c>
      <c r="C13" s="16">
        <v>18</v>
      </c>
      <c r="D13" s="17">
        <v>40</v>
      </c>
    </row>
    <row r="14" spans="1:4" ht="18" customHeight="1" x14ac:dyDescent="0.2">
      <c r="A14" s="14">
        <v>8</v>
      </c>
      <c r="B14" s="15">
        <v>17</v>
      </c>
      <c r="C14" s="16">
        <v>12</v>
      </c>
      <c r="D14" s="17">
        <v>29</v>
      </c>
    </row>
    <row r="15" spans="1:4" ht="18" customHeight="1" x14ac:dyDescent="0.2">
      <c r="A15" s="14">
        <v>9</v>
      </c>
      <c r="B15" s="15">
        <v>13</v>
      </c>
      <c r="C15" s="16">
        <v>18</v>
      </c>
      <c r="D15" s="17">
        <v>31</v>
      </c>
    </row>
    <row r="16" spans="1:4" ht="18" customHeight="1" x14ac:dyDescent="0.2">
      <c r="A16" s="18" t="s">
        <v>49</v>
      </c>
      <c r="B16" s="15">
        <v>78</v>
      </c>
      <c r="C16" s="16">
        <v>77</v>
      </c>
      <c r="D16" s="17">
        <v>155</v>
      </c>
    </row>
    <row r="17" spans="1:4" ht="18" customHeight="1" x14ac:dyDescent="0.2">
      <c r="A17" s="14">
        <v>10</v>
      </c>
      <c r="B17" s="15">
        <v>25</v>
      </c>
      <c r="C17" s="16">
        <v>21</v>
      </c>
      <c r="D17" s="17">
        <v>46</v>
      </c>
    </row>
    <row r="18" spans="1:4" ht="18" customHeight="1" x14ac:dyDescent="0.2">
      <c r="A18" s="14">
        <v>11</v>
      </c>
      <c r="B18" s="15">
        <v>18</v>
      </c>
      <c r="C18" s="16">
        <v>23</v>
      </c>
      <c r="D18" s="17">
        <v>41</v>
      </c>
    </row>
    <row r="19" spans="1:4" ht="18" customHeight="1" x14ac:dyDescent="0.2">
      <c r="A19" s="14">
        <v>12</v>
      </c>
      <c r="B19" s="15">
        <v>13</v>
      </c>
      <c r="C19" s="16">
        <v>17</v>
      </c>
      <c r="D19" s="17">
        <v>30</v>
      </c>
    </row>
    <row r="20" spans="1:4" ht="18" customHeight="1" x14ac:dyDescent="0.2">
      <c r="A20" s="14">
        <v>13</v>
      </c>
      <c r="B20" s="15">
        <v>10</v>
      </c>
      <c r="C20" s="16">
        <v>18</v>
      </c>
      <c r="D20" s="17">
        <v>28</v>
      </c>
    </row>
    <row r="21" spans="1:4" ht="18" customHeight="1" x14ac:dyDescent="0.2">
      <c r="A21" s="14">
        <v>14</v>
      </c>
      <c r="B21" s="15">
        <v>15</v>
      </c>
      <c r="C21" s="16">
        <v>16</v>
      </c>
      <c r="D21" s="17">
        <v>31</v>
      </c>
    </row>
    <row r="22" spans="1:4" ht="18" customHeight="1" x14ac:dyDescent="0.2">
      <c r="A22" s="18" t="s">
        <v>50</v>
      </c>
      <c r="B22" s="15">
        <v>81</v>
      </c>
      <c r="C22" s="16">
        <v>95</v>
      </c>
      <c r="D22" s="17">
        <v>176</v>
      </c>
    </row>
    <row r="23" spans="1:4" ht="18" customHeight="1" x14ac:dyDescent="0.2">
      <c r="A23" s="18" t="s">
        <v>51</v>
      </c>
      <c r="B23" s="15">
        <v>212</v>
      </c>
      <c r="C23" s="16">
        <v>224</v>
      </c>
      <c r="D23" s="17">
        <v>436</v>
      </c>
    </row>
    <row r="24" spans="1:4" ht="18" customHeight="1" x14ac:dyDescent="0.2">
      <c r="A24" s="14">
        <v>15</v>
      </c>
      <c r="B24" s="15">
        <v>17</v>
      </c>
      <c r="C24" s="16">
        <v>8</v>
      </c>
      <c r="D24" s="17">
        <v>25</v>
      </c>
    </row>
    <row r="25" spans="1:4" ht="18" customHeight="1" x14ac:dyDescent="0.2">
      <c r="A25" s="14">
        <v>16</v>
      </c>
      <c r="B25" s="15">
        <v>24</v>
      </c>
      <c r="C25" s="16">
        <v>21</v>
      </c>
      <c r="D25" s="17">
        <v>45</v>
      </c>
    </row>
    <row r="26" spans="1:4" ht="18" customHeight="1" x14ac:dyDescent="0.2">
      <c r="A26" s="14">
        <v>17</v>
      </c>
      <c r="B26" s="15">
        <v>21</v>
      </c>
      <c r="C26" s="16">
        <v>15</v>
      </c>
      <c r="D26" s="17">
        <v>36</v>
      </c>
    </row>
    <row r="27" spans="1:4" ht="18" customHeight="1" x14ac:dyDescent="0.2">
      <c r="A27" s="14">
        <v>18</v>
      </c>
      <c r="B27" s="15">
        <v>21</v>
      </c>
      <c r="C27" s="16">
        <v>17</v>
      </c>
      <c r="D27" s="17">
        <v>38</v>
      </c>
    </row>
    <row r="28" spans="1:4" ht="18" customHeight="1" x14ac:dyDescent="0.2">
      <c r="A28" s="14">
        <v>19</v>
      </c>
      <c r="B28" s="15">
        <v>17</v>
      </c>
      <c r="C28" s="16">
        <v>13</v>
      </c>
      <c r="D28" s="17">
        <v>30</v>
      </c>
    </row>
    <row r="29" spans="1:4" ht="18" customHeight="1" x14ac:dyDescent="0.2">
      <c r="A29" s="18" t="s">
        <v>52</v>
      </c>
      <c r="B29" s="15">
        <v>100</v>
      </c>
      <c r="C29" s="16">
        <v>74</v>
      </c>
      <c r="D29" s="17">
        <v>174</v>
      </c>
    </row>
    <row r="30" spans="1:4" ht="18" customHeight="1" x14ac:dyDescent="0.2">
      <c r="A30" s="14">
        <v>20</v>
      </c>
      <c r="B30" s="15">
        <v>14</v>
      </c>
      <c r="C30" s="16">
        <v>13</v>
      </c>
      <c r="D30" s="17">
        <v>27</v>
      </c>
    </row>
    <row r="31" spans="1:4" ht="18" customHeight="1" x14ac:dyDescent="0.2">
      <c r="A31" s="14">
        <v>21</v>
      </c>
      <c r="B31" s="15">
        <v>11</v>
      </c>
      <c r="C31" s="16">
        <v>13</v>
      </c>
      <c r="D31" s="17">
        <v>24</v>
      </c>
    </row>
    <row r="32" spans="1:4" ht="18" customHeight="1" x14ac:dyDescent="0.2">
      <c r="A32" s="14">
        <v>22</v>
      </c>
      <c r="B32" s="15">
        <v>18</v>
      </c>
      <c r="C32" s="16">
        <v>8</v>
      </c>
      <c r="D32" s="17">
        <v>26</v>
      </c>
    </row>
    <row r="33" spans="1:4" ht="18" customHeight="1" x14ac:dyDescent="0.2">
      <c r="A33" s="14">
        <v>23</v>
      </c>
      <c r="B33" s="15">
        <v>18</v>
      </c>
      <c r="C33" s="16">
        <v>14</v>
      </c>
      <c r="D33" s="17">
        <v>32</v>
      </c>
    </row>
    <row r="34" spans="1:4" ht="18" customHeight="1" x14ac:dyDescent="0.2">
      <c r="A34" s="14">
        <v>24</v>
      </c>
      <c r="B34" s="15">
        <v>12</v>
      </c>
      <c r="C34" s="16">
        <v>14</v>
      </c>
      <c r="D34" s="17">
        <v>26</v>
      </c>
    </row>
    <row r="35" spans="1:4" ht="18" customHeight="1" x14ac:dyDescent="0.2">
      <c r="A35" s="18" t="s">
        <v>53</v>
      </c>
      <c r="B35" s="15">
        <v>73</v>
      </c>
      <c r="C35" s="16">
        <v>62</v>
      </c>
      <c r="D35" s="17">
        <v>135</v>
      </c>
    </row>
    <row r="36" spans="1:4" ht="18" customHeight="1" x14ac:dyDescent="0.2">
      <c r="A36" s="14">
        <v>25</v>
      </c>
      <c r="B36" s="15">
        <v>4</v>
      </c>
      <c r="C36" s="16">
        <v>8</v>
      </c>
      <c r="D36" s="17">
        <v>12</v>
      </c>
    </row>
    <row r="37" spans="1:4" ht="18" customHeight="1" x14ac:dyDescent="0.2">
      <c r="A37" s="14">
        <v>26</v>
      </c>
      <c r="B37" s="15">
        <v>11</v>
      </c>
      <c r="C37" s="16">
        <v>5</v>
      </c>
      <c r="D37" s="17">
        <v>16</v>
      </c>
    </row>
    <row r="38" spans="1:4" ht="18" customHeight="1" x14ac:dyDescent="0.2">
      <c r="A38" s="14">
        <v>27</v>
      </c>
      <c r="B38" s="15">
        <v>8</v>
      </c>
      <c r="C38" s="16">
        <v>7</v>
      </c>
      <c r="D38" s="17">
        <v>15</v>
      </c>
    </row>
    <row r="39" spans="1:4" ht="18" customHeight="1" x14ac:dyDescent="0.2">
      <c r="A39" s="14">
        <v>28</v>
      </c>
      <c r="B39" s="15">
        <v>17</v>
      </c>
      <c r="C39" s="16">
        <v>14</v>
      </c>
      <c r="D39" s="17">
        <v>31</v>
      </c>
    </row>
    <row r="40" spans="1:4" ht="18" customHeight="1" x14ac:dyDescent="0.2">
      <c r="A40" s="14">
        <v>29</v>
      </c>
      <c r="B40" s="15">
        <v>8</v>
      </c>
      <c r="C40" s="16">
        <v>19</v>
      </c>
      <c r="D40" s="17">
        <v>27</v>
      </c>
    </row>
    <row r="41" spans="1:4" ht="18" customHeight="1" x14ac:dyDescent="0.2">
      <c r="A41" s="18" t="s">
        <v>54</v>
      </c>
      <c r="B41" s="15">
        <v>48</v>
      </c>
      <c r="C41" s="16">
        <v>53</v>
      </c>
      <c r="D41" s="17">
        <v>101</v>
      </c>
    </row>
    <row r="42" spans="1:4" ht="18" customHeight="1" x14ac:dyDescent="0.2">
      <c r="A42" s="14">
        <v>30</v>
      </c>
      <c r="B42" s="15">
        <v>6</v>
      </c>
      <c r="C42" s="16">
        <v>9</v>
      </c>
      <c r="D42" s="17">
        <v>15</v>
      </c>
    </row>
    <row r="43" spans="1:4" ht="18" customHeight="1" x14ac:dyDescent="0.2">
      <c r="A43" s="14">
        <v>31</v>
      </c>
      <c r="B43" s="15">
        <v>10</v>
      </c>
      <c r="C43" s="16">
        <v>9</v>
      </c>
      <c r="D43" s="17">
        <v>19</v>
      </c>
    </row>
    <row r="44" spans="1:4" ht="18" customHeight="1" x14ac:dyDescent="0.2">
      <c r="A44" s="14">
        <v>32</v>
      </c>
      <c r="B44" s="15">
        <v>7</v>
      </c>
      <c r="C44" s="16">
        <v>10</v>
      </c>
      <c r="D44" s="17">
        <v>17</v>
      </c>
    </row>
    <row r="45" spans="1:4" ht="18" customHeight="1" x14ac:dyDescent="0.2">
      <c r="A45" s="14">
        <v>33</v>
      </c>
      <c r="B45" s="15">
        <v>16</v>
      </c>
      <c r="C45" s="16">
        <v>13</v>
      </c>
      <c r="D45" s="17">
        <v>29</v>
      </c>
    </row>
    <row r="46" spans="1:4" ht="18" customHeight="1" x14ac:dyDescent="0.2">
      <c r="A46" s="14">
        <v>34</v>
      </c>
      <c r="B46" s="15">
        <v>13</v>
      </c>
      <c r="C46" s="16">
        <v>18</v>
      </c>
      <c r="D46" s="17">
        <v>31</v>
      </c>
    </row>
    <row r="47" spans="1:4" ht="18" customHeight="1" x14ac:dyDescent="0.2">
      <c r="A47" s="18" t="s">
        <v>55</v>
      </c>
      <c r="B47" s="15">
        <v>52</v>
      </c>
      <c r="C47" s="16">
        <v>59</v>
      </c>
      <c r="D47" s="17">
        <v>111</v>
      </c>
    </row>
    <row r="48" spans="1:4" ht="18" customHeight="1" x14ac:dyDescent="0.2">
      <c r="A48" s="14">
        <v>35</v>
      </c>
      <c r="B48" s="15">
        <v>18</v>
      </c>
      <c r="C48" s="16">
        <v>15</v>
      </c>
      <c r="D48" s="17">
        <v>33</v>
      </c>
    </row>
    <row r="49" spans="1:4" ht="18" customHeight="1" x14ac:dyDescent="0.2">
      <c r="A49" s="14">
        <v>36</v>
      </c>
      <c r="B49" s="15">
        <v>17</v>
      </c>
      <c r="C49" s="16">
        <v>16</v>
      </c>
      <c r="D49" s="17">
        <v>33</v>
      </c>
    </row>
    <row r="50" spans="1:4" ht="18" customHeight="1" x14ac:dyDescent="0.2">
      <c r="A50" s="14">
        <v>37</v>
      </c>
      <c r="B50" s="15">
        <v>13</v>
      </c>
      <c r="C50" s="16">
        <v>12</v>
      </c>
      <c r="D50" s="17">
        <v>25</v>
      </c>
    </row>
    <row r="51" spans="1:4" ht="18" customHeight="1" x14ac:dyDescent="0.2">
      <c r="A51" s="14">
        <v>38</v>
      </c>
      <c r="B51" s="15">
        <v>22</v>
      </c>
      <c r="C51" s="16">
        <v>19</v>
      </c>
      <c r="D51" s="17">
        <v>41</v>
      </c>
    </row>
    <row r="52" spans="1:4" ht="18" customHeight="1" x14ac:dyDescent="0.2">
      <c r="A52" s="14">
        <v>39</v>
      </c>
      <c r="B52" s="15">
        <v>14</v>
      </c>
      <c r="C52" s="16">
        <v>17</v>
      </c>
      <c r="D52" s="17">
        <v>31</v>
      </c>
    </row>
    <row r="53" spans="1:4" ht="18" customHeight="1" x14ac:dyDescent="0.2">
      <c r="A53" s="18" t="s">
        <v>56</v>
      </c>
      <c r="B53" s="15">
        <v>84</v>
      </c>
      <c r="C53" s="16">
        <v>79</v>
      </c>
      <c r="D53" s="17">
        <v>163</v>
      </c>
    </row>
    <row r="54" spans="1:4" ht="18" customHeight="1" x14ac:dyDescent="0.2">
      <c r="A54" s="14">
        <v>40</v>
      </c>
      <c r="B54" s="15">
        <v>9</v>
      </c>
      <c r="C54" s="16">
        <v>23</v>
      </c>
      <c r="D54" s="17">
        <v>32</v>
      </c>
    </row>
    <row r="55" spans="1:4" ht="18" customHeight="1" x14ac:dyDescent="0.2">
      <c r="A55" s="14">
        <v>41</v>
      </c>
      <c r="B55" s="15">
        <v>28</v>
      </c>
      <c r="C55" s="16">
        <v>25</v>
      </c>
      <c r="D55" s="17">
        <v>53</v>
      </c>
    </row>
    <row r="56" spans="1:4" ht="18" customHeight="1" x14ac:dyDescent="0.2">
      <c r="A56" s="14">
        <v>42</v>
      </c>
      <c r="B56" s="15">
        <v>26</v>
      </c>
      <c r="C56" s="16">
        <v>25</v>
      </c>
      <c r="D56" s="17">
        <v>51</v>
      </c>
    </row>
    <row r="57" spans="1:4" ht="18" customHeight="1" x14ac:dyDescent="0.2">
      <c r="A57" s="14">
        <v>43</v>
      </c>
      <c r="B57" s="15">
        <v>25</v>
      </c>
      <c r="C57" s="16">
        <v>24</v>
      </c>
      <c r="D57" s="17">
        <v>49</v>
      </c>
    </row>
    <row r="58" spans="1:4" ht="18" customHeight="1" x14ac:dyDescent="0.2">
      <c r="A58" s="14">
        <v>44</v>
      </c>
      <c r="B58" s="15">
        <v>27</v>
      </c>
      <c r="C58" s="16">
        <v>22</v>
      </c>
      <c r="D58" s="17">
        <v>49</v>
      </c>
    </row>
    <row r="59" spans="1:4" ht="18" customHeight="1" x14ac:dyDescent="0.2">
      <c r="A59" s="18" t="s">
        <v>57</v>
      </c>
      <c r="B59" s="15">
        <v>115</v>
      </c>
      <c r="C59" s="16">
        <v>119</v>
      </c>
      <c r="D59" s="17">
        <v>234</v>
      </c>
    </row>
    <row r="60" spans="1:4" ht="18" customHeight="1" x14ac:dyDescent="0.2">
      <c r="A60" s="14">
        <v>45</v>
      </c>
      <c r="B60" s="15">
        <v>27</v>
      </c>
      <c r="C60" s="16">
        <v>24</v>
      </c>
      <c r="D60" s="17">
        <v>51</v>
      </c>
    </row>
    <row r="61" spans="1:4" ht="18" customHeight="1" x14ac:dyDescent="0.2">
      <c r="A61" s="14">
        <v>46</v>
      </c>
      <c r="B61" s="15">
        <v>30</v>
      </c>
      <c r="C61" s="16">
        <v>25</v>
      </c>
      <c r="D61" s="17">
        <v>55</v>
      </c>
    </row>
    <row r="62" spans="1:4" ht="18" customHeight="1" x14ac:dyDescent="0.2">
      <c r="A62" s="14">
        <v>47</v>
      </c>
      <c r="B62" s="15">
        <v>36</v>
      </c>
      <c r="C62" s="16">
        <v>23</v>
      </c>
      <c r="D62" s="17">
        <v>59</v>
      </c>
    </row>
    <row r="63" spans="1:4" ht="18" customHeight="1" x14ac:dyDescent="0.2">
      <c r="A63" s="14">
        <v>48</v>
      </c>
      <c r="B63" s="15">
        <v>37</v>
      </c>
      <c r="C63" s="16">
        <v>30</v>
      </c>
      <c r="D63" s="17">
        <v>67</v>
      </c>
    </row>
    <row r="64" spans="1:4" ht="18" customHeight="1" x14ac:dyDescent="0.2">
      <c r="A64" s="14">
        <v>49</v>
      </c>
      <c r="B64" s="15">
        <v>28</v>
      </c>
      <c r="C64" s="16">
        <v>21</v>
      </c>
      <c r="D64" s="17">
        <v>49</v>
      </c>
    </row>
    <row r="65" spans="1:4" ht="18" customHeight="1" x14ac:dyDescent="0.2">
      <c r="A65" s="18" t="s">
        <v>58</v>
      </c>
      <c r="B65" s="15">
        <v>158</v>
      </c>
      <c r="C65" s="16">
        <v>123</v>
      </c>
      <c r="D65" s="17">
        <v>281</v>
      </c>
    </row>
    <row r="66" spans="1:4" ht="18" customHeight="1" x14ac:dyDescent="0.2">
      <c r="A66" s="14">
        <v>50</v>
      </c>
      <c r="B66" s="15">
        <v>23</v>
      </c>
      <c r="C66" s="16">
        <v>28</v>
      </c>
      <c r="D66" s="17">
        <v>51</v>
      </c>
    </row>
    <row r="67" spans="1:4" ht="18" customHeight="1" x14ac:dyDescent="0.2">
      <c r="A67" s="14">
        <v>51</v>
      </c>
      <c r="B67" s="15">
        <v>29</v>
      </c>
      <c r="C67" s="16">
        <v>20</v>
      </c>
      <c r="D67" s="17">
        <v>49</v>
      </c>
    </row>
    <row r="68" spans="1:4" ht="18" customHeight="1" x14ac:dyDescent="0.2">
      <c r="A68" s="14">
        <v>52</v>
      </c>
      <c r="B68" s="15">
        <v>24</v>
      </c>
      <c r="C68" s="16">
        <v>20</v>
      </c>
      <c r="D68" s="17">
        <v>44</v>
      </c>
    </row>
    <row r="69" spans="1:4" ht="18" customHeight="1" x14ac:dyDescent="0.2">
      <c r="A69" s="14">
        <v>53</v>
      </c>
      <c r="B69" s="15">
        <v>16</v>
      </c>
      <c r="C69" s="16">
        <v>16</v>
      </c>
      <c r="D69" s="17">
        <v>32</v>
      </c>
    </row>
    <row r="70" spans="1:4" ht="18" customHeight="1" x14ac:dyDescent="0.2">
      <c r="A70" s="14">
        <v>54</v>
      </c>
      <c r="B70" s="15">
        <v>20</v>
      </c>
      <c r="C70" s="16">
        <v>24</v>
      </c>
      <c r="D70" s="17">
        <v>44</v>
      </c>
    </row>
    <row r="71" spans="1:4" ht="18" customHeight="1" x14ac:dyDescent="0.2">
      <c r="A71" s="18" t="s">
        <v>59</v>
      </c>
      <c r="B71" s="15">
        <v>112</v>
      </c>
      <c r="C71" s="16">
        <v>108</v>
      </c>
      <c r="D71" s="17">
        <v>220</v>
      </c>
    </row>
    <row r="72" spans="1:4" ht="18" customHeight="1" x14ac:dyDescent="0.2">
      <c r="A72" s="14">
        <v>55</v>
      </c>
      <c r="B72" s="15">
        <v>10</v>
      </c>
      <c r="C72" s="16">
        <v>14</v>
      </c>
      <c r="D72" s="17">
        <v>24</v>
      </c>
    </row>
    <row r="73" spans="1:4" ht="18" customHeight="1" x14ac:dyDescent="0.2">
      <c r="A73" s="14">
        <v>56</v>
      </c>
      <c r="B73" s="15">
        <v>16</v>
      </c>
      <c r="C73" s="16">
        <v>9</v>
      </c>
      <c r="D73" s="17">
        <v>25</v>
      </c>
    </row>
    <row r="74" spans="1:4" ht="18" customHeight="1" x14ac:dyDescent="0.2">
      <c r="A74" s="14">
        <v>57</v>
      </c>
      <c r="B74" s="15">
        <v>10</v>
      </c>
      <c r="C74" s="16">
        <v>10</v>
      </c>
      <c r="D74" s="17">
        <v>20</v>
      </c>
    </row>
    <row r="75" spans="1:4" ht="18" customHeight="1" x14ac:dyDescent="0.2">
      <c r="A75" s="14">
        <v>58</v>
      </c>
      <c r="B75" s="15">
        <v>13</v>
      </c>
      <c r="C75" s="16">
        <v>10</v>
      </c>
      <c r="D75" s="17">
        <v>23</v>
      </c>
    </row>
    <row r="76" spans="1:4" ht="18" customHeight="1" x14ac:dyDescent="0.2">
      <c r="A76" s="14">
        <v>59</v>
      </c>
      <c r="B76" s="15">
        <v>14</v>
      </c>
      <c r="C76" s="16">
        <v>10</v>
      </c>
      <c r="D76" s="17">
        <v>24</v>
      </c>
    </row>
    <row r="77" spans="1:4" ht="18" customHeight="1" x14ac:dyDescent="0.2">
      <c r="A77" s="18" t="s">
        <v>60</v>
      </c>
      <c r="B77" s="15">
        <v>63</v>
      </c>
      <c r="C77" s="16">
        <v>53</v>
      </c>
      <c r="D77" s="17">
        <v>116</v>
      </c>
    </row>
    <row r="78" spans="1:4" ht="18" customHeight="1" x14ac:dyDescent="0.2">
      <c r="A78" s="14">
        <v>60</v>
      </c>
      <c r="B78" s="15">
        <v>10</v>
      </c>
      <c r="C78" s="16">
        <v>13</v>
      </c>
      <c r="D78" s="17">
        <v>23</v>
      </c>
    </row>
    <row r="79" spans="1:4" ht="18" customHeight="1" x14ac:dyDescent="0.2">
      <c r="A79" s="14">
        <v>61</v>
      </c>
      <c r="B79" s="15">
        <v>10</v>
      </c>
      <c r="C79" s="16">
        <v>21</v>
      </c>
      <c r="D79" s="17">
        <v>31</v>
      </c>
    </row>
    <row r="80" spans="1:4" ht="18" customHeight="1" x14ac:dyDescent="0.2">
      <c r="A80" s="14">
        <v>62</v>
      </c>
      <c r="B80" s="15">
        <v>13</v>
      </c>
      <c r="C80" s="16">
        <v>12</v>
      </c>
      <c r="D80" s="17">
        <v>25</v>
      </c>
    </row>
    <row r="81" spans="1:4" ht="18" customHeight="1" x14ac:dyDescent="0.2">
      <c r="A81" s="14">
        <v>63</v>
      </c>
      <c r="B81" s="15">
        <v>9</v>
      </c>
      <c r="C81" s="16">
        <v>14</v>
      </c>
      <c r="D81" s="17">
        <v>23</v>
      </c>
    </row>
    <row r="82" spans="1:4" ht="18" customHeight="1" x14ac:dyDescent="0.2">
      <c r="A82" s="14">
        <v>64</v>
      </c>
      <c r="B82" s="15">
        <v>15</v>
      </c>
      <c r="C82" s="16">
        <v>24</v>
      </c>
      <c r="D82" s="17">
        <v>39</v>
      </c>
    </row>
    <row r="83" spans="1:4" ht="18" customHeight="1" x14ac:dyDescent="0.2">
      <c r="A83" s="18" t="s">
        <v>61</v>
      </c>
      <c r="B83" s="15">
        <v>57</v>
      </c>
      <c r="C83" s="16">
        <v>84</v>
      </c>
      <c r="D83" s="17">
        <v>141</v>
      </c>
    </row>
    <row r="84" spans="1:4" ht="18" customHeight="1" x14ac:dyDescent="0.2">
      <c r="A84" s="18" t="s">
        <v>62</v>
      </c>
      <c r="B84" s="15">
        <v>862</v>
      </c>
      <c r="C84" s="16">
        <v>814</v>
      </c>
      <c r="D84" s="17">
        <v>1676</v>
      </c>
    </row>
    <row r="85" spans="1:4" ht="18" customHeight="1" x14ac:dyDescent="0.2">
      <c r="A85" s="14">
        <v>65</v>
      </c>
      <c r="B85" s="15">
        <v>16</v>
      </c>
      <c r="C85" s="16">
        <v>22</v>
      </c>
      <c r="D85" s="17">
        <v>38</v>
      </c>
    </row>
    <row r="86" spans="1:4" ht="18" customHeight="1" x14ac:dyDescent="0.2">
      <c r="A86" s="14">
        <v>66</v>
      </c>
      <c r="B86" s="15">
        <v>20</v>
      </c>
      <c r="C86" s="16">
        <v>17</v>
      </c>
      <c r="D86" s="17">
        <v>37</v>
      </c>
    </row>
    <row r="87" spans="1:4" ht="18" customHeight="1" x14ac:dyDescent="0.2">
      <c r="A87" s="14">
        <v>67</v>
      </c>
      <c r="B87" s="15">
        <v>25</v>
      </c>
      <c r="C87" s="16">
        <v>18</v>
      </c>
      <c r="D87" s="17">
        <v>43</v>
      </c>
    </row>
    <row r="88" spans="1:4" ht="18" customHeight="1" x14ac:dyDescent="0.2">
      <c r="A88" s="14">
        <v>68</v>
      </c>
      <c r="B88" s="15">
        <v>25</v>
      </c>
      <c r="C88" s="16">
        <v>17</v>
      </c>
      <c r="D88" s="17">
        <v>42</v>
      </c>
    </row>
    <row r="89" spans="1:4" ht="18" customHeight="1" x14ac:dyDescent="0.2">
      <c r="A89" s="14">
        <v>69</v>
      </c>
      <c r="B89" s="15">
        <v>13</v>
      </c>
      <c r="C89" s="16">
        <v>25</v>
      </c>
      <c r="D89" s="17">
        <v>38</v>
      </c>
    </row>
    <row r="90" spans="1:4" ht="18" customHeight="1" x14ac:dyDescent="0.2">
      <c r="A90" s="18" t="s">
        <v>63</v>
      </c>
      <c r="B90" s="15">
        <v>99</v>
      </c>
      <c r="C90" s="16">
        <v>99</v>
      </c>
      <c r="D90" s="17">
        <v>198</v>
      </c>
    </row>
    <row r="91" spans="1:4" ht="18" customHeight="1" x14ac:dyDescent="0.2">
      <c r="A91" s="14">
        <v>70</v>
      </c>
      <c r="B91" s="15">
        <v>22</v>
      </c>
      <c r="C91" s="16">
        <v>32</v>
      </c>
      <c r="D91" s="17">
        <v>54</v>
      </c>
    </row>
    <row r="92" spans="1:4" ht="18" customHeight="1" x14ac:dyDescent="0.2">
      <c r="A92" s="14">
        <v>71</v>
      </c>
      <c r="B92" s="15">
        <v>18</v>
      </c>
      <c r="C92" s="16">
        <v>41</v>
      </c>
      <c r="D92" s="17">
        <v>59</v>
      </c>
    </row>
    <row r="93" spans="1:4" ht="18" customHeight="1" x14ac:dyDescent="0.2">
      <c r="A93" s="14">
        <v>72</v>
      </c>
      <c r="B93" s="15">
        <v>22</v>
      </c>
      <c r="C93" s="16">
        <v>39</v>
      </c>
      <c r="D93" s="17">
        <v>61</v>
      </c>
    </row>
    <row r="94" spans="1:4" ht="18" customHeight="1" x14ac:dyDescent="0.2">
      <c r="A94" s="14">
        <v>73</v>
      </c>
      <c r="B94" s="15">
        <v>15</v>
      </c>
      <c r="C94" s="16">
        <v>22</v>
      </c>
      <c r="D94" s="17">
        <v>37</v>
      </c>
    </row>
    <row r="95" spans="1:4" ht="18" customHeight="1" x14ac:dyDescent="0.2">
      <c r="A95" s="14">
        <v>74</v>
      </c>
      <c r="B95" s="15">
        <v>23</v>
      </c>
      <c r="C95" s="16">
        <v>23</v>
      </c>
      <c r="D95" s="17">
        <v>46</v>
      </c>
    </row>
    <row r="96" spans="1:4" ht="18" customHeight="1" x14ac:dyDescent="0.2">
      <c r="A96" s="18" t="s">
        <v>64</v>
      </c>
      <c r="B96" s="15">
        <v>100</v>
      </c>
      <c r="C96" s="16">
        <v>157</v>
      </c>
      <c r="D96" s="17">
        <v>257</v>
      </c>
    </row>
    <row r="97" spans="1:4" ht="18" customHeight="1" x14ac:dyDescent="0.2">
      <c r="A97" s="14">
        <v>75</v>
      </c>
      <c r="B97" s="15">
        <v>20</v>
      </c>
      <c r="C97" s="16">
        <v>32</v>
      </c>
      <c r="D97" s="17">
        <v>52</v>
      </c>
    </row>
    <row r="98" spans="1:4" ht="18" customHeight="1" x14ac:dyDescent="0.2">
      <c r="A98" s="14">
        <v>76</v>
      </c>
      <c r="B98" s="15">
        <v>24</v>
      </c>
      <c r="C98" s="16">
        <v>33</v>
      </c>
      <c r="D98" s="17">
        <v>57</v>
      </c>
    </row>
    <row r="99" spans="1:4" ht="18" customHeight="1" x14ac:dyDescent="0.2">
      <c r="A99" s="14">
        <v>77</v>
      </c>
      <c r="B99" s="15">
        <v>20</v>
      </c>
      <c r="C99" s="16">
        <v>39</v>
      </c>
      <c r="D99" s="17">
        <v>59</v>
      </c>
    </row>
    <row r="100" spans="1:4" ht="18" customHeight="1" x14ac:dyDescent="0.2">
      <c r="A100" s="14">
        <v>78</v>
      </c>
      <c r="B100" s="15">
        <v>26</v>
      </c>
      <c r="C100" s="16">
        <v>28</v>
      </c>
      <c r="D100" s="17">
        <v>54</v>
      </c>
    </row>
    <row r="101" spans="1:4" ht="18" customHeight="1" x14ac:dyDescent="0.2">
      <c r="A101" s="14">
        <v>79</v>
      </c>
      <c r="B101" s="15">
        <v>20</v>
      </c>
      <c r="C101" s="16">
        <v>15</v>
      </c>
      <c r="D101" s="17">
        <v>35</v>
      </c>
    </row>
    <row r="102" spans="1:4" ht="18" customHeight="1" x14ac:dyDescent="0.2">
      <c r="A102" s="18" t="s">
        <v>65</v>
      </c>
      <c r="B102" s="15">
        <v>110</v>
      </c>
      <c r="C102" s="16">
        <v>147</v>
      </c>
      <c r="D102" s="17">
        <v>257</v>
      </c>
    </row>
    <row r="103" spans="1:4" ht="18" customHeight="1" x14ac:dyDescent="0.2">
      <c r="A103" s="14">
        <v>80</v>
      </c>
      <c r="B103" s="15">
        <v>16</v>
      </c>
      <c r="C103" s="16">
        <v>18</v>
      </c>
      <c r="D103" s="17">
        <v>34</v>
      </c>
    </row>
    <row r="104" spans="1:4" ht="18" customHeight="1" x14ac:dyDescent="0.2">
      <c r="A104" s="14">
        <v>81</v>
      </c>
      <c r="B104" s="15">
        <v>12</v>
      </c>
      <c r="C104" s="16">
        <v>14</v>
      </c>
      <c r="D104" s="17">
        <v>26</v>
      </c>
    </row>
    <row r="105" spans="1:4" ht="18" customHeight="1" x14ac:dyDescent="0.2">
      <c r="A105" s="14">
        <v>82</v>
      </c>
      <c r="B105" s="15">
        <v>10</v>
      </c>
      <c r="C105" s="16">
        <v>19</v>
      </c>
      <c r="D105" s="17">
        <v>29</v>
      </c>
    </row>
    <row r="106" spans="1:4" ht="18" customHeight="1" x14ac:dyDescent="0.2">
      <c r="A106" s="14">
        <v>83</v>
      </c>
      <c r="B106" s="15">
        <v>10</v>
      </c>
      <c r="C106" s="16">
        <v>18</v>
      </c>
      <c r="D106" s="17">
        <v>28</v>
      </c>
    </row>
    <row r="107" spans="1:4" ht="18" customHeight="1" x14ac:dyDescent="0.2">
      <c r="A107" s="14">
        <v>84</v>
      </c>
      <c r="B107" s="15">
        <v>12</v>
      </c>
      <c r="C107" s="16">
        <v>18</v>
      </c>
      <c r="D107" s="17">
        <v>30</v>
      </c>
    </row>
    <row r="108" spans="1:4" ht="18" customHeight="1" x14ac:dyDescent="0.2">
      <c r="A108" s="18" t="s">
        <v>66</v>
      </c>
      <c r="B108" s="15">
        <v>60</v>
      </c>
      <c r="C108" s="16">
        <v>87</v>
      </c>
      <c r="D108" s="17">
        <v>147</v>
      </c>
    </row>
    <row r="109" spans="1:4" ht="18" customHeight="1" x14ac:dyDescent="0.2">
      <c r="A109" s="14">
        <v>85</v>
      </c>
      <c r="B109" s="15">
        <v>11</v>
      </c>
      <c r="C109" s="16">
        <v>28</v>
      </c>
      <c r="D109" s="17">
        <v>39</v>
      </c>
    </row>
    <row r="110" spans="1:4" ht="18" customHeight="1" x14ac:dyDescent="0.2">
      <c r="A110" s="14">
        <v>86</v>
      </c>
      <c r="B110" s="15">
        <v>9</v>
      </c>
      <c r="C110" s="16">
        <v>12</v>
      </c>
      <c r="D110" s="17">
        <v>21</v>
      </c>
    </row>
    <row r="111" spans="1:4" ht="18" customHeight="1" x14ac:dyDescent="0.2">
      <c r="A111" s="14">
        <v>87</v>
      </c>
      <c r="B111" s="15">
        <v>6</v>
      </c>
      <c r="C111" s="16">
        <v>8</v>
      </c>
      <c r="D111" s="17">
        <v>14</v>
      </c>
    </row>
    <row r="112" spans="1:4" ht="18" customHeight="1" x14ac:dyDescent="0.2">
      <c r="A112" s="14">
        <v>88</v>
      </c>
      <c r="B112" s="15">
        <v>3</v>
      </c>
      <c r="C112" s="16">
        <v>14</v>
      </c>
      <c r="D112" s="17">
        <v>17</v>
      </c>
    </row>
    <row r="113" spans="1:4" ht="18" customHeight="1" x14ac:dyDescent="0.2">
      <c r="A113" s="14">
        <v>89</v>
      </c>
      <c r="B113" s="15">
        <v>6</v>
      </c>
      <c r="C113" s="16">
        <v>9</v>
      </c>
      <c r="D113" s="17">
        <v>15</v>
      </c>
    </row>
    <row r="114" spans="1:4" ht="18" customHeight="1" x14ac:dyDescent="0.2">
      <c r="A114" s="18" t="s">
        <v>67</v>
      </c>
      <c r="B114" s="15">
        <v>35</v>
      </c>
      <c r="C114" s="16">
        <v>71</v>
      </c>
      <c r="D114" s="17">
        <v>106</v>
      </c>
    </row>
    <row r="115" spans="1:4" ht="18" customHeight="1" x14ac:dyDescent="0.2">
      <c r="A115" s="14">
        <v>90</v>
      </c>
      <c r="B115" s="15">
        <v>5</v>
      </c>
      <c r="C115" s="16">
        <v>12</v>
      </c>
      <c r="D115" s="17">
        <v>17</v>
      </c>
    </row>
    <row r="116" spans="1:4" ht="18" customHeight="1" x14ac:dyDescent="0.2">
      <c r="A116" s="14">
        <v>91</v>
      </c>
      <c r="B116" s="15">
        <v>4</v>
      </c>
      <c r="C116" s="16">
        <v>6</v>
      </c>
      <c r="D116" s="17">
        <v>10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14</v>
      </c>
      <c r="C120" s="16">
        <v>36</v>
      </c>
      <c r="D120" s="17">
        <v>50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19</v>
      </c>
      <c r="C130" s="5">
        <v>610</v>
      </c>
      <c r="D130" s="6">
        <v>1029</v>
      </c>
    </row>
    <row r="131" spans="1:4" ht="18" customHeight="1" x14ac:dyDescent="0.2">
      <c r="A131" s="20" t="s">
        <v>47</v>
      </c>
      <c r="B131" s="7">
        <v>1493</v>
      </c>
      <c r="C131" s="8">
        <v>1648</v>
      </c>
      <c r="D131" s="9">
        <v>314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40</v>
      </c>
      <c r="D5" s="13">
        <v>86</v>
      </c>
    </row>
    <row r="6" spans="1:4" ht="18" customHeight="1" x14ac:dyDescent="0.2">
      <c r="A6" s="14">
        <v>1</v>
      </c>
      <c r="B6" s="15">
        <v>43</v>
      </c>
      <c r="C6" s="16">
        <v>42</v>
      </c>
      <c r="D6" s="17">
        <v>85</v>
      </c>
    </row>
    <row r="7" spans="1:4" ht="18" customHeight="1" x14ac:dyDescent="0.2">
      <c r="A7" s="14">
        <v>2</v>
      </c>
      <c r="B7" s="15">
        <v>48</v>
      </c>
      <c r="C7" s="16">
        <v>36</v>
      </c>
      <c r="D7" s="17">
        <v>84</v>
      </c>
    </row>
    <row r="8" spans="1:4" ht="18" customHeight="1" x14ac:dyDescent="0.2">
      <c r="A8" s="14">
        <v>3</v>
      </c>
      <c r="B8" s="15">
        <v>43</v>
      </c>
      <c r="C8" s="16">
        <v>50</v>
      </c>
      <c r="D8" s="17">
        <v>93</v>
      </c>
    </row>
    <row r="9" spans="1:4" ht="18" customHeight="1" x14ac:dyDescent="0.2">
      <c r="A9" s="14">
        <v>4</v>
      </c>
      <c r="B9" s="15">
        <v>47</v>
      </c>
      <c r="C9" s="16">
        <v>38</v>
      </c>
      <c r="D9" s="17">
        <v>85</v>
      </c>
    </row>
    <row r="10" spans="1:4" ht="18" customHeight="1" x14ac:dyDescent="0.2">
      <c r="A10" s="18" t="s">
        <v>48</v>
      </c>
      <c r="B10" s="15">
        <v>227</v>
      </c>
      <c r="C10" s="16">
        <v>206</v>
      </c>
      <c r="D10" s="17">
        <v>433</v>
      </c>
    </row>
    <row r="11" spans="1:4" ht="18" customHeight="1" x14ac:dyDescent="0.2">
      <c r="A11" s="14">
        <v>5</v>
      </c>
      <c r="B11" s="15">
        <v>55</v>
      </c>
      <c r="C11" s="16">
        <v>39</v>
      </c>
      <c r="D11" s="17">
        <v>94</v>
      </c>
    </row>
    <row r="12" spans="1:4" ht="18" customHeight="1" x14ac:dyDescent="0.2">
      <c r="A12" s="14">
        <v>6</v>
      </c>
      <c r="B12" s="15">
        <v>35</v>
      </c>
      <c r="C12" s="16">
        <v>42</v>
      </c>
      <c r="D12" s="17">
        <v>77</v>
      </c>
    </row>
    <row r="13" spans="1:4" ht="18" customHeight="1" x14ac:dyDescent="0.2">
      <c r="A13" s="14">
        <v>7</v>
      </c>
      <c r="B13" s="15">
        <v>53</v>
      </c>
      <c r="C13" s="16">
        <v>51</v>
      </c>
      <c r="D13" s="17">
        <v>104</v>
      </c>
    </row>
    <row r="14" spans="1:4" ht="18" customHeight="1" x14ac:dyDescent="0.2">
      <c r="A14" s="14">
        <v>8</v>
      </c>
      <c r="B14" s="15">
        <v>46</v>
      </c>
      <c r="C14" s="16">
        <v>55</v>
      </c>
      <c r="D14" s="17">
        <v>101</v>
      </c>
    </row>
    <row r="15" spans="1:4" ht="18" customHeight="1" x14ac:dyDescent="0.2">
      <c r="A15" s="14">
        <v>9</v>
      </c>
      <c r="B15" s="15">
        <v>55</v>
      </c>
      <c r="C15" s="16">
        <v>43</v>
      </c>
      <c r="D15" s="17">
        <v>98</v>
      </c>
    </row>
    <row r="16" spans="1:4" ht="18" customHeight="1" x14ac:dyDescent="0.2">
      <c r="A16" s="18" t="s">
        <v>49</v>
      </c>
      <c r="B16" s="15">
        <v>244</v>
      </c>
      <c r="C16" s="16">
        <v>230</v>
      </c>
      <c r="D16" s="17">
        <v>474</v>
      </c>
    </row>
    <row r="17" spans="1:4" ht="18" customHeight="1" x14ac:dyDescent="0.2">
      <c r="A17" s="14">
        <v>10</v>
      </c>
      <c r="B17" s="15">
        <v>52</v>
      </c>
      <c r="C17" s="16">
        <v>58</v>
      </c>
      <c r="D17" s="17">
        <v>110</v>
      </c>
    </row>
    <row r="18" spans="1:4" ht="18" customHeight="1" x14ac:dyDescent="0.2">
      <c r="A18" s="14">
        <v>11</v>
      </c>
      <c r="B18" s="15">
        <v>54</v>
      </c>
      <c r="C18" s="16">
        <v>46</v>
      </c>
      <c r="D18" s="17">
        <v>100</v>
      </c>
    </row>
    <row r="19" spans="1:4" ht="18" customHeight="1" x14ac:dyDescent="0.2">
      <c r="A19" s="14">
        <v>12</v>
      </c>
      <c r="B19" s="15">
        <v>39</v>
      </c>
      <c r="C19" s="16">
        <v>55</v>
      </c>
      <c r="D19" s="17">
        <v>94</v>
      </c>
    </row>
    <row r="20" spans="1:4" ht="18" customHeight="1" x14ac:dyDescent="0.2">
      <c r="A20" s="14">
        <v>13</v>
      </c>
      <c r="B20" s="15">
        <v>54</v>
      </c>
      <c r="C20" s="16">
        <v>64</v>
      </c>
      <c r="D20" s="17">
        <v>118</v>
      </c>
    </row>
    <row r="21" spans="1:4" ht="18" customHeight="1" x14ac:dyDescent="0.2">
      <c r="A21" s="14">
        <v>14</v>
      </c>
      <c r="B21" s="15">
        <v>54</v>
      </c>
      <c r="C21" s="16">
        <v>37</v>
      </c>
      <c r="D21" s="17">
        <v>91</v>
      </c>
    </row>
    <row r="22" spans="1:4" ht="18" customHeight="1" x14ac:dyDescent="0.2">
      <c r="A22" s="18" t="s">
        <v>50</v>
      </c>
      <c r="B22" s="15">
        <v>253</v>
      </c>
      <c r="C22" s="16">
        <v>260</v>
      </c>
      <c r="D22" s="17">
        <v>513</v>
      </c>
    </row>
    <row r="23" spans="1:4" ht="18" customHeight="1" x14ac:dyDescent="0.2">
      <c r="A23" s="18" t="s">
        <v>51</v>
      </c>
      <c r="B23" s="15">
        <v>724</v>
      </c>
      <c r="C23" s="16">
        <v>696</v>
      </c>
      <c r="D23" s="17">
        <v>1420</v>
      </c>
    </row>
    <row r="24" spans="1:4" ht="18" customHeight="1" x14ac:dyDescent="0.2">
      <c r="A24" s="14">
        <v>15</v>
      </c>
      <c r="B24" s="15">
        <v>68</v>
      </c>
      <c r="C24" s="16">
        <v>47</v>
      </c>
      <c r="D24" s="17">
        <v>115</v>
      </c>
    </row>
    <row r="25" spans="1:4" ht="18" customHeight="1" x14ac:dyDescent="0.2">
      <c r="A25" s="14">
        <v>16</v>
      </c>
      <c r="B25" s="15">
        <v>65</v>
      </c>
      <c r="C25" s="16">
        <v>61</v>
      </c>
      <c r="D25" s="17">
        <v>126</v>
      </c>
    </row>
    <row r="26" spans="1:4" ht="18" customHeight="1" x14ac:dyDescent="0.2">
      <c r="A26" s="14">
        <v>17</v>
      </c>
      <c r="B26" s="15">
        <v>56</v>
      </c>
      <c r="C26" s="16">
        <v>70</v>
      </c>
      <c r="D26" s="17">
        <v>126</v>
      </c>
    </row>
    <row r="27" spans="1:4" ht="18" customHeight="1" x14ac:dyDescent="0.2">
      <c r="A27" s="14">
        <v>18</v>
      </c>
      <c r="B27" s="15">
        <v>59</v>
      </c>
      <c r="C27" s="16">
        <v>46</v>
      </c>
      <c r="D27" s="17">
        <v>105</v>
      </c>
    </row>
    <row r="28" spans="1:4" ht="18" customHeight="1" x14ac:dyDescent="0.2">
      <c r="A28" s="14">
        <v>19</v>
      </c>
      <c r="B28" s="15">
        <v>73</v>
      </c>
      <c r="C28" s="16">
        <v>42</v>
      </c>
      <c r="D28" s="17">
        <v>115</v>
      </c>
    </row>
    <row r="29" spans="1:4" ht="18" customHeight="1" x14ac:dyDescent="0.2">
      <c r="A29" s="18" t="s">
        <v>52</v>
      </c>
      <c r="B29" s="15">
        <v>321</v>
      </c>
      <c r="C29" s="16">
        <v>266</v>
      </c>
      <c r="D29" s="17">
        <v>587</v>
      </c>
    </row>
    <row r="30" spans="1:4" ht="18" customHeight="1" x14ac:dyDescent="0.2">
      <c r="A30" s="14">
        <v>20</v>
      </c>
      <c r="B30" s="15">
        <v>59</v>
      </c>
      <c r="C30" s="16">
        <v>56</v>
      </c>
      <c r="D30" s="17">
        <v>115</v>
      </c>
    </row>
    <row r="31" spans="1:4" ht="18" customHeight="1" x14ac:dyDescent="0.2">
      <c r="A31" s="14">
        <v>21</v>
      </c>
      <c r="B31" s="15">
        <v>66</v>
      </c>
      <c r="C31" s="16">
        <v>60</v>
      </c>
      <c r="D31" s="17">
        <v>126</v>
      </c>
    </row>
    <row r="32" spans="1:4" ht="18" customHeight="1" x14ac:dyDescent="0.2">
      <c r="A32" s="14">
        <v>22</v>
      </c>
      <c r="B32" s="15">
        <v>62</v>
      </c>
      <c r="C32" s="16">
        <v>45</v>
      </c>
      <c r="D32" s="17">
        <v>107</v>
      </c>
    </row>
    <row r="33" spans="1:4" ht="18" customHeight="1" x14ac:dyDescent="0.2">
      <c r="A33" s="14">
        <v>23</v>
      </c>
      <c r="B33" s="15">
        <v>63</v>
      </c>
      <c r="C33" s="16">
        <v>43</v>
      </c>
      <c r="D33" s="17">
        <v>106</v>
      </c>
    </row>
    <row r="34" spans="1:4" ht="18" customHeight="1" x14ac:dyDescent="0.2">
      <c r="A34" s="14">
        <v>24</v>
      </c>
      <c r="B34" s="15">
        <v>61</v>
      </c>
      <c r="C34" s="16">
        <v>56</v>
      </c>
      <c r="D34" s="17">
        <v>117</v>
      </c>
    </row>
    <row r="35" spans="1:4" ht="18" customHeight="1" x14ac:dyDescent="0.2">
      <c r="A35" s="18" t="s">
        <v>53</v>
      </c>
      <c r="B35" s="15">
        <v>311</v>
      </c>
      <c r="C35" s="16">
        <v>260</v>
      </c>
      <c r="D35" s="17">
        <v>571</v>
      </c>
    </row>
    <row r="36" spans="1:4" ht="18" customHeight="1" x14ac:dyDescent="0.2">
      <c r="A36" s="14">
        <v>25</v>
      </c>
      <c r="B36" s="15">
        <v>63</v>
      </c>
      <c r="C36" s="16">
        <v>56</v>
      </c>
      <c r="D36" s="17">
        <v>119</v>
      </c>
    </row>
    <row r="37" spans="1:4" ht="18" customHeight="1" x14ac:dyDescent="0.2">
      <c r="A37" s="14">
        <v>26</v>
      </c>
      <c r="B37" s="15">
        <v>58</v>
      </c>
      <c r="C37" s="16">
        <v>56</v>
      </c>
      <c r="D37" s="17">
        <v>114</v>
      </c>
    </row>
    <row r="38" spans="1:4" ht="18" customHeight="1" x14ac:dyDescent="0.2">
      <c r="A38" s="14">
        <v>27</v>
      </c>
      <c r="B38" s="15">
        <v>53</v>
      </c>
      <c r="C38" s="16">
        <v>50</v>
      </c>
      <c r="D38" s="17">
        <v>103</v>
      </c>
    </row>
    <row r="39" spans="1:4" ht="18" customHeight="1" x14ac:dyDescent="0.2">
      <c r="A39" s="14">
        <v>28</v>
      </c>
      <c r="B39" s="15">
        <v>45</v>
      </c>
      <c r="C39" s="16">
        <v>56</v>
      </c>
      <c r="D39" s="17">
        <v>101</v>
      </c>
    </row>
    <row r="40" spans="1:4" ht="18" customHeight="1" x14ac:dyDescent="0.2">
      <c r="A40" s="14">
        <v>29</v>
      </c>
      <c r="B40" s="15">
        <v>71</v>
      </c>
      <c r="C40" s="16">
        <v>52</v>
      </c>
      <c r="D40" s="17">
        <v>123</v>
      </c>
    </row>
    <row r="41" spans="1:4" ht="18" customHeight="1" x14ac:dyDescent="0.2">
      <c r="A41" s="18" t="s">
        <v>54</v>
      </c>
      <c r="B41" s="15">
        <v>290</v>
      </c>
      <c r="C41" s="16">
        <v>270</v>
      </c>
      <c r="D41" s="17">
        <v>560</v>
      </c>
    </row>
    <row r="42" spans="1:4" ht="18" customHeight="1" x14ac:dyDescent="0.2">
      <c r="A42" s="14">
        <v>30</v>
      </c>
      <c r="B42" s="15">
        <v>64</v>
      </c>
      <c r="C42" s="16">
        <v>57</v>
      </c>
      <c r="D42" s="17">
        <v>121</v>
      </c>
    </row>
    <row r="43" spans="1:4" ht="18" customHeight="1" x14ac:dyDescent="0.2">
      <c r="A43" s="14">
        <v>31</v>
      </c>
      <c r="B43" s="15">
        <v>75</v>
      </c>
      <c r="C43" s="16">
        <v>54</v>
      </c>
      <c r="D43" s="17">
        <v>129</v>
      </c>
    </row>
    <row r="44" spans="1:4" ht="18" customHeight="1" x14ac:dyDescent="0.2">
      <c r="A44" s="14">
        <v>32</v>
      </c>
      <c r="B44" s="15">
        <v>73</v>
      </c>
      <c r="C44" s="16">
        <v>55</v>
      </c>
      <c r="D44" s="17">
        <v>128</v>
      </c>
    </row>
    <row r="45" spans="1:4" ht="18" customHeight="1" x14ac:dyDescent="0.2">
      <c r="A45" s="14">
        <v>33</v>
      </c>
      <c r="B45" s="15">
        <v>64</v>
      </c>
      <c r="C45" s="16">
        <v>51</v>
      </c>
      <c r="D45" s="17">
        <v>115</v>
      </c>
    </row>
    <row r="46" spans="1:4" ht="18" customHeight="1" x14ac:dyDescent="0.2">
      <c r="A46" s="14">
        <v>34</v>
      </c>
      <c r="B46" s="15">
        <v>85</v>
      </c>
      <c r="C46" s="16">
        <v>48</v>
      </c>
      <c r="D46" s="17">
        <v>133</v>
      </c>
    </row>
    <row r="47" spans="1:4" ht="18" customHeight="1" x14ac:dyDescent="0.2">
      <c r="A47" s="18" t="s">
        <v>55</v>
      </c>
      <c r="B47" s="15">
        <v>361</v>
      </c>
      <c r="C47" s="16">
        <v>265</v>
      </c>
      <c r="D47" s="17">
        <v>626</v>
      </c>
    </row>
    <row r="48" spans="1:4" ht="18" customHeight="1" x14ac:dyDescent="0.2">
      <c r="A48" s="14">
        <v>35</v>
      </c>
      <c r="B48" s="15">
        <v>67</v>
      </c>
      <c r="C48" s="16">
        <v>56</v>
      </c>
      <c r="D48" s="17">
        <v>123</v>
      </c>
    </row>
    <row r="49" spans="1:4" ht="18" customHeight="1" x14ac:dyDescent="0.2">
      <c r="A49" s="14">
        <v>36</v>
      </c>
      <c r="B49" s="15">
        <v>69</v>
      </c>
      <c r="C49" s="16">
        <v>72</v>
      </c>
      <c r="D49" s="17">
        <v>141</v>
      </c>
    </row>
    <row r="50" spans="1:4" ht="18" customHeight="1" x14ac:dyDescent="0.2">
      <c r="A50" s="14">
        <v>37</v>
      </c>
      <c r="B50" s="15">
        <v>80</v>
      </c>
      <c r="C50" s="16">
        <v>72</v>
      </c>
      <c r="D50" s="17">
        <v>152</v>
      </c>
    </row>
    <row r="51" spans="1:4" ht="18" customHeight="1" x14ac:dyDescent="0.2">
      <c r="A51" s="14">
        <v>38</v>
      </c>
      <c r="B51" s="15">
        <v>89</v>
      </c>
      <c r="C51" s="16">
        <v>54</v>
      </c>
      <c r="D51" s="17">
        <v>143</v>
      </c>
    </row>
    <row r="52" spans="1:4" ht="18" customHeight="1" x14ac:dyDescent="0.2">
      <c r="A52" s="14">
        <v>39</v>
      </c>
      <c r="B52" s="15">
        <v>82</v>
      </c>
      <c r="C52" s="16">
        <v>85</v>
      </c>
      <c r="D52" s="17">
        <v>167</v>
      </c>
    </row>
    <row r="53" spans="1:4" ht="18" customHeight="1" x14ac:dyDescent="0.2">
      <c r="A53" s="18" t="s">
        <v>56</v>
      </c>
      <c r="B53" s="15">
        <v>387</v>
      </c>
      <c r="C53" s="16">
        <v>339</v>
      </c>
      <c r="D53" s="17">
        <v>726</v>
      </c>
    </row>
    <row r="54" spans="1:4" ht="18" customHeight="1" x14ac:dyDescent="0.2">
      <c r="A54" s="14">
        <v>40</v>
      </c>
      <c r="B54" s="15">
        <v>74</v>
      </c>
      <c r="C54" s="16">
        <v>86</v>
      </c>
      <c r="D54" s="17">
        <v>160</v>
      </c>
    </row>
    <row r="55" spans="1:4" ht="18" customHeight="1" x14ac:dyDescent="0.2">
      <c r="A55" s="14">
        <v>41</v>
      </c>
      <c r="B55" s="15">
        <v>80</v>
      </c>
      <c r="C55" s="16">
        <v>78</v>
      </c>
      <c r="D55" s="17">
        <v>158</v>
      </c>
    </row>
    <row r="56" spans="1:4" ht="18" customHeight="1" x14ac:dyDescent="0.2">
      <c r="A56" s="14">
        <v>42</v>
      </c>
      <c r="B56" s="15">
        <v>91</v>
      </c>
      <c r="C56" s="16">
        <v>97</v>
      </c>
      <c r="D56" s="17">
        <v>188</v>
      </c>
    </row>
    <row r="57" spans="1:4" ht="18" customHeight="1" x14ac:dyDescent="0.2">
      <c r="A57" s="14">
        <v>43</v>
      </c>
      <c r="B57" s="15">
        <v>88</v>
      </c>
      <c r="C57" s="16">
        <v>95</v>
      </c>
      <c r="D57" s="17">
        <v>183</v>
      </c>
    </row>
    <row r="58" spans="1:4" ht="18" customHeight="1" x14ac:dyDescent="0.2">
      <c r="A58" s="14">
        <v>44</v>
      </c>
      <c r="B58" s="15">
        <v>87</v>
      </c>
      <c r="C58" s="16">
        <v>87</v>
      </c>
      <c r="D58" s="17">
        <v>174</v>
      </c>
    </row>
    <row r="59" spans="1:4" ht="18" customHeight="1" x14ac:dyDescent="0.2">
      <c r="A59" s="18" t="s">
        <v>57</v>
      </c>
      <c r="B59" s="15">
        <v>420</v>
      </c>
      <c r="C59" s="16">
        <v>443</v>
      </c>
      <c r="D59" s="17">
        <v>863</v>
      </c>
    </row>
    <row r="60" spans="1:4" ht="18" customHeight="1" x14ac:dyDescent="0.2">
      <c r="A60" s="14">
        <v>45</v>
      </c>
      <c r="B60" s="15">
        <v>92</v>
      </c>
      <c r="C60" s="16">
        <v>83</v>
      </c>
      <c r="D60" s="17">
        <v>175</v>
      </c>
    </row>
    <row r="61" spans="1:4" ht="18" customHeight="1" x14ac:dyDescent="0.2">
      <c r="A61" s="14">
        <v>46</v>
      </c>
      <c r="B61" s="15">
        <v>93</v>
      </c>
      <c r="C61" s="16">
        <v>101</v>
      </c>
      <c r="D61" s="17">
        <v>194</v>
      </c>
    </row>
    <row r="62" spans="1:4" ht="18" customHeight="1" x14ac:dyDescent="0.2">
      <c r="A62" s="14">
        <v>47</v>
      </c>
      <c r="B62" s="15">
        <v>113</v>
      </c>
      <c r="C62" s="16">
        <v>87</v>
      </c>
      <c r="D62" s="17">
        <v>200</v>
      </c>
    </row>
    <row r="63" spans="1:4" ht="18" customHeight="1" x14ac:dyDescent="0.2">
      <c r="A63" s="14">
        <v>48</v>
      </c>
      <c r="B63" s="15">
        <v>105</v>
      </c>
      <c r="C63" s="16">
        <v>96</v>
      </c>
      <c r="D63" s="17">
        <v>201</v>
      </c>
    </row>
    <row r="64" spans="1:4" ht="18" customHeight="1" x14ac:dyDescent="0.2">
      <c r="A64" s="14">
        <v>49</v>
      </c>
      <c r="B64" s="15">
        <v>97</v>
      </c>
      <c r="C64" s="16">
        <v>78</v>
      </c>
      <c r="D64" s="17">
        <v>175</v>
      </c>
    </row>
    <row r="65" spans="1:4" ht="18" customHeight="1" x14ac:dyDescent="0.2">
      <c r="A65" s="18" t="s">
        <v>58</v>
      </c>
      <c r="B65" s="15">
        <v>500</v>
      </c>
      <c r="C65" s="16">
        <v>445</v>
      </c>
      <c r="D65" s="17">
        <v>945</v>
      </c>
    </row>
    <row r="66" spans="1:4" ht="18" customHeight="1" x14ac:dyDescent="0.2">
      <c r="A66" s="14">
        <v>50</v>
      </c>
      <c r="B66" s="15">
        <v>78</v>
      </c>
      <c r="C66" s="16">
        <v>81</v>
      </c>
      <c r="D66" s="17">
        <v>159</v>
      </c>
    </row>
    <row r="67" spans="1:4" ht="18" customHeight="1" x14ac:dyDescent="0.2">
      <c r="A67" s="14">
        <v>51</v>
      </c>
      <c r="B67" s="15">
        <v>85</v>
      </c>
      <c r="C67" s="16">
        <v>79</v>
      </c>
      <c r="D67" s="17">
        <v>164</v>
      </c>
    </row>
    <row r="68" spans="1:4" ht="18" customHeight="1" x14ac:dyDescent="0.2">
      <c r="A68" s="14">
        <v>52</v>
      </c>
      <c r="B68" s="15">
        <v>92</v>
      </c>
      <c r="C68" s="16">
        <v>99</v>
      </c>
      <c r="D68" s="17">
        <v>191</v>
      </c>
    </row>
    <row r="69" spans="1:4" ht="18" customHeight="1" x14ac:dyDescent="0.2">
      <c r="A69" s="14">
        <v>53</v>
      </c>
      <c r="B69" s="15">
        <v>60</v>
      </c>
      <c r="C69" s="16">
        <v>61</v>
      </c>
      <c r="D69" s="17">
        <v>121</v>
      </c>
    </row>
    <row r="70" spans="1:4" ht="18" customHeight="1" x14ac:dyDescent="0.2">
      <c r="A70" s="14">
        <v>54</v>
      </c>
      <c r="B70" s="15">
        <v>76</v>
      </c>
      <c r="C70" s="16">
        <v>72</v>
      </c>
      <c r="D70" s="17">
        <v>148</v>
      </c>
    </row>
    <row r="71" spans="1:4" ht="18" customHeight="1" x14ac:dyDescent="0.2">
      <c r="A71" s="18" t="s">
        <v>59</v>
      </c>
      <c r="B71" s="15">
        <v>391</v>
      </c>
      <c r="C71" s="16">
        <v>392</v>
      </c>
      <c r="D71" s="17">
        <v>783</v>
      </c>
    </row>
    <row r="72" spans="1:4" ht="18" customHeight="1" x14ac:dyDescent="0.2">
      <c r="A72" s="14">
        <v>55</v>
      </c>
      <c r="B72" s="15">
        <v>83</v>
      </c>
      <c r="C72" s="16">
        <v>74</v>
      </c>
      <c r="D72" s="17">
        <v>157</v>
      </c>
    </row>
    <row r="73" spans="1:4" ht="18" customHeight="1" x14ac:dyDescent="0.2">
      <c r="A73" s="14">
        <v>56</v>
      </c>
      <c r="B73" s="15">
        <v>67</v>
      </c>
      <c r="C73" s="16">
        <v>91</v>
      </c>
      <c r="D73" s="17">
        <v>158</v>
      </c>
    </row>
    <row r="74" spans="1:4" ht="18" customHeight="1" x14ac:dyDescent="0.2">
      <c r="A74" s="14">
        <v>57</v>
      </c>
      <c r="B74" s="15">
        <v>66</v>
      </c>
      <c r="C74" s="16">
        <v>76</v>
      </c>
      <c r="D74" s="17">
        <v>142</v>
      </c>
    </row>
    <row r="75" spans="1:4" ht="18" customHeight="1" x14ac:dyDescent="0.2">
      <c r="A75" s="14">
        <v>58</v>
      </c>
      <c r="B75" s="15">
        <v>81</v>
      </c>
      <c r="C75" s="16">
        <v>64</v>
      </c>
      <c r="D75" s="17">
        <v>145</v>
      </c>
    </row>
    <row r="76" spans="1:4" ht="18" customHeight="1" x14ac:dyDescent="0.2">
      <c r="A76" s="14">
        <v>59</v>
      </c>
      <c r="B76" s="15">
        <v>63</v>
      </c>
      <c r="C76" s="16">
        <v>75</v>
      </c>
      <c r="D76" s="17">
        <v>138</v>
      </c>
    </row>
    <row r="77" spans="1:4" ht="18" customHeight="1" x14ac:dyDescent="0.2">
      <c r="A77" s="18" t="s">
        <v>60</v>
      </c>
      <c r="B77" s="15">
        <v>360</v>
      </c>
      <c r="C77" s="16">
        <v>380</v>
      </c>
      <c r="D77" s="17">
        <v>740</v>
      </c>
    </row>
    <row r="78" spans="1:4" ht="18" customHeight="1" x14ac:dyDescent="0.2">
      <c r="A78" s="14">
        <v>60</v>
      </c>
      <c r="B78" s="15">
        <v>73</v>
      </c>
      <c r="C78" s="16">
        <v>92</v>
      </c>
      <c r="D78" s="17">
        <v>165</v>
      </c>
    </row>
    <row r="79" spans="1:4" ht="18" customHeight="1" x14ac:dyDescent="0.2">
      <c r="A79" s="14">
        <v>61</v>
      </c>
      <c r="B79" s="15">
        <v>84</v>
      </c>
      <c r="C79" s="16">
        <v>83</v>
      </c>
      <c r="D79" s="17">
        <v>167</v>
      </c>
    </row>
    <row r="80" spans="1:4" ht="18" customHeight="1" x14ac:dyDescent="0.2">
      <c r="A80" s="14">
        <v>62</v>
      </c>
      <c r="B80" s="15">
        <v>62</v>
      </c>
      <c r="C80" s="16">
        <v>72</v>
      </c>
      <c r="D80" s="17">
        <v>134</v>
      </c>
    </row>
    <row r="81" spans="1:4" ht="18" customHeight="1" x14ac:dyDescent="0.2">
      <c r="A81" s="14">
        <v>63</v>
      </c>
      <c r="B81" s="15">
        <v>73</v>
      </c>
      <c r="C81" s="16">
        <v>78</v>
      </c>
      <c r="D81" s="17">
        <v>151</v>
      </c>
    </row>
    <row r="82" spans="1:4" ht="18" customHeight="1" x14ac:dyDescent="0.2">
      <c r="A82" s="14">
        <v>64</v>
      </c>
      <c r="B82" s="15">
        <v>86</v>
      </c>
      <c r="C82" s="16">
        <v>96</v>
      </c>
      <c r="D82" s="17">
        <v>182</v>
      </c>
    </row>
    <row r="83" spans="1:4" ht="18" customHeight="1" x14ac:dyDescent="0.2">
      <c r="A83" s="18" t="s">
        <v>61</v>
      </c>
      <c r="B83" s="15">
        <v>378</v>
      </c>
      <c r="C83" s="16">
        <v>421</v>
      </c>
      <c r="D83" s="17">
        <v>799</v>
      </c>
    </row>
    <row r="84" spans="1:4" ht="18" customHeight="1" x14ac:dyDescent="0.2">
      <c r="A84" s="18" t="s">
        <v>62</v>
      </c>
      <c r="B84" s="15">
        <v>3719</v>
      </c>
      <c r="C84" s="16">
        <v>3481</v>
      </c>
      <c r="D84" s="17">
        <v>7200</v>
      </c>
    </row>
    <row r="85" spans="1:4" ht="18" customHeight="1" x14ac:dyDescent="0.2">
      <c r="A85" s="14">
        <v>65</v>
      </c>
      <c r="B85" s="15">
        <v>76</v>
      </c>
      <c r="C85" s="16">
        <v>82</v>
      </c>
      <c r="D85" s="17">
        <v>158</v>
      </c>
    </row>
    <row r="86" spans="1:4" ht="18" customHeight="1" x14ac:dyDescent="0.2">
      <c r="A86" s="14">
        <v>66</v>
      </c>
      <c r="B86" s="15">
        <v>101</v>
      </c>
      <c r="C86" s="16">
        <v>102</v>
      </c>
      <c r="D86" s="17">
        <v>203</v>
      </c>
    </row>
    <row r="87" spans="1:4" ht="18" customHeight="1" x14ac:dyDescent="0.2">
      <c r="A87" s="14">
        <v>67</v>
      </c>
      <c r="B87" s="15">
        <v>84</v>
      </c>
      <c r="C87" s="16">
        <v>87</v>
      </c>
      <c r="D87" s="17">
        <v>171</v>
      </c>
    </row>
    <row r="88" spans="1:4" ht="18" customHeight="1" x14ac:dyDescent="0.2">
      <c r="A88" s="14">
        <v>68</v>
      </c>
      <c r="B88" s="15">
        <v>87</v>
      </c>
      <c r="C88" s="16">
        <v>104</v>
      </c>
      <c r="D88" s="17">
        <v>191</v>
      </c>
    </row>
    <row r="89" spans="1:4" ht="18" customHeight="1" x14ac:dyDescent="0.2">
      <c r="A89" s="14">
        <v>69</v>
      </c>
      <c r="B89" s="15">
        <v>96</v>
      </c>
      <c r="C89" s="16">
        <v>108</v>
      </c>
      <c r="D89" s="17">
        <v>204</v>
      </c>
    </row>
    <row r="90" spans="1:4" ht="18" customHeight="1" x14ac:dyDescent="0.2">
      <c r="A90" s="18" t="s">
        <v>63</v>
      </c>
      <c r="B90" s="15">
        <v>444</v>
      </c>
      <c r="C90" s="16">
        <v>483</v>
      </c>
      <c r="D90" s="17">
        <v>927</v>
      </c>
    </row>
    <row r="91" spans="1:4" ht="18" customHeight="1" x14ac:dyDescent="0.2">
      <c r="A91" s="14">
        <v>70</v>
      </c>
      <c r="B91" s="15">
        <v>104</v>
      </c>
      <c r="C91" s="16">
        <v>106</v>
      </c>
      <c r="D91" s="17">
        <v>210</v>
      </c>
    </row>
    <row r="92" spans="1:4" ht="18" customHeight="1" x14ac:dyDescent="0.2">
      <c r="A92" s="14">
        <v>71</v>
      </c>
      <c r="B92" s="15">
        <v>113</v>
      </c>
      <c r="C92" s="16">
        <v>122</v>
      </c>
      <c r="D92" s="17">
        <v>235</v>
      </c>
    </row>
    <row r="93" spans="1:4" ht="18" customHeight="1" x14ac:dyDescent="0.2">
      <c r="A93" s="14">
        <v>72</v>
      </c>
      <c r="B93" s="15">
        <v>118</v>
      </c>
      <c r="C93" s="16">
        <v>112</v>
      </c>
      <c r="D93" s="17">
        <v>230</v>
      </c>
    </row>
    <row r="94" spans="1:4" ht="18" customHeight="1" x14ac:dyDescent="0.2">
      <c r="A94" s="14">
        <v>73</v>
      </c>
      <c r="B94" s="15">
        <v>56</v>
      </c>
      <c r="C94" s="16">
        <v>71</v>
      </c>
      <c r="D94" s="17">
        <v>127</v>
      </c>
    </row>
    <row r="95" spans="1:4" ht="18" customHeight="1" x14ac:dyDescent="0.2">
      <c r="A95" s="14">
        <v>74</v>
      </c>
      <c r="B95" s="15">
        <v>64</v>
      </c>
      <c r="C95" s="16">
        <v>92</v>
      </c>
      <c r="D95" s="17">
        <v>156</v>
      </c>
    </row>
    <row r="96" spans="1:4" ht="18" customHeight="1" x14ac:dyDescent="0.2">
      <c r="A96" s="18" t="s">
        <v>64</v>
      </c>
      <c r="B96" s="15">
        <v>455</v>
      </c>
      <c r="C96" s="16">
        <v>503</v>
      </c>
      <c r="D96" s="17">
        <v>958</v>
      </c>
    </row>
    <row r="97" spans="1:4" ht="18" customHeight="1" x14ac:dyDescent="0.2">
      <c r="A97" s="14">
        <v>75</v>
      </c>
      <c r="B97" s="15">
        <v>78</v>
      </c>
      <c r="C97" s="16">
        <v>110</v>
      </c>
      <c r="D97" s="17">
        <v>188</v>
      </c>
    </row>
    <row r="98" spans="1:4" ht="18" customHeight="1" x14ac:dyDescent="0.2">
      <c r="A98" s="14">
        <v>76</v>
      </c>
      <c r="B98" s="15">
        <v>82</v>
      </c>
      <c r="C98" s="16">
        <v>92</v>
      </c>
      <c r="D98" s="17">
        <v>174</v>
      </c>
    </row>
    <row r="99" spans="1:4" ht="18" customHeight="1" x14ac:dyDescent="0.2">
      <c r="A99" s="14">
        <v>77</v>
      </c>
      <c r="B99" s="15">
        <v>61</v>
      </c>
      <c r="C99" s="16">
        <v>93</v>
      </c>
      <c r="D99" s="17">
        <v>154</v>
      </c>
    </row>
    <row r="100" spans="1:4" ht="18" customHeight="1" x14ac:dyDescent="0.2">
      <c r="A100" s="14">
        <v>78</v>
      </c>
      <c r="B100" s="15">
        <v>81</v>
      </c>
      <c r="C100" s="16">
        <v>91</v>
      </c>
      <c r="D100" s="17">
        <v>172</v>
      </c>
    </row>
    <row r="101" spans="1:4" ht="18" customHeight="1" x14ac:dyDescent="0.2">
      <c r="A101" s="14">
        <v>79</v>
      </c>
      <c r="B101" s="15">
        <v>72</v>
      </c>
      <c r="C101" s="16">
        <v>83</v>
      </c>
      <c r="D101" s="17">
        <v>155</v>
      </c>
    </row>
    <row r="102" spans="1:4" ht="18" customHeight="1" x14ac:dyDescent="0.2">
      <c r="A102" s="18" t="s">
        <v>65</v>
      </c>
      <c r="B102" s="15">
        <v>374</v>
      </c>
      <c r="C102" s="16">
        <v>469</v>
      </c>
      <c r="D102" s="17">
        <v>843</v>
      </c>
    </row>
    <row r="103" spans="1:4" ht="18" customHeight="1" x14ac:dyDescent="0.2">
      <c r="A103" s="14">
        <v>80</v>
      </c>
      <c r="B103" s="15">
        <v>50</v>
      </c>
      <c r="C103" s="16">
        <v>67</v>
      </c>
      <c r="D103" s="17">
        <v>117</v>
      </c>
    </row>
    <row r="104" spans="1:4" ht="18" customHeight="1" x14ac:dyDescent="0.2">
      <c r="A104" s="14">
        <v>81</v>
      </c>
      <c r="B104" s="15">
        <v>42</v>
      </c>
      <c r="C104" s="16">
        <v>60</v>
      </c>
      <c r="D104" s="17">
        <v>102</v>
      </c>
    </row>
    <row r="105" spans="1:4" ht="18" customHeight="1" x14ac:dyDescent="0.2">
      <c r="A105" s="14">
        <v>82</v>
      </c>
      <c r="B105" s="15">
        <v>32</v>
      </c>
      <c r="C105" s="16">
        <v>63</v>
      </c>
      <c r="D105" s="17">
        <v>95</v>
      </c>
    </row>
    <row r="106" spans="1:4" ht="18" customHeight="1" x14ac:dyDescent="0.2">
      <c r="A106" s="14">
        <v>83</v>
      </c>
      <c r="B106" s="15">
        <v>50</v>
      </c>
      <c r="C106" s="16">
        <v>92</v>
      </c>
      <c r="D106" s="17">
        <v>142</v>
      </c>
    </row>
    <row r="107" spans="1:4" ht="18" customHeight="1" x14ac:dyDescent="0.2">
      <c r="A107" s="14">
        <v>84</v>
      </c>
      <c r="B107" s="15">
        <v>44</v>
      </c>
      <c r="C107" s="16">
        <v>62</v>
      </c>
      <c r="D107" s="17">
        <v>106</v>
      </c>
    </row>
    <row r="108" spans="1:4" ht="18" customHeight="1" x14ac:dyDescent="0.2">
      <c r="A108" s="18" t="s">
        <v>66</v>
      </c>
      <c r="B108" s="15">
        <v>218</v>
      </c>
      <c r="C108" s="16">
        <v>344</v>
      </c>
      <c r="D108" s="17">
        <v>562</v>
      </c>
    </row>
    <row r="109" spans="1:4" ht="18" customHeight="1" x14ac:dyDescent="0.2">
      <c r="A109" s="14">
        <v>85</v>
      </c>
      <c r="B109" s="15">
        <v>37</v>
      </c>
      <c r="C109" s="16">
        <v>58</v>
      </c>
      <c r="D109" s="17">
        <v>95</v>
      </c>
    </row>
    <row r="110" spans="1:4" ht="18" customHeight="1" x14ac:dyDescent="0.2">
      <c r="A110" s="14">
        <v>86</v>
      </c>
      <c r="B110" s="15">
        <v>37</v>
      </c>
      <c r="C110" s="16">
        <v>77</v>
      </c>
      <c r="D110" s="17">
        <v>114</v>
      </c>
    </row>
    <row r="111" spans="1:4" ht="18" customHeight="1" x14ac:dyDescent="0.2">
      <c r="A111" s="14">
        <v>87</v>
      </c>
      <c r="B111" s="15">
        <v>22</v>
      </c>
      <c r="C111" s="16">
        <v>62</v>
      </c>
      <c r="D111" s="17">
        <v>84</v>
      </c>
    </row>
    <row r="112" spans="1:4" ht="18" customHeight="1" x14ac:dyDescent="0.2">
      <c r="A112" s="14">
        <v>88</v>
      </c>
      <c r="B112" s="15">
        <v>33</v>
      </c>
      <c r="C112" s="16">
        <v>62</v>
      </c>
      <c r="D112" s="17">
        <v>95</v>
      </c>
    </row>
    <row r="113" spans="1:4" ht="18" customHeight="1" x14ac:dyDescent="0.2">
      <c r="A113" s="14">
        <v>89</v>
      </c>
      <c r="B113" s="15">
        <v>16</v>
      </c>
      <c r="C113" s="16">
        <v>29</v>
      </c>
      <c r="D113" s="17">
        <v>45</v>
      </c>
    </row>
    <row r="114" spans="1:4" ht="18" customHeight="1" x14ac:dyDescent="0.2">
      <c r="A114" s="18" t="s">
        <v>67</v>
      </c>
      <c r="B114" s="15">
        <v>145</v>
      </c>
      <c r="C114" s="16">
        <v>288</v>
      </c>
      <c r="D114" s="17">
        <v>433</v>
      </c>
    </row>
    <row r="115" spans="1:4" ht="18" customHeight="1" x14ac:dyDescent="0.2">
      <c r="A115" s="14">
        <v>90</v>
      </c>
      <c r="B115" s="15">
        <v>15</v>
      </c>
      <c r="C115" s="16">
        <v>44</v>
      </c>
      <c r="D115" s="17">
        <v>59</v>
      </c>
    </row>
    <row r="116" spans="1:4" ht="18" customHeight="1" x14ac:dyDescent="0.2">
      <c r="A116" s="14">
        <v>91</v>
      </c>
      <c r="B116" s="15">
        <v>16</v>
      </c>
      <c r="C116" s="16">
        <v>28</v>
      </c>
      <c r="D116" s="17">
        <v>44</v>
      </c>
    </row>
    <row r="117" spans="1:4" ht="18" customHeight="1" x14ac:dyDescent="0.2">
      <c r="A117" s="14">
        <v>92</v>
      </c>
      <c r="B117" s="15">
        <v>11</v>
      </c>
      <c r="C117" s="16">
        <v>19</v>
      </c>
      <c r="D117" s="17">
        <v>30</v>
      </c>
    </row>
    <row r="118" spans="1:4" ht="18" customHeight="1" x14ac:dyDescent="0.2">
      <c r="A118" s="14">
        <v>93</v>
      </c>
      <c r="B118" s="15">
        <v>8</v>
      </c>
      <c r="C118" s="16">
        <v>16</v>
      </c>
      <c r="D118" s="17">
        <v>24</v>
      </c>
    </row>
    <row r="119" spans="1:4" ht="18" customHeight="1" x14ac:dyDescent="0.2">
      <c r="A119" s="14">
        <v>94</v>
      </c>
      <c r="B119" s="15">
        <v>2</v>
      </c>
      <c r="C119" s="16">
        <v>26</v>
      </c>
      <c r="D119" s="17">
        <v>28</v>
      </c>
    </row>
    <row r="120" spans="1:4" ht="18" customHeight="1" x14ac:dyDescent="0.2">
      <c r="A120" s="18" t="s">
        <v>68</v>
      </c>
      <c r="B120" s="15">
        <v>52</v>
      </c>
      <c r="C120" s="16">
        <v>133</v>
      </c>
      <c r="D120" s="17">
        <v>185</v>
      </c>
    </row>
    <row r="121" spans="1:4" ht="18" customHeight="1" x14ac:dyDescent="0.2">
      <c r="A121" s="14">
        <v>95</v>
      </c>
      <c r="B121" s="15">
        <v>2</v>
      </c>
      <c r="C121" s="16">
        <v>10</v>
      </c>
      <c r="D121" s="17">
        <v>12</v>
      </c>
    </row>
    <row r="122" spans="1:4" ht="18" customHeight="1" x14ac:dyDescent="0.2">
      <c r="A122" s="14">
        <v>96</v>
      </c>
      <c r="B122" s="15">
        <v>3</v>
      </c>
      <c r="C122" s="16">
        <v>14</v>
      </c>
      <c r="D122" s="17">
        <v>17</v>
      </c>
    </row>
    <row r="123" spans="1:4" ht="18" customHeight="1" x14ac:dyDescent="0.2">
      <c r="A123" s="14">
        <v>97</v>
      </c>
      <c r="B123" s="15">
        <v>5</v>
      </c>
      <c r="C123" s="16">
        <v>11</v>
      </c>
      <c r="D123" s="17">
        <v>1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11</v>
      </c>
      <c r="C126" s="16">
        <v>39</v>
      </c>
      <c r="D126" s="17">
        <v>50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700</v>
      </c>
      <c r="C130" s="5">
        <v>2264</v>
      </c>
      <c r="D130" s="6">
        <v>3964</v>
      </c>
    </row>
    <row r="131" spans="1:4" ht="18" customHeight="1" x14ac:dyDescent="0.2">
      <c r="A131" s="20" t="s">
        <v>47</v>
      </c>
      <c r="B131" s="7">
        <v>6143</v>
      </c>
      <c r="C131" s="8">
        <v>6441</v>
      </c>
      <c r="D131" s="9">
        <v>1258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0</v>
      </c>
      <c r="D5" s="13">
        <v>3</v>
      </c>
    </row>
    <row r="6" spans="1:4" ht="18" customHeight="1" x14ac:dyDescent="0.2">
      <c r="A6" s="14">
        <v>1</v>
      </c>
      <c r="B6" s="15">
        <v>4</v>
      </c>
      <c r="C6" s="16">
        <v>9</v>
      </c>
      <c r="D6" s="17">
        <v>13</v>
      </c>
    </row>
    <row r="7" spans="1:4" ht="18" customHeight="1" x14ac:dyDescent="0.2">
      <c r="A7" s="14">
        <v>2</v>
      </c>
      <c r="B7" s="15">
        <v>5</v>
      </c>
      <c r="C7" s="16">
        <v>8</v>
      </c>
      <c r="D7" s="17">
        <v>13</v>
      </c>
    </row>
    <row r="8" spans="1:4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4" ht="18" customHeight="1" x14ac:dyDescent="0.2">
      <c r="A9" s="14">
        <v>4</v>
      </c>
      <c r="B9" s="15">
        <v>7</v>
      </c>
      <c r="C9" s="16">
        <v>11</v>
      </c>
      <c r="D9" s="17">
        <v>18</v>
      </c>
    </row>
    <row r="10" spans="1:4" ht="18" customHeight="1" x14ac:dyDescent="0.2">
      <c r="A10" s="18" t="s">
        <v>74</v>
      </c>
      <c r="B10" s="15">
        <v>29</v>
      </c>
      <c r="C10" s="16">
        <v>35</v>
      </c>
      <c r="D10" s="17">
        <v>64</v>
      </c>
    </row>
    <row r="11" spans="1:4" ht="18" customHeight="1" x14ac:dyDescent="0.2">
      <c r="A11" s="14">
        <v>5</v>
      </c>
      <c r="B11" s="15">
        <v>5</v>
      </c>
      <c r="C11" s="16">
        <v>8</v>
      </c>
      <c r="D11" s="17">
        <v>13</v>
      </c>
    </row>
    <row r="12" spans="1:4" ht="18" customHeight="1" x14ac:dyDescent="0.2">
      <c r="A12" s="14">
        <v>6</v>
      </c>
      <c r="B12" s="15">
        <v>13</v>
      </c>
      <c r="C12" s="16">
        <v>14</v>
      </c>
      <c r="D12" s="17">
        <v>27</v>
      </c>
    </row>
    <row r="13" spans="1:4" ht="18" customHeight="1" x14ac:dyDescent="0.2">
      <c r="A13" s="14">
        <v>7</v>
      </c>
      <c r="B13" s="15">
        <v>14</v>
      </c>
      <c r="C13" s="16">
        <v>4</v>
      </c>
      <c r="D13" s="17">
        <v>18</v>
      </c>
    </row>
    <row r="14" spans="1:4" ht="18" customHeight="1" x14ac:dyDescent="0.2">
      <c r="A14" s="14">
        <v>8</v>
      </c>
      <c r="B14" s="15">
        <v>16</v>
      </c>
      <c r="C14" s="16">
        <v>8</v>
      </c>
      <c r="D14" s="17">
        <v>24</v>
      </c>
    </row>
    <row r="15" spans="1:4" ht="18" customHeight="1" x14ac:dyDescent="0.2">
      <c r="A15" s="14">
        <v>9</v>
      </c>
      <c r="B15" s="15">
        <v>17</v>
      </c>
      <c r="C15" s="16">
        <v>11</v>
      </c>
      <c r="D15" s="17">
        <v>28</v>
      </c>
    </row>
    <row r="16" spans="1:4" ht="18" customHeight="1" x14ac:dyDescent="0.2">
      <c r="A16" s="18" t="s">
        <v>75</v>
      </c>
      <c r="B16" s="15">
        <v>65</v>
      </c>
      <c r="C16" s="16">
        <v>45</v>
      </c>
      <c r="D16" s="17">
        <v>110</v>
      </c>
    </row>
    <row r="17" spans="1:4" ht="18" customHeight="1" x14ac:dyDescent="0.2">
      <c r="A17" s="14">
        <v>10</v>
      </c>
      <c r="B17" s="15">
        <v>12</v>
      </c>
      <c r="C17" s="16">
        <v>12</v>
      </c>
      <c r="D17" s="17">
        <v>24</v>
      </c>
    </row>
    <row r="18" spans="1:4" ht="18" customHeight="1" x14ac:dyDescent="0.2">
      <c r="A18" s="14">
        <v>11</v>
      </c>
      <c r="B18" s="15">
        <v>13</v>
      </c>
      <c r="C18" s="16">
        <v>19</v>
      </c>
      <c r="D18" s="17">
        <v>32</v>
      </c>
    </row>
    <row r="19" spans="1:4" ht="18" customHeight="1" x14ac:dyDescent="0.2">
      <c r="A19" s="14">
        <v>12</v>
      </c>
      <c r="B19" s="15">
        <v>16</v>
      </c>
      <c r="C19" s="16">
        <v>16</v>
      </c>
      <c r="D19" s="17">
        <v>32</v>
      </c>
    </row>
    <row r="20" spans="1:4" ht="18" customHeight="1" x14ac:dyDescent="0.2">
      <c r="A20" s="14">
        <v>13</v>
      </c>
      <c r="B20" s="15">
        <v>13</v>
      </c>
      <c r="C20" s="16">
        <v>17</v>
      </c>
      <c r="D20" s="17">
        <v>30</v>
      </c>
    </row>
    <row r="21" spans="1:4" ht="18" customHeight="1" x14ac:dyDescent="0.2">
      <c r="A21" s="14">
        <v>14</v>
      </c>
      <c r="B21" s="15">
        <v>17</v>
      </c>
      <c r="C21" s="16">
        <v>16</v>
      </c>
      <c r="D21" s="17">
        <v>33</v>
      </c>
    </row>
    <row r="22" spans="1:4" ht="18" customHeight="1" x14ac:dyDescent="0.2">
      <c r="A22" s="18" t="s">
        <v>76</v>
      </c>
      <c r="B22" s="15">
        <v>71</v>
      </c>
      <c r="C22" s="16">
        <v>80</v>
      </c>
      <c r="D22" s="17">
        <v>151</v>
      </c>
    </row>
    <row r="23" spans="1:4" ht="18" customHeight="1" x14ac:dyDescent="0.2">
      <c r="A23" s="18" t="s">
        <v>77</v>
      </c>
      <c r="B23" s="15">
        <v>165</v>
      </c>
      <c r="C23" s="16">
        <v>160</v>
      </c>
      <c r="D23" s="17">
        <v>325</v>
      </c>
    </row>
    <row r="24" spans="1:4" ht="18" customHeight="1" x14ac:dyDescent="0.2">
      <c r="A24" s="14">
        <v>15</v>
      </c>
      <c r="B24" s="15">
        <v>13</v>
      </c>
      <c r="C24" s="16">
        <v>13</v>
      </c>
      <c r="D24" s="17">
        <v>26</v>
      </c>
    </row>
    <row r="25" spans="1:4" ht="18" customHeight="1" x14ac:dyDescent="0.2">
      <c r="A25" s="14">
        <v>16</v>
      </c>
      <c r="B25" s="15">
        <v>20</v>
      </c>
      <c r="C25" s="16">
        <v>15</v>
      </c>
      <c r="D25" s="17">
        <v>35</v>
      </c>
    </row>
    <row r="26" spans="1:4" ht="18" customHeight="1" x14ac:dyDescent="0.2">
      <c r="A26" s="14">
        <v>17</v>
      </c>
      <c r="B26" s="15">
        <v>11</v>
      </c>
      <c r="C26" s="16">
        <v>10</v>
      </c>
      <c r="D26" s="17">
        <v>21</v>
      </c>
    </row>
    <row r="27" spans="1:4" ht="18" customHeight="1" x14ac:dyDescent="0.2">
      <c r="A27" s="14">
        <v>18</v>
      </c>
      <c r="B27" s="15">
        <v>12</v>
      </c>
      <c r="C27" s="16">
        <v>13</v>
      </c>
      <c r="D27" s="17">
        <v>25</v>
      </c>
    </row>
    <row r="28" spans="1:4" ht="18" customHeight="1" x14ac:dyDescent="0.2">
      <c r="A28" s="14">
        <v>19</v>
      </c>
      <c r="B28" s="15">
        <v>10</v>
      </c>
      <c r="C28" s="16">
        <v>17</v>
      </c>
      <c r="D28" s="17">
        <v>27</v>
      </c>
    </row>
    <row r="29" spans="1:4" ht="18" customHeight="1" x14ac:dyDescent="0.2">
      <c r="A29" s="18" t="s">
        <v>78</v>
      </c>
      <c r="B29" s="15">
        <v>66</v>
      </c>
      <c r="C29" s="16">
        <v>68</v>
      </c>
      <c r="D29" s="17">
        <v>134</v>
      </c>
    </row>
    <row r="30" spans="1:4" ht="18" customHeight="1" x14ac:dyDescent="0.2">
      <c r="A30" s="14">
        <v>20</v>
      </c>
      <c r="B30" s="15">
        <v>13</v>
      </c>
      <c r="C30" s="16">
        <v>13</v>
      </c>
      <c r="D30" s="17">
        <v>26</v>
      </c>
    </row>
    <row r="31" spans="1:4" ht="18" customHeight="1" x14ac:dyDescent="0.2">
      <c r="A31" s="14">
        <v>21</v>
      </c>
      <c r="B31" s="15">
        <v>9</v>
      </c>
      <c r="C31" s="16">
        <v>12</v>
      </c>
      <c r="D31" s="17">
        <v>21</v>
      </c>
    </row>
    <row r="32" spans="1:4" ht="18" customHeight="1" x14ac:dyDescent="0.2">
      <c r="A32" s="14">
        <v>22</v>
      </c>
      <c r="B32" s="15">
        <v>16</v>
      </c>
      <c r="C32" s="16">
        <v>8</v>
      </c>
      <c r="D32" s="17">
        <v>24</v>
      </c>
    </row>
    <row r="33" spans="1:4" ht="18" customHeight="1" x14ac:dyDescent="0.2">
      <c r="A33" s="14">
        <v>23</v>
      </c>
      <c r="B33" s="15">
        <v>22</v>
      </c>
      <c r="C33" s="16">
        <v>16</v>
      </c>
      <c r="D33" s="17">
        <v>38</v>
      </c>
    </row>
    <row r="34" spans="1:4" ht="18" customHeight="1" x14ac:dyDescent="0.2">
      <c r="A34" s="14">
        <v>24</v>
      </c>
      <c r="B34" s="15">
        <v>18</v>
      </c>
      <c r="C34" s="16">
        <v>17</v>
      </c>
      <c r="D34" s="17">
        <v>35</v>
      </c>
    </row>
    <row r="35" spans="1:4" ht="18" customHeight="1" x14ac:dyDescent="0.2">
      <c r="A35" s="18" t="s">
        <v>79</v>
      </c>
      <c r="B35" s="15">
        <v>78</v>
      </c>
      <c r="C35" s="16">
        <v>66</v>
      </c>
      <c r="D35" s="17">
        <v>144</v>
      </c>
    </row>
    <row r="36" spans="1:4" ht="18" customHeight="1" x14ac:dyDescent="0.2">
      <c r="A36" s="14">
        <v>25</v>
      </c>
      <c r="B36" s="15">
        <v>19</v>
      </c>
      <c r="C36" s="16">
        <v>5</v>
      </c>
      <c r="D36" s="17">
        <v>24</v>
      </c>
    </row>
    <row r="37" spans="1:4" ht="18" customHeight="1" x14ac:dyDescent="0.2">
      <c r="A37" s="14">
        <v>26</v>
      </c>
      <c r="B37" s="15">
        <v>15</v>
      </c>
      <c r="C37" s="16">
        <v>8</v>
      </c>
      <c r="D37" s="17">
        <v>23</v>
      </c>
    </row>
    <row r="38" spans="1:4" ht="18" customHeight="1" x14ac:dyDescent="0.2">
      <c r="A38" s="14">
        <v>27</v>
      </c>
      <c r="B38" s="15">
        <v>9</v>
      </c>
      <c r="C38" s="16">
        <v>8</v>
      </c>
      <c r="D38" s="17">
        <v>17</v>
      </c>
    </row>
    <row r="39" spans="1:4" ht="18" customHeight="1" x14ac:dyDescent="0.2">
      <c r="A39" s="14">
        <v>28</v>
      </c>
      <c r="B39" s="15">
        <v>9</v>
      </c>
      <c r="C39" s="16">
        <v>2</v>
      </c>
      <c r="D39" s="17">
        <v>11</v>
      </c>
    </row>
    <row r="40" spans="1:4" ht="18" customHeight="1" x14ac:dyDescent="0.2">
      <c r="A40" s="14">
        <v>29</v>
      </c>
      <c r="B40" s="15">
        <v>12</v>
      </c>
      <c r="C40" s="16">
        <v>11</v>
      </c>
      <c r="D40" s="17">
        <v>23</v>
      </c>
    </row>
    <row r="41" spans="1:4" ht="18" customHeight="1" x14ac:dyDescent="0.2">
      <c r="A41" s="18" t="s">
        <v>80</v>
      </c>
      <c r="B41" s="15">
        <v>64</v>
      </c>
      <c r="C41" s="16">
        <v>34</v>
      </c>
      <c r="D41" s="17">
        <v>98</v>
      </c>
    </row>
    <row r="42" spans="1:4" ht="18" customHeight="1" x14ac:dyDescent="0.2">
      <c r="A42" s="14">
        <v>30</v>
      </c>
      <c r="B42" s="15">
        <v>4</v>
      </c>
      <c r="C42" s="16">
        <v>2</v>
      </c>
      <c r="D42" s="17">
        <v>6</v>
      </c>
    </row>
    <row r="43" spans="1:4" ht="18" customHeight="1" x14ac:dyDescent="0.2">
      <c r="A43" s="14">
        <v>31</v>
      </c>
      <c r="B43" s="15">
        <v>12</v>
      </c>
      <c r="C43" s="16">
        <v>10</v>
      </c>
      <c r="D43" s="17">
        <v>22</v>
      </c>
    </row>
    <row r="44" spans="1:4" ht="18" customHeight="1" x14ac:dyDescent="0.2">
      <c r="A44" s="14">
        <v>32</v>
      </c>
      <c r="B44" s="15">
        <v>9</v>
      </c>
      <c r="C44" s="16">
        <v>10</v>
      </c>
      <c r="D44" s="17">
        <v>19</v>
      </c>
    </row>
    <row r="45" spans="1:4" ht="18" customHeight="1" x14ac:dyDescent="0.2">
      <c r="A45" s="14">
        <v>33</v>
      </c>
      <c r="B45" s="15">
        <v>13</v>
      </c>
      <c r="C45" s="16">
        <v>15</v>
      </c>
      <c r="D45" s="17">
        <v>28</v>
      </c>
    </row>
    <row r="46" spans="1:4" ht="18" customHeight="1" x14ac:dyDescent="0.2">
      <c r="A46" s="14">
        <v>34</v>
      </c>
      <c r="B46" s="15">
        <v>14</v>
      </c>
      <c r="C46" s="16">
        <v>10</v>
      </c>
      <c r="D46" s="17">
        <v>24</v>
      </c>
    </row>
    <row r="47" spans="1:4" ht="18" customHeight="1" x14ac:dyDescent="0.2">
      <c r="A47" s="18" t="s">
        <v>81</v>
      </c>
      <c r="B47" s="15">
        <v>52</v>
      </c>
      <c r="C47" s="16">
        <v>47</v>
      </c>
      <c r="D47" s="17">
        <v>99</v>
      </c>
    </row>
    <row r="48" spans="1:4" ht="18" customHeight="1" x14ac:dyDescent="0.2">
      <c r="A48" s="14">
        <v>35</v>
      </c>
      <c r="B48" s="15">
        <v>19</v>
      </c>
      <c r="C48" s="16">
        <v>12</v>
      </c>
      <c r="D48" s="17">
        <v>31</v>
      </c>
    </row>
    <row r="49" spans="1:4" ht="18" customHeight="1" x14ac:dyDescent="0.2">
      <c r="A49" s="14">
        <v>36</v>
      </c>
      <c r="B49" s="15">
        <v>19</v>
      </c>
      <c r="C49" s="16">
        <v>16</v>
      </c>
      <c r="D49" s="17">
        <v>35</v>
      </c>
    </row>
    <row r="50" spans="1:4" ht="18" customHeight="1" x14ac:dyDescent="0.2">
      <c r="A50" s="14">
        <v>37</v>
      </c>
      <c r="B50" s="15">
        <v>15</v>
      </c>
      <c r="C50" s="16">
        <v>17</v>
      </c>
      <c r="D50" s="17">
        <v>32</v>
      </c>
    </row>
    <row r="51" spans="1:4" ht="18" customHeight="1" x14ac:dyDescent="0.2">
      <c r="A51" s="14">
        <v>38</v>
      </c>
      <c r="B51" s="15">
        <v>16</v>
      </c>
      <c r="C51" s="16">
        <v>11</v>
      </c>
      <c r="D51" s="17">
        <v>27</v>
      </c>
    </row>
    <row r="52" spans="1:4" ht="18" customHeight="1" x14ac:dyDescent="0.2">
      <c r="A52" s="14">
        <v>39</v>
      </c>
      <c r="B52" s="15">
        <v>17</v>
      </c>
      <c r="C52" s="16">
        <v>13</v>
      </c>
      <c r="D52" s="17">
        <v>30</v>
      </c>
    </row>
    <row r="53" spans="1:4" ht="18" customHeight="1" x14ac:dyDescent="0.2">
      <c r="A53" s="18" t="s">
        <v>82</v>
      </c>
      <c r="B53" s="15">
        <v>86</v>
      </c>
      <c r="C53" s="16">
        <v>69</v>
      </c>
      <c r="D53" s="17">
        <v>155</v>
      </c>
    </row>
    <row r="54" spans="1:4" ht="18" customHeight="1" x14ac:dyDescent="0.2">
      <c r="A54" s="14">
        <v>40</v>
      </c>
      <c r="B54" s="15">
        <v>19</v>
      </c>
      <c r="C54" s="16">
        <v>9</v>
      </c>
      <c r="D54" s="17">
        <v>28</v>
      </c>
    </row>
    <row r="55" spans="1:4" ht="18" customHeight="1" x14ac:dyDescent="0.2">
      <c r="A55" s="14">
        <v>41</v>
      </c>
      <c r="B55" s="15">
        <v>20</v>
      </c>
      <c r="C55" s="16">
        <v>17</v>
      </c>
      <c r="D55" s="17">
        <v>37</v>
      </c>
    </row>
    <row r="56" spans="1:4" ht="18" customHeight="1" x14ac:dyDescent="0.2">
      <c r="A56" s="14">
        <v>42</v>
      </c>
      <c r="B56" s="15">
        <v>17</v>
      </c>
      <c r="C56" s="16">
        <v>25</v>
      </c>
      <c r="D56" s="17">
        <v>42</v>
      </c>
    </row>
    <row r="57" spans="1:4" ht="18" customHeight="1" x14ac:dyDescent="0.2">
      <c r="A57" s="14">
        <v>43</v>
      </c>
      <c r="B57" s="15">
        <v>18</v>
      </c>
      <c r="C57" s="16">
        <v>32</v>
      </c>
      <c r="D57" s="17">
        <v>50</v>
      </c>
    </row>
    <row r="58" spans="1:4" ht="18" customHeight="1" x14ac:dyDescent="0.2">
      <c r="A58" s="14">
        <v>44</v>
      </c>
      <c r="B58" s="15">
        <v>21</v>
      </c>
      <c r="C58" s="16">
        <v>19</v>
      </c>
      <c r="D58" s="17">
        <v>40</v>
      </c>
    </row>
    <row r="59" spans="1:4" ht="18" customHeight="1" x14ac:dyDescent="0.2">
      <c r="A59" s="18" t="s">
        <v>83</v>
      </c>
      <c r="B59" s="15">
        <v>95</v>
      </c>
      <c r="C59" s="16">
        <v>102</v>
      </c>
      <c r="D59" s="17">
        <v>197</v>
      </c>
    </row>
    <row r="60" spans="1:4" ht="18" customHeight="1" x14ac:dyDescent="0.2">
      <c r="A60" s="14">
        <v>45</v>
      </c>
      <c r="B60" s="15">
        <v>17</v>
      </c>
      <c r="C60" s="16">
        <v>27</v>
      </c>
      <c r="D60" s="17">
        <v>44</v>
      </c>
    </row>
    <row r="61" spans="1:4" ht="18" customHeight="1" x14ac:dyDescent="0.2">
      <c r="A61" s="14">
        <v>46</v>
      </c>
      <c r="B61" s="15">
        <v>26</v>
      </c>
      <c r="C61" s="16">
        <v>25</v>
      </c>
      <c r="D61" s="17">
        <v>51</v>
      </c>
    </row>
    <row r="62" spans="1:4" ht="18" customHeight="1" x14ac:dyDescent="0.2">
      <c r="A62" s="14">
        <v>47</v>
      </c>
      <c r="B62" s="15">
        <v>24</v>
      </c>
      <c r="C62" s="16">
        <v>24</v>
      </c>
      <c r="D62" s="17">
        <v>48</v>
      </c>
    </row>
    <row r="63" spans="1:4" ht="18" customHeight="1" x14ac:dyDescent="0.2">
      <c r="A63" s="14">
        <v>48</v>
      </c>
      <c r="B63" s="15">
        <v>26</v>
      </c>
      <c r="C63" s="16">
        <v>22</v>
      </c>
      <c r="D63" s="17">
        <v>48</v>
      </c>
    </row>
    <row r="64" spans="1:4" ht="18" customHeight="1" x14ac:dyDescent="0.2">
      <c r="A64" s="14">
        <v>49</v>
      </c>
      <c r="B64" s="15">
        <v>26</v>
      </c>
      <c r="C64" s="16">
        <v>18</v>
      </c>
      <c r="D64" s="17">
        <v>44</v>
      </c>
    </row>
    <row r="65" spans="1:4" ht="18" customHeight="1" x14ac:dyDescent="0.2">
      <c r="A65" s="18" t="s">
        <v>84</v>
      </c>
      <c r="B65" s="15">
        <v>119</v>
      </c>
      <c r="C65" s="16">
        <v>116</v>
      </c>
      <c r="D65" s="17">
        <v>235</v>
      </c>
    </row>
    <row r="66" spans="1:4" ht="18" customHeight="1" x14ac:dyDescent="0.2">
      <c r="A66" s="14">
        <v>50</v>
      </c>
      <c r="B66" s="15">
        <v>19</v>
      </c>
      <c r="C66" s="16">
        <v>18</v>
      </c>
      <c r="D66" s="17">
        <v>37</v>
      </c>
    </row>
    <row r="67" spans="1:4" ht="18" customHeight="1" x14ac:dyDescent="0.2">
      <c r="A67" s="14">
        <v>51</v>
      </c>
      <c r="B67" s="15">
        <v>18</v>
      </c>
      <c r="C67" s="16">
        <v>27</v>
      </c>
      <c r="D67" s="17">
        <v>45</v>
      </c>
    </row>
    <row r="68" spans="1:4" ht="18" customHeight="1" x14ac:dyDescent="0.2">
      <c r="A68" s="14">
        <v>52</v>
      </c>
      <c r="B68" s="15">
        <v>22</v>
      </c>
      <c r="C68" s="16">
        <v>22</v>
      </c>
      <c r="D68" s="17">
        <v>44</v>
      </c>
    </row>
    <row r="69" spans="1:4" ht="18" customHeight="1" x14ac:dyDescent="0.2">
      <c r="A69" s="14">
        <v>53</v>
      </c>
      <c r="B69" s="15">
        <v>13</v>
      </c>
      <c r="C69" s="16">
        <v>15</v>
      </c>
      <c r="D69" s="17">
        <v>28</v>
      </c>
    </row>
    <row r="70" spans="1:4" ht="18" customHeight="1" x14ac:dyDescent="0.2">
      <c r="A70" s="14">
        <v>54</v>
      </c>
      <c r="B70" s="15">
        <v>25</v>
      </c>
      <c r="C70" s="16">
        <v>25</v>
      </c>
      <c r="D70" s="17">
        <v>50</v>
      </c>
    </row>
    <row r="71" spans="1:4" ht="18" customHeight="1" x14ac:dyDescent="0.2">
      <c r="A71" s="18" t="s">
        <v>85</v>
      </c>
      <c r="B71" s="15">
        <v>97</v>
      </c>
      <c r="C71" s="16">
        <v>107</v>
      </c>
      <c r="D71" s="17">
        <v>204</v>
      </c>
    </row>
    <row r="72" spans="1:4" ht="18" customHeight="1" x14ac:dyDescent="0.2">
      <c r="A72" s="14">
        <v>55</v>
      </c>
      <c r="B72" s="15">
        <v>21</v>
      </c>
      <c r="C72" s="16">
        <v>23</v>
      </c>
      <c r="D72" s="17">
        <v>44</v>
      </c>
    </row>
    <row r="73" spans="1:4" ht="18" customHeight="1" x14ac:dyDescent="0.2">
      <c r="A73" s="14">
        <v>56</v>
      </c>
      <c r="B73" s="15">
        <v>20</v>
      </c>
      <c r="C73" s="16">
        <v>24</v>
      </c>
      <c r="D73" s="17">
        <v>44</v>
      </c>
    </row>
    <row r="74" spans="1:4" ht="18" customHeight="1" x14ac:dyDescent="0.2">
      <c r="A74" s="14">
        <v>57</v>
      </c>
      <c r="B74" s="15">
        <v>15</v>
      </c>
      <c r="C74" s="16">
        <v>13</v>
      </c>
      <c r="D74" s="17">
        <v>28</v>
      </c>
    </row>
    <row r="75" spans="1:4" ht="18" customHeight="1" x14ac:dyDescent="0.2">
      <c r="A75" s="14">
        <v>58</v>
      </c>
      <c r="B75" s="15">
        <v>16</v>
      </c>
      <c r="C75" s="16">
        <v>13</v>
      </c>
      <c r="D75" s="17">
        <v>29</v>
      </c>
    </row>
    <row r="76" spans="1:4" ht="18" customHeight="1" x14ac:dyDescent="0.2">
      <c r="A76" s="14">
        <v>59</v>
      </c>
      <c r="B76" s="15">
        <v>23</v>
      </c>
      <c r="C76" s="16">
        <v>22</v>
      </c>
      <c r="D76" s="17">
        <v>45</v>
      </c>
    </row>
    <row r="77" spans="1:4" ht="18" customHeight="1" x14ac:dyDescent="0.2">
      <c r="A77" s="18" t="s">
        <v>86</v>
      </c>
      <c r="B77" s="15">
        <v>95</v>
      </c>
      <c r="C77" s="16">
        <v>95</v>
      </c>
      <c r="D77" s="17">
        <v>190</v>
      </c>
    </row>
    <row r="78" spans="1:4" ht="18" customHeight="1" x14ac:dyDescent="0.2">
      <c r="A78" s="14">
        <v>60</v>
      </c>
      <c r="B78" s="15">
        <v>13</v>
      </c>
      <c r="C78" s="16">
        <v>22</v>
      </c>
      <c r="D78" s="17">
        <v>35</v>
      </c>
    </row>
    <row r="79" spans="1:4" ht="18" customHeight="1" x14ac:dyDescent="0.2">
      <c r="A79" s="14">
        <v>61</v>
      </c>
      <c r="B79" s="15">
        <v>15</v>
      </c>
      <c r="C79" s="16">
        <v>13</v>
      </c>
      <c r="D79" s="17">
        <v>28</v>
      </c>
    </row>
    <row r="80" spans="1:4" ht="18" customHeight="1" x14ac:dyDescent="0.2">
      <c r="A80" s="14">
        <v>62</v>
      </c>
      <c r="B80" s="15">
        <v>18</v>
      </c>
      <c r="C80" s="16">
        <v>13</v>
      </c>
      <c r="D80" s="17">
        <v>31</v>
      </c>
    </row>
    <row r="81" spans="1:4" ht="18" customHeight="1" x14ac:dyDescent="0.2">
      <c r="A81" s="14">
        <v>63</v>
      </c>
      <c r="B81" s="15">
        <v>15</v>
      </c>
      <c r="C81" s="16">
        <v>17</v>
      </c>
      <c r="D81" s="17">
        <v>32</v>
      </c>
    </row>
    <row r="82" spans="1:4" ht="18" customHeight="1" x14ac:dyDescent="0.2">
      <c r="A82" s="14">
        <v>64</v>
      </c>
      <c r="B82" s="15">
        <v>18</v>
      </c>
      <c r="C82" s="16">
        <v>19</v>
      </c>
      <c r="D82" s="17">
        <v>37</v>
      </c>
    </row>
    <row r="83" spans="1:4" ht="18" customHeight="1" x14ac:dyDescent="0.2">
      <c r="A83" s="18" t="s">
        <v>87</v>
      </c>
      <c r="B83" s="15">
        <v>79</v>
      </c>
      <c r="C83" s="16">
        <v>84</v>
      </c>
      <c r="D83" s="17">
        <v>163</v>
      </c>
    </row>
    <row r="84" spans="1:4" ht="18" customHeight="1" x14ac:dyDescent="0.2">
      <c r="A84" s="18" t="s">
        <v>88</v>
      </c>
      <c r="B84" s="15">
        <v>831</v>
      </c>
      <c r="C84" s="16">
        <v>788</v>
      </c>
      <c r="D84" s="17">
        <v>1619</v>
      </c>
    </row>
    <row r="85" spans="1:4" ht="18" customHeight="1" x14ac:dyDescent="0.2">
      <c r="A85" s="14">
        <v>65</v>
      </c>
      <c r="B85" s="15">
        <v>18</v>
      </c>
      <c r="C85" s="16">
        <v>20</v>
      </c>
      <c r="D85" s="17">
        <v>38</v>
      </c>
    </row>
    <row r="86" spans="1:4" ht="18" customHeight="1" x14ac:dyDescent="0.2">
      <c r="A86" s="14">
        <v>66</v>
      </c>
      <c r="B86" s="15">
        <v>23</v>
      </c>
      <c r="C86" s="16">
        <v>37</v>
      </c>
      <c r="D86" s="17">
        <v>60</v>
      </c>
    </row>
    <row r="87" spans="1:4" ht="18" customHeight="1" x14ac:dyDescent="0.2">
      <c r="A87" s="14">
        <v>67</v>
      </c>
      <c r="B87" s="15">
        <v>15</v>
      </c>
      <c r="C87" s="16">
        <v>29</v>
      </c>
      <c r="D87" s="17">
        <v>44</v>
      </c>
    </row>
    <row r="88" spans="1:4" ht="18" customHeight="1" x14ac:dyDescent="0.2">
      <c r="A88" s="14">
        <v>68</v>
      </c>
      <c r="B88" s="15">
        <v>18</v>
      </c>
      <c r="C88" s="16">
        <v>21</v>
      </c>
      <c r="D88" s="17">
        <v>39</v>
      </c>
    </row>
    <row r="89" spans="1:4" ht="18" customHeight="1" x14ac:dyDescent="0.2">
      <c r="A89" s="14">
        <v>69</v>
      </c>
      <c r="B89" s="15">
        <v>19</v>
      </c>
      <c r="C89" s="16">
        <v>21</v>
      </c>
      <c r="D89" s="17">
        <v>40</v>
      </c>
    </row>
    <row r="90" spans="1:4" ht="18" customHeight="1" x14ac:dyDescent="0.2">
      <c r="A90" s="18" t="s">
        <v>89</v>
      </c>
      <c r="B90" s="15">
        <v>93</v>
      </c>
      <c r="C90" s="16">
        <v>128</v>
      </c>
      <c r="D90" s="17">
        <v>221</v>
      </c>
    </row>
    <row r="91" spans="1:4" ht="18" customHeight="1" x14ac:dyDescent="0.2">
      <c r="A91" s="14">
        <v>70</v>
      </c>
      <c r="B91" s="15">
        <v>31</v>
      </c>
      <c r="C91" s="16">
        <v>37</v>
      </c>
      <c r="D91" s="17">
        <v>68</v>
      </c>
    </row>
    <row r="92" spans="1:4" ht="18" customHeight="1" x14ac:dyDescent="0.2">
      <c r="A92" s="14">
        <v>71</v>
      </c>
      <c r="B92" s="15">
        <v>14</v>
      </c>
      <c r="C92" s="16">
        <v>33</v>
      </c>
      <c r="D92" s="17">
        <v>47</v>
      </c>
    </row>
    <row r="93" spans="1:4" ht="18" customHeight="1" x14ac:dyDescent="0.2">
      <c r="A93" s="14">
        <v>72</v>
      </c>
      <c r="B93" s="15">
        <v>23</v>
      </c>
      <c r="C93" s="16">
        <v>31</v>
      </c>
      <c r="D93" s="17">
        <v>54</v>
      </c>
    </row>
    <row r="94" spans="1:4" ht="18" customHeight="1" x14ac:dyDescent="0.2">
      <c r="A94" s="14">
        <v>73</v>
      </c>
      <c r="B94" s="15">
        <v>21</v>
      </c>
      <c r="C94" s="16">
        <v>13</v>
      </c>
      <c r="D94" s="17">
        <v>34</v>
      </c>
    </row>
    <row r="95" spans="1:4" ht="18" customHeight="1" x14ac:dyDescent="0.2">
      <c r="A95" s="14">
        <v>74</v>
      </c>
      <c r="B95" s="15">
        <v>12</v>
      </c>
      <c r="C95" s="16">
        <v>14</v>
      </c>
      <c r="D95" s="17">
        <v>26</v>
      </c>
    </row>
    <row r="96" spans="1:4" ht="18" customHeight="1" x14ac:dyDescent="0.2">
      <c r="A96" s="18" t="s">
        <v>90</v>
      </c>
      <c r="B96" s="15">
        <v>101</v>
      </c>
      <c r="C96" s="16">
        <v>128</v>
      </c>
      <c r="D96" s="17">
        <v>229</v>
      </c>
    </row>
    <row r="97" spans="1:4" ht="18" customHeight="1" x14ac:dyDescent="0.2">
      <c r="A97" s="14">
        <v>75</v>
      </c>
      <c r="B97" s="15">
        <v>17</v>
      </c>
      <c r="C97" s="16">
        <v>17</v>
      </c>
      <c r="D97" s="17">
        <v>34</v>
      </c>
    </row>
    <row r="98" spans="1:4" ht="18" customHeight="1" x14ac:dyDescent="0.2">
      <c r="A98" s="14">
        <v>76</v>
      </c>
      <c r="B98" s="15">
        <v>18</v>
      </c>
      <c r="C98" s="16">
        <v>26</v>
      </c>
      <c r="D98" s="17">
        <v>44</v>
      </c>
    </row>
    <row r="99" spans="1:4" ht="18" customHeight="1" x14ac:dyDescent="0.2">
      <c r="A99" s="14">
        <v>77</v>
      </c>
      <c r="B99" s="15">
        <v>16</v>
      </c>
      <c r="C99" s="16">
        <v>12</v>
      </c>
      <c r="D99" s="17">
        <v>28</v>
      </c>
    </row>
    <row r="100" spans="1:4" ht="18" customHeight="1" x14ac:dyDescent="0.2">
      <c r="A100" s="14">
        <v>78</v>
      </c>
      <c r="B100" s="15">
        <v>10</v>
      </c>
      <c r="C100" s="16">
        <v>16</v>
      </c>
      <c r="D100" s="17">
        <v>26</v>
      </c>
    </row>
    <row r="101" spans="1:4" ht="18" customHeight="1" x14ac:dyDescent="0.2">
      <c r="A101" s="14">
        <v>79</v>
      </c>
      <c r="B101" s="15">
        <v>13</v>
      </c>
      <c r="C101" s="16">
        <v>22</v>
      </c>
      <c r="D101" s="17">
        <v>35</v>
      </c>
    </row>
    <row r="102" spans="1:4" ht="18" customHeight="1" x14ac:dyDescent="0.2">
      <c r="A102" s="18" t="s">
        <v>91</v>
      </c>
      <c r="B102" s="15">
        <v>74</v>
      </c>
      <c r="C102" s="16">
        <v>93</v>
      </c>
      <c r="D102" s="17">
        <v>167</v>
      </c>
    </row>
    <row r="103" spans="1:4" ht="18" customHeight="1" x14ac:dyDescent="0.2">
      <c r="A103" s="14">
        <v>80</v>
      </c>
      <c r="B103" s="15">
        <v>6</v>
      </c>
      <c r="C103" s="16">
        <v>10</v>
      </c>
      <c r="D103" s="17">
        <v>16</v>
      </c>
    </row>
    <row r="104" spans="1:4" ht="18" customHeight="1" x14ac:dyDescent="0.2">
      <c r="A104" s="14">
        <v>81</v>
      </c>
      <c r="B104" s="15">
        <v>8</v>
      </c>
      <c r="C104" s="16">
        <v>19</v>
      </c>
      <c r="D104" s="17">
        <v>27</v>
      </c>
    </row>
    <row r="105" spans="1:4" ht="18" customHeight="1" x14ac:dyDescent="0.2">
      <c r="A105" s="14">
        <v>82</v>
      </c>
      <c r="B105" s="15">
        <v>11</v>
      </c>
      <c r="C105" s="16">
        <v>16</v>
      </c>
      <c r="D105" s="17">
        <v>27</v>
      </c>
    </row>
    <row r="106" spans="1:4" ht="18" customHeight="1" x14ac:dyDescent="0.2">
      <c r="A106" s="14">
        <v>83</v>
      </c>
      <c r="B106" s="15">
        <v>14</v>
      </c>
      <c r="C106" s="16">
        <v>20</v>
      </c>
      <c r="D106" s="17">
        <v>34</v>
      </c>
    </row>
    <row r="107" spans="1:4" ht="18" customHeight="1" x14ac:dyDescent="0.2">
      <c r="A107" s="14">
        <v>84</v>
      </c>
      <c r="B107" s="15">
        <v>7</v>
      </c>
      <c r="C107" s="16">
        <v>16</v>
      </c>
      <c r="D107" s="17">
        <v>23</v>
      </c>
    </row>
    <row r="108" spans="1:4" ht="18" customHeight="1" x14ac:dyDescent="0.2">
      <c r="A108" s="18" t="s">
        <v>92</v>
      </c>
      <c r="B108" s="15">
        <v>46</v>
      </c>
      <c r="C108" s="16">
        <v>81</v>
      </c>
      <c r="D108" s="17">
        <v>127</v>
      </c>
    </row>
    <row r="109" spans="1:4" ht="18" customHeight="1" x14ac:dyDescent="0.2">
      <c r="A109" s="14">
        <v>85</v>
      </c>
      <c r="B109" s="15">
        <v>9</v>
      </c>
      <c r="C109" s="16">
        <v>17</v>
      </c>
      <c r="D109" s="17">
        <v>26</v>
      </c>
    </row>
    <row r="110" spans="1:4" ht="18" customHeight="1" x14ac:dyDescent="0.2">
      <c r="A110" s="14">
        <v>86</v>
      </c>
      <c r="B110" s="15">
        <v>12</v>
      </c>
      <c r="C110" s="16">
        <v>20</v>
      </c>
      <c r="D110" s="17">
        <v>32</v>
      </c>
    </row>
    <row r="111" spans="1:4" ht="18" customHeight="1" x14ac:dyDescent="0.2">
      <c r="A111" s="14">
        <v>87</v>
      </c>
      <c r="B111" s="15">
        <v>4</v>
      </c>
      <c r="C111" s="16">
        <v>14</v>
      </c>
      <c r="D111" s="17">
        <v>18</v>
      </c>
    </row>
    <row r="112" spans="1:4" ht="18" customHeight="1" x14ac:dyDescent="0.2">
      <c r="A112" s="14">
        <v>88</v>
      </c>
      <c r="B112" s="15">
        <v>4</v>
      </c>
      <c r="C112" s="16">
        <v>17</v>
      </c>
      <c r="D112" s="17">
        <v>21</v>
      </c>
    </row>
    <row r="113" spans="1:4" ht="18" customHeight="1" x14ac:dyDescent="0.2">
      <c r="A113" s="14">
        <v>89</v>
      </c>
      <c r="B113" s="15">
        <v>7</v>
      </c>
      <c r="C113" s="16">
        <v>11</v>
      </c>
      <c r="D113" s="17">
        <v>18</v>
      </c>
    </row>
    <row r="114" spans="1:4" ht="18" customHeight="1" x14ac:dyDescent="0.2">
      <c r="A114" s="18" t="s">
        <v>93</v>
      </c>
      <c r="B114" s="15">
        <v>36</v>
      </c>
      <c r="C114" s="16">
        <v>79</v>
      </c>
      <c r="D114" s="17">
        <v>115</v>
      </c>
    </row>
    <row r="115" spans="1:4" ht="18" customHeight="1" x14ac:dyDescent="0.2">
      <c r="A115" s="14">
        <v>90</v>
      </c>
      <c r="B115" s="15">
        <v>2</v>
      </c>
      <c r="C115" s="16">
        <v>13</v>
      </c>
      <c r="D115" s="17">
        <v>15</v>
      </c>
    </row>
    <row r="116" spans="1:4" ht="18" customHeight="1" x14ac:dyDescent="0.2">
      <c r="A116" s="14">
        <v>91</v>
      </c>
      <c r="B116" s="15">
        <v>7</v>
      </c>
      <c r="C116" s="16">
        <v>7</v>
      </c>
      <c r="D116" s="17">
        <v>14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13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94</v>
      </c>
      <c r="B120" s="15">
        <v>16</v>
      </c>
      <c r="C120" s="16">
        <v>48</v>
      </c>
      <c r="D120" s="17">
        <v>64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95</v>
      </c>
      <c r="B126" s="15">
        <v>5</v>
      </c>
      <c r="C126" s="16">
        <v>15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96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97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8</v>
      </c>
      <c r="B130" s="4">
        <v>371</v>
      </c>
      <c r="C130" s="5">
        <v>574</v>
      </c>
      <c r="D130" s="6">
        <v>945</v>
      </c>
    </row>
    <row r="131" spans="1:4" ht="18" customHeight="1" x14ac:dyDescent="0.2">
      <c r="A131" s="20" t="s">
        <v>47</v>
      </c>
      <c r="B131" s="7">
        <v>1367</v>
      </c>
      <c r="C131" s="8">
        <v>1522</v>
      </c>
      <c r="D131" s="9">
        <v>288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17</v>
      </c>
      <c r="D5" s="13">
        <v>31</v>
      </c>
    </row>
    <row r="6" spans="1:4" ht="18" customHeight="1" x14ac:dyDescent="0.2">
      <c r="A6" s="14">
        <v>1</v>
      </c>
      <c r="B6" s="15">
        <v>14</v>
      </c>
      <c r="C6" s="16">
        <v>11</v>
      </c>
      <c r="D6" s="17">
        <v>25</v>
      </c>
    </row>
    <row r="7" spans="1:4" ht="18" customHeight="1" x14ac:dyDescent="0.2">
      <c r="A7" s="14">
        <v>2</v>
      </c>
      <c r="B7" s="15">
        <v>15</v>
      </c>
      <c r="C7" s="16">
        <v>11</v>
      </c>
      <c r="D7" s="17">
        <v>26</v>
      </c>
    </row>
    <row r="8" spans="1:4" ht="18" customHeight="1" x14ac:dyDescent="0.2">
      <c r="A8" s="14">
        <v>3</v>
      </c>
      <c r="B8" s="15">
        <v>10</v>
      </c>
      <c r="C8" s="16">
        <v>12</v>
      </c>
      <c r="D8" s="17">
        <v>22</v>
      </c>
    </row>
    <row r="9" spans="1:4" ht="18" customHeight="1" x14ac:dyDescent="0.2">
      <c r="A9" s="14">
        <v>4</v>
      </c>
      <c r="B9" s="15">
        <v>11</v>
      </c>
      <c r="C9" s="16">
        <v>7</v>
      </c>
      <c r="D9" s="17">
        <v>18</v>
      </c>
    </row>
    <row r="10" spans="1:4" ht="18" customHeight="1" x14ac:dyDescent="0.2">
      <c r="A10" s="18" t="s">
        <v>48</v>
      </c>
      <c r="B10" s="15">
        <v>64</v>
      </c>
      <c r="C10" s="16">
        <v>58</v>
      </c>
      <c r="D10" s="17">
        <v>122</v>
      </c>
    </row>
    <row r="11" spans="1:4" ht="18" customHeight="1" x14ac:dyDescent="0.2">
      <c r="A11" s="14">
        <v>5</v>
      </c>
      <c r="B11" s="15">
        <v>11</v>
      </c>
      <c r="C11" s="16">
        <v>13</v>
      </c>
      <c r="D11" s="17">
        <v>24</v>
      </c>
    </row>
    <row r="12" spans="1:4" ht="18" customHeight="1" x14ac:dyDescent="0.2">
      <c r="A12" s="14">
        <v>6</v>
      </c>
      <c r="B12" s="15">
        <v>19</v>
      </c>
      <c r="C12" s="16">
        <v>17</v>
      </c>
      <c r="D12" s="17">
        <v>36</v>
      </c>
    </row>
    <row r="13" spans="1:4" ht="18" customHeight="1" x14ac:dyDescent="0.2">
      <c r="A13" s="14">
        <v>7</v>
      </c>
      <c r="B13" s="15">
        <v>20</v>
      </c>
      <c r="C13" s="16">
        <v>14</v>
      </c>
      <c r="D13" s="17">
        <v>34</v>
      </c>
    </row>
    <row r="14" spans="1:4" ht="18" customHeight="1" x14ac:dyDescent="0.2">
      <c r="A14" s="14">
        <v>8</v>
      </c>
      <c r="B14" s="15">
        <v>12</v>
      </c>
      <c r="C14" s="16">
        <v>17</v>
      </c>
      <c r="D14" s="17">
        <v>29</v>
      </c>
    </row>
    <row r="15" spans="1:4" ht="18" customHeight="1" x14ac:dyDescent="0.2">
      <c r="A15" s="14">
        <v>9</v>
      </c>
      <c r="B15" s="15">
        <v>14</v>
      </c>
      <c r="C15" s="16">
        <v>12</v>
      </c>
      <c r="D15" s="17">
        <v>26</v>
      </c>
    </row>
    <row r="16" spans="1:4" ht="18" customHeight="1" x14ac:dyDescent="0.2">
      <c r="A16" s="18" t="s">
        <v>49</v>
      </c>
      <c r="B16" s="15">
        <v>76</v>
      </c>
      <c r="C16" s="16">
        <v>73</v>
      </c>
      <c r="D16" s="17">
        <v>149</v>
      </c>
    </row>
    <row r="17" spans="1:4" ht="18" customHeight="1" x14ac:dyDescent="0.2">
      <c r="A17" s="14">
        <v>10</v>
      </c>
      <c r="B17" s="15">
        <v>15</v>
      </c>
      <c r="C17" s="16">
        <v>11</v>
      </c>
      <c r="D17" s="17">
        <v>26</v>
      </c>
    </row>
    <row r="18" spans="1:4" ht="18" customHeight="1" x14ac:dyDescent="0.2">
      <c r="A18" s="14">
        <v>11</v>
      </c>
      <c r="B18" s="15">
        <v>10</v>
      </c>
      <c r="C18" s="16">
        <v>14</v>
      </c>
      <c r="D18" s="17">
        <v>24</v>
      </c>
    </row>
    <row r="19" spans="1:4" ht="18" customHeight="1" x14ac:dyDescent="0.2">
      <c r="A19" s="14">
        <v>12</v>
      </c>
      <c r="B19" s="15">
        <v>18</v>
      </c>
      <c r="C19" s="16">
        <v>19</v>
      </c>
      <c r="D19" s="17">
        <v>37</v>
      </c>
    </row>
    <row r="20" spans="1:4" ht="18" customHeight="1" x14ac:dyDescent="0.2">
      <c r="A20" s="14">
        <v>13</v>
      </c>
      <c r="B20" s="15">
        <v>12</v>
      </c>
      <c r="C20" s="16">
        <v>12</v>
      </c>
      <c r="D20" s="17">
        <v>24</v>
      </c>
    </row>
    <row r="21" spans="1:4" ht="18" customHeight="1" x14ac:dyDescent="0.2">
      <c r="A21" s="14">
        <v>14</v>
      </c>
      <c r="B21" s="15">
        <v>10</v>
      </c>
      <c r="C21" s="16">
        <v>15</v>
      </c>
      <c r="D21" s="17">
        <v>25</v>
      </c>
    </row>
    <row r="22" spans="1:4" ht="18" customHeight="1" x14ac:dyDescent="0.2">
      <c r="A22" s="18" t="s">
        <v>50</v>
      </c>
      <c r="B22" s="15">
        <v>65</v>
      </c>
      <c r="C22" s="16">
        <v>71</v>
      </c>
      <c r="D22" s="17">
        <v>136</v>
      </c>
    </row>
    <row r="23" spans="1:4" ht="18" customHeight="1" x14ac:dyDescent="0.2">
      <c r="A23" s="18" t="s">
        <v>51</v>
      </c>
      <c r="B23" s="15">
        <v>205</v>
      </c>
      <c r="C23" s="16">
        <v>202</v>
      </c>
      <c r="D23" s="17">
        <v>407</v>
      </c>
    </row>
    <row r="24" spans="1:4" ht="18" customHeight="1" x14ac:dyDescent="0.2">
      <c r="A24" s="14">
        <v>15</v>
      </c>
      <c r="B24" s="15">
        <v>16</v>
      </c>
      <c r="C24" s="16">
        <v>18</v>
      </c>
      <c r="D24" s="17">
        <v>34</v>
      </c>
    </row>
    <row r="25" spans="1:4" ht="18" customHeight="1" x14ac:dyDescent="0.2">
      <c r="A25" s="14">
        <v>16</v>
      </c>
      <c r="B25" s="15">
        <v>15</v>
      </c>
      <c r="C25" s="16">
        <v>18</v>
      </c>
      <c r="D25" s="17">
        <v>33</v>
      </c>
    </row>
    <row r="26" spans="1:4" ht="18" customHeight="1" x14ac:dyDescent="0.2">
      <c r="A26" s="14">
        <v>17</v>
      </c>
      <c r="B26" s="15">
        <v>23</v>
      </c>
      <c r="C26" s="16">
        <v>14</v>
      </c>
      <c r="D26" s="17">
        <v>37</v>
      </c>
    </row>
    <row r="27" spans="1:4" ht="18" customHeight="1" x14ac:dyDescent="0.2">
      <c r="A27" s="14">
        <v>18</v>
      </c>
      <c r="B27" s="15">
        <v>21</v>
      </c>
      <c r="C27" s="16">
        <v>14</v>
      </c>
      <c r="D27" s="17">
        <v>35</v>
      </c>
    </row>
    <row r="28" spans="1:4" ht="18" customHeight="1" x14ac:dyDescent="0.2">
      <c r="A28" s="14">
        <v>19</v>
      </c>
      <c r="B28" s="15">
        <v>26</v>
      </c>
      <c r="C28" s="16">
        <v>15</v>
      </c>
      <c r="D28" s="17">
        <v>41</v>
      </c>
    </row>
    <row r="29" spans="1:4" ht="18" customHeight="1" x14ac:dyDescent="0.2">
      <c r="A29" s="18" t="s">
        <v>52</v>
      </c>
      <c r="B29" s="15">
        <v>101</v>
      </c>
      <c r="C29" s="16">
        <v>79</v>
      </c>
      <c r="D29" s="17">
        <v>180</v>
      </c>
    </row>
    <row r="30" spans="1:4" ht="18" customHeight="1" x14ac:dyDescent="0.2">
      <c r="A30" s="14">
        <v>20</v>
      </c>
      <c r="B30" s="15">
        <v>11</v>
      </c>
      <c r="C30" s="16">
        <v>24</v>
      </c>
      <c r="D30" s="17">
        <v>35</v>
      </c>
    </row>
    <row r="31" spans="1:4" ht="18" customHeight="1" x14ac:dyDescent="0.2">
      <c r="A31" s="14">
        <v>21</v>
      </c>
      <c r="B31" s="15">
        <v>19</v>
      </c>
      <c r="C31" s="16">
        <v>26</v>
      </c>
      <c r="D31" s="17">
        <v>45</v>
      </c>
    </row>
    <row r="32" spans="1:4" ht="18" customHeight="1" x14ac:dyDescent="0.2">
      <c r="A32" s="14">
        <v>22</v>
      </c>
      <c r="B32" s="15">
        <v>17</v>
      </c>
      <c r="C32" s="16">
        <v>19</v>
      </c>
      <c r="D32" s="17">
        <v>36</v>
      </c>
    </row>
    <row r="33" spans="1:4" ht="18" customHeight="1" x14ac:dyDescent="0.2">
      <c r="A33" s="14">
        <v>23</v>
      </c>
      <c r="B33" s="15">
        <v>23</v>
      </c>
      <c r="C33" s="16">
        <v>16</v>
      </c>
      <c r="D33" s="17">
        <v>39</v>
      </c>
    </row>
    <row r="34" spans="1:4" ht="18" customHeight="1" x14ac:dyDescent="0.2">
      <c r="A34" s="14">
        <v>24</v>
      </c>
      <c r="B34" s="15">
        <v>22</v>
      </c>
      <c r="C34" s="16">
        <v>20</v>
      </c>
      <c r="D34" s="17">
        <v>42</v>
      </c>
    </row>
    <row r="35" spans="1:4" ht="18" customHeight="1" x14ac:dyDescent="0.2">
      <c r="A35" s="18" t="s">
        <v>53</v>
      </c>
      <c r="B35" s="15">
        <v>92</v>
      </c>
      <c r="C35" s="16">
        <v>105</v>
      </c>
      <c r="D35" s="17">
        <v>197</v>
      </c>
    </row>
    <row r="36" spans="1:4" ht="18" customHeight="1" x14ac:dyDescent="0.2">
      <c r="A36" s="14">
        <v>25</v>
      </c>
      <c r="B36" s="15">
        <v>23</v>
      </c>
      <c r="C36" s="16">
        <v>25</v>
      </c>
      <c r="D36" s="17">
        <v>48</v>
      </c>
    </row>
    <row r="37" spans="1:4" ht="18" customHeight="1" x14ac:dyDescent="0.2">
      <c r="A37" s="14">
        <v>26</v>
      </c>
      <c r="B37" s="15">
        <v>10</v>
      </c>
      <c r="C37" s="16">
        <v>23</v>
      </c>
      <c r="D37" s="17">
        <v>33</v>
      </c>
    </row>
    <row r="38" spans="1:4" ht="18" customHeight="1" x14ac:dyDescent="0.2">
      <c r="A38" s="14">
        <v>27</v>
      </c>
      <c r="B38" s="15">
        <v>17</v>
      </c>
      <c r="C38" s="16">
        <v>15</v>
      </c>
      <c r="D38" s="17">
        <v>32</v>
      </c>
    </row>
    <row r="39" spans="1:4" ht="18" customHeight="1" x14ac:dyDescent="0.2">
      <c r="A39" s="14">
        <v>28</v>
      </c>
      <c r="B39" s="15">
        <v>24</v>
      </c>
      <c r="C39" s="16">
        <v>14</v>
      </c>
      <c r="D39" s="17">
        <v>38</v>
      </c>
    </row>
    <row r="40" spans="1:4" ht="18" customHeight="1" x14ac:dyDescent="0.2">
      <c r="A40" s="14">
        <v>29</v>
      </c>
      <c r="B40" s="15">
        <v>16</v>
      </c>
      <c r="C40" s="16">
        <v>23</v>
      </c>
      <c r="D40" s="17">
        <v>39</v>
      </c>
    </row>
    <row r="41" spans="1:4" ht="18" customHeight="1" x14ac:dyDescent="0.2">
      <c r="A41" s="18" t="s">
        <v>54</v>
      </c>
      <c r="B41" s="15">
        <v>90</v>
      </c>
      <c r="C41" s="16">
        <v>100</v>
      </c>
      <c r="D41" s="17">
        <v>190</v>
      </c>
    </row>
    <row r="42" spans="1:4" ht="18" customHeight="1" x14ac:dyDescent="0.2">
      <c r="A42" s="14">
        <v>30</v>
      </c>
      <c r="B42" s="15">
        <v>20</v>
      </c>
      <c r="C42" s="16">
        <v>12</v>
      </c>
      <c r="D42" s="17">
        <v>32</v>
      </c>
    </row>
    <row r="43" spans="1:4" ht="18" customHeight="1" x14ac:dyDescent="0.2">
      <c r="A43" s="14">
        <v>31</v>
      </c>
      <c r="B43" s="15">
        <v>29</v>
      </c>
      <c r="C43" s="16">
        <v>17</v>
      </c>
      <c r="D43" s="17">
        <v>46</v>
      </c>
    </row>
    <row r="44" spans="1:4" ht="18" customHeight="1" x14ac:dyDescent="0.2">
      <c r="A44" s="14">
        <v>32</v>
      </c>
      <c r="B44" s="15">
        <v>26</v>
      </c>
      <c r="C44" s="16">
        <v>13</v>
      </c>
      <c r="D44" s="17">
        <v>39</v>
      </c>
    </row>
    <row r="45" spans="1:4" ht="18" customHeight="1" x14ac:dyDescent="0.2">
      <c r="A45" s="14">
        <v>33</v>
      </c>
      <c r="B45" s="15">
        <v>25</v>
      </c>
      <c r="C45" s="16">
        <v>23</v>
      </c>
      <c r="D45" s="17">
        <v>48</v>
      </c>
    </row>
    <row r="46" spans="1:4" ht="18" customHeight="1" x14ac:dyDescent="0.2">
      <c r="A46" s="14">
        <v>34</v>
      </c>
      <c r="B46" s="15">
        <v>21</v>
      </c>
      <c r="C46" s="16">
        <v>15</v>
      </c>
      <c r="D46" s="17">
        <v>36</v>
      </c>
    </row>
    <row r="47" spans="1:4" ht="18" customHeight="1" x14ac:dyDescent="0.2">
      <c r="A47" s="18" t="s">
        <v>55</v>
      </c>
      <c r="B47" s="15">
        <v>121</v>
      </c>
      <c r="C47" s="16">
        <v>80</v>
      </c>
      <c r="D47" s="17">
        <v>201</v>
      </c>
    </row>
    <row r="48" spans="1:4" ht="18" customHeight="1" x14ac:dyDescent="0.2">
      <c r="A48" s="14">
        <v>35</v>
      </c>
      <c r="B48" s="15">
        <v>19</v>
      </c>
      <c r="C48" s="16">
        <v>25</v>
      </c>
      <c r="D48" s="17">
        <v>44</v>
      </c>
    </row>
    <row r="49" spans="1:4" ht="18" customHeight="1" x14ac:dyDescent="0.2">
      <c r="A49" s="14">
        <v>36</v>
      </c>
      <c r="B49" s="15">
        <v>18</v>
      </c>
      <c r="C49" s="16">
        <v>24</v>
      </c>
      <c r="D49" s="17">
        <v>42</v>
      </c>
    </row>
    <row r="50" spans="1:4" ht="18" customHeight="1" x14ac:dyDescent="0.2">
      <c r="A50" s="14">
        <v>37</v>
      </c>
      <c r="B50" s="15">
        <v>17</v>
      </c>
      <c r="C50" s="16">
        <v>21</v>
      </c>
      <c r="D50" s="17">
        <v>38</v>
      </c>
    </row>
    <row r="51" spans="1:4" ht="18" customHeight="1" x14ac:dyDescent="0.2">
      <c r="A51" s="14">
        <v>38</v>
      </c>
      <c r="B51" s="15">
        <v>13</v>
      </c>
      <c r="C51" s="16">
        <v>14</v>
      </c>
      <c r="D51" s="17">
        <v>27</v>
      </c>
    </row>
    <row r="52" spans="1:4" ht="18" customHeight="1" x14ac:dyDescent="0.2">
      <c r="A52" s="14">
        <v>39</v>
      </c>
      <c r="B52" s="15">
        <v>24</v>
      </c>
      <c r="C52" s="16">
        <v>24</v>
      </c>
      <c r="D52" s="17">
        <v>48</v>
      </c>
    </row>
    <row r="53" spans="1:4" ht="18" customHeight="1" x14ac:dyDescent="0.2">
      <c r="A53" s="18" t="s">
        <v>56</v>
      </c>
      <c r="B53" s="15">
        <v>91</v>
      </c>
      <c r="C53" s="16">
        <v>108</v>
      </c>
      <c r="D53" s="17">
        <v>199</v>
      </c>
    </row>
    <row r="54" spans="1:4" ht="18" customHeight="1" x14ac:dyDescent="0.2">
      <c r="A54" s="14">
        <v>40</v>
      </c>
      <c r="B54" s="15">
        <v>26</v>
      </c>
      <c r="C54" s="16">
        <v>27</v>
      </c>
      <c r="D54" s="17">
        <v>53</v>
      </c>
    </row>
    <row r="55" spans="1:4" ht="18" customHeight="1" x14ac:dyDescent="0.2">
      <c r="A55" s="14">
        <v>41</v>
      </c>
      <c r="B55" s="15">
        <v>30</v>
      </c>
      <c r="C55" s="16">
        <v>26</v>
      </c>
      <c r="D55" s="17">
        <v>56</v>
      </c>
    </row>
    <row r="56" spans="1:4" ht="18" customHeight="1" x14ac:dyDescent="0.2">
      <c r="A56" s="14">
        <v>42</v>
      </c>
      <c r="B56" s="15">
        <v>25</v>
      </c>
      <c r="C56" s="16">
        <v>19</v>
      </c>
      <c r="D56" s="17">
        <v>44</v>
      </c>
    </row>
    <row r="57" spans="1:4" ht="18" customHeight="1" x14ac:dyDescent="0.2">
      <c r="A57" s="14">
        <v>43</v>
      </c>
      <c r="B57" s="15">
        <v>34</v>
      </c>
      <c r="C57" s="16">
        <v>20</v>
      </c>
      <c r="D57" s="17">
        <v>54</v>
      </c>
    </row>
    <row r="58" spans="1:4" ht="18" customHeight="1" x14ac:dyDescent="0.2">
      <c r="A58" s="14">
        <v>44</v>
      </c>
      <c r="B58" s="15">
        <v>29</v>
      </c>
      <c r="C58" s="16">
        <v>32</v>
      </c>
      <c r="D58" s="17">
        <v>61</v>
      </c>
    </row>
    <row r="59" spans="1:4" ht="18" customHeight="1" x14ac:dyDescent="0.2">
      <c r="A59" s="18" t="s">
        <v>57</v>
      </c>
      <c r="B59" s="15">
        <v>144</v>
      </c>
      <c r="C59" s="16">
        <v>124</v>
      </c>
      <c r="D59" s="17">
        <v>268</v>
      </c>
    </row>
    <row r="60" spans="1:4" ht="18" customHeight="1" x14ac:dyDescent="0.2">
      <c r="A60" s="14">
        <v>45</v>
      </c>
      <c r="B60" s="15">
        <v>38</v>
      </c>
      <c r="C60" s="16">
        <v>30</v>
      </c>
      <c r="D60" s="17">
        <v>68</v>
      </c>
    </row>
    <row r="61" spans="1:4" ht="18" customHeight="1" x14ac:dyDescent="0.2">
      <c r="A61" s="14">
        <v>46</v>
      </c>
      <c r="B61" s="15">
        <v>31</v>
      </c>
      <c r="C61" s="16">
        <v>26</v>
      </c>
      <c r="D61" s="17">
        <v>57</v>
      </c>
    </row>
    <row r="62" spans="1:4" ht="18" customHeight="1" x14ac:dyDescent="0.2">
      <c r="A62" s="14">
        <v>47</v>
      </c>
      <c r="B62" s="15">
        <v>35</v>
      </c>
      <c r="C62" s="16">
        <v>25</v>
      </c>
      <c r="D62" s="17">
        <v>60</v>
      </c>
    </row>
    <row r="63" spans="1:4" ht="18" customHeight="1" x14ac:dyDescent="0.2">
      <c r="A63" s="14">
        <v>48</v>
      </c>
      <c r="B63" s="15">
        <v>33</v>
      </c>
      <c r="C63" s="16">
        <v>21</v>
      </c>
      <c r="D63" s="17">
        <v>54</v>
      </c>
    </row>
    <row r="64" spans="1:4" ht="18" customHeight="1" x14ac:dyDescent="0.2">
      <c r="A64" s="14">
        <v>49</v>
      </c>
      <c r="B64" s="15">
        <v>21</v>
      </c>
      <c r="C64" s="16">
        <v>25</v>
      </c>
      <c r="D64" s="17">
        <v>46</v>
      </c>
    </row>
    <row r="65" spans="1:4" ht="18" customHeight="1" x14ac:dyDescent="0.2">
      <c r="A65" s="18" t="s">
        <v>58</v>
      </c>
      <c r="B65" s="15">
        <v>158</v>
      </c>
      <c r="C65" s="16">
        <v>127</v>
      </c>
      <c r="D65" s="17">
        <v>285</v>
      </c>
    </row>
    <row r="66" spans="1:4" ht="18" customHeight="1" x14ac:dyDescent="0.2">
      <c r="A66" s="14">
        <v>50</v>
      </c>
      <c r="B66" s="15">
        <v>30</v>
      </c>
      <c r="C66" s="16">
        <v>40</v>
      </c>
      <c r="D66" s="17">
        <v>70</v>
      </c>
    </row>
    <row r="67" spans="1:4" ht="18" customHeight="1" x14ac:dyDescent="0.2">
      <c r="A67" s="14">
        <v>51</v>
      </c>
      <c r="B67" s="15">
        <v>34</v>
      </c>
      <c r="C67" s="16">
        <v>30</v>
      </c>
      <c r="D67" s="17">
        <v>64</v>
      </c>
    </row>
    <row r="68" spans="1:4" ht="18" customHeight="1" x14ac:dyDescent="0.2">
      <c r="A68" s="14">
        <v>52</v>
      </c>
      <c r="B68" s="15">
        <v>26</v>
      </c>
      <c r="C68" s="16">
        <v>30</v>
      </c>
      <c r="D68" s="17">
        <v>56</v>
      </c>
    </row>
    <row r="69" spans="1:4" ht="18" customHeight="1" x14ac:dyDescent="0.2">
      <c r="A69" s="14">
        <v>53</v>
      </c>
      <c r="B69" s="15">
        <v>28</v>
      </c>
      <c r="C69" s="16">
        <v>20</v>
      </c>
      <c r="D69" s="17">
        <v>48</v>
      </c>
    </row>
    <row r="70" spans="1:4" ht="18" customHeight="1" x14ac:dyDescent="0.2">
      <c r="A70" s="14">
        <v>54</v>
      </c>
      <c r="B70" s="15">
        <v>26</v>
      </c>
      <c r="C70" s="16">
        <v>26</v>
      </c>
      <c r="D70" s="17">
        <v>52</v>
      </c>
    </row>
    <row r="71" spans="1:4" ht="18" customHeight="1" x14ac:dyDescent="0.2">
      <c r="A71" s="18" t="s">
        <v>59</v>
      </c>
      <c r="B71" s="15">
        <v>144</v>
      </c>
      <c r="C71" s="16">
        <v>146</v>
      </c>
      <c r="D71" s="17">
        <v>290</v>
      </c>
    </row>
    <row r="72" spans="1:4" ht="18" customHeight="1" x14ac:dyDescent="0.2">
      <c r="A72" s="14">
        <v>55</v>
      </c>
      <c r="B72" s="15">
        <v>39</v>
      </c>
      <c r="C72" s="16">
        <v>30</v>
      </c>
      <c r="D72" s="17">
        <v>69</v>
      </c>
    </row>
    <row r="73" spans="1:4" ht="18" customHeight="1" x14ac:dyDescent="0.2">
      <c r="A73" s="14">
        <v>56</v>
      </c>
      <c r="B73" s="15">
        <v>25</v>
      </c>
      <c r="C73" s="16">
        <v>26</v>
      </c>
      <c r="D73" s="17">
        <v>51</v>
      </c>
    </row>
    <row r="74" spans="1:4" ht="18" customHeight="1" x14ac:dyDescent="0.2">
      <c r="A74" s="14">
        <v>57</v>
      </c>
      <c r="B74" s="15">
        <v>24</v>
      </c>
      <c r="C74" s="16">
        <v>25</v>
      </c>
      <c r="D74" s="17">
        <v>49</v>
      </c>
    </row>
    <row r="75" spans="1:4" ht="18" customHeight="1" x14ac:dyDescent="0.2">
      <c r="A75" s="14">
        <v>58</v>
      </c>
      <c r="B75" s="15">
        <v>27</v>
      </c>
      <c r="C75" s="16">
        <v>21</v>
      </c>
      <c r="D75" s="17">
        <v>48</v>
      </c>
    </row>
    <row r="76" spans="1:4" ht="18" customHeight="1" x14ac:dyDescent="0.2">
      <c r="A76" s="14">
        <v>59</v>
      </c>
      <c r="B76" s="15">
        <v>27</v>
      </c>
      <c r="C76" s="16">
        <v>26</v>
      </c>
      <c r="D76" s="17">
        <v>53</v>
      </c>
    </row>
    <row r="77" spans="1:4" ht="18" customHeight="1" x14ac:dyDescent="0.2">
      <c r="A77" s="18" t="s">
        <v>60</v>
      </c>
      <c r="B77" s="15">
        <v>142</v>
      </c>
      <c r="C77" s="16">
        <v>128</v>
      </c>
      <c r="D77" s="17">
        <v>270</v>
      </c>
    </row>
    <row r="78" spans="1:4" ht="18" customHeight="1" x14ac:dyDescent="0.2">
      <c r="A78" s="14">
        <v>60</v>
      </c>
      <c r="B78" s="15">
        <v>25</v>
      </c>
      <c r="C78" s="16">
        <v>22</v>
      </c>
      <c r="D78" s="17">
        <v>47</v>
      </c>
    </row>
    <row r="79" spans="1:4" ht="18" customHeight="1" x14ac:dyDescent="0.2">
      <c r="A79" s="14">
        <v>61</v>
      </c>
      <c r="B79" s="15">
        <v>17</v>
      </c>
      <c r="C79" s="16">
        <v>25</v>
      </c>
      <c r="D79" s="17">
        <v>42</v>
      </c>
    </row>
    <row r="80" spans="1:4" ht="18" customHeight="1" x14ac:dyDescent="0.2">
      <c r="A80" s="14">
        <v>62</v>
      </c>
      <c r="B80" s="15">
        <v>21</v>
      </c>
      <c r="C80" s="16">
        <v>25</v>
      </c>
      <c r="D80" s="17">
        <v>46</v>
      </c>
    </row>
    <row r="81" spans="1:4" ht="18" customHeight="1" x14ac:dyDescent="0.2">
      <c r="A81" s="14">
        <v>63</v>
      </c>
      <c r="B81" s="15">
        <v>23</v>
      </c>
      <c r="C81" s="16">
        <v>28</v>
      </c>
      <c r="D81" s="17">
        <v>51</v>
      </c>
    </row>
    <row r="82" spans="1:4" ht="18" customHeight="1" x14ac:dyDescent="0.2">
      <c r="A82" s="14">
        <v>64</v>
      </c>
      <c r="B82" s="15">
        <v>29</v>
      </c>
      <c r="C82" s="16">
        <v>20</v>
      </c>
      <c r="D82" s="17">
        <v>49</v>
      </c>
    </row>
    <row r="83" spans="1:4" ht="18" customHeight="1" x14ac:dyDescent="0.2">
      <c r="A83" s="18" t="s">
        <v>61</v>
      </c>
      <c r="B83" s="15">
        <v>115</v>
      </c>
      <c r="C83" s="16">
        <v>120</v>
      </c>
      <c r="D83" s="17">
        <v>235</v>
      </c>
    </row>
    <row r="84" spans="1:4" ht="18" customHeight="1" x14ac:dyDescent="0.2">
      <c r="A84" s="18" t="s">
        <v>62</v>
      </c>
      <c r="B84" s="15">
        <v>1198</v>
      </c>
      <c r="C84" s="16">
        <v>1117</v>
      </c>
      <c r="D84" s="17">
        <v>2315</v>
      </c>
    </row>
    <row r="85" spans="1:4" ht="18" customHeight="1" x14ac:dyDescent="0.2">
      <c r="A85" s="14">
        <v>65</v>
      </c>
      <c r="B85" s="15">
        <v>29</v>
      </c>
      <c r="C85" s="16">
        <v>30</v>
      </c>
      <c r="D85" s="17">
        <v>59</v>
      </c>
    </row>
    <row r="86" spans="1:4" ht="18" customHeight="1" x14ac:dyDescent="0.2">
      <c r="A86" s="14">
        <v>66</v>
      </c>
      <c r="B86" s="15">
        <v>30</v>
      </c>
      <c r="C86" s="16">
        <v>37</v>
      </c>
      <c r="D86" s="17">
        <v>67</v>
      </c>
    </row>
    <row r="87" spans="1:4" ht="18" customHeight="1" x14ac:dyDescent="0.2">
      <c r="A87" s="14">
        <v>67</v>
      </c>
      <c r="B87" s="15">
        <v>35</v>
      </c>
      <c r="C87" s="16">
        <v>33</v>
      </c>
      <c r="D87" s="17">
        <v>68</v>
      </c>
    </row>
    <row r="88" spans="1:4" ht="18" customHeight="1" x14ac:dyDescent="0.2">
      <c r="A88" s="14">
        <v>68</v>
      </c>
      <c r="B88" s="15">
        <v>34</v>
      </c>
      <c r="C88" s="16">
        <v>31</v>
      </c>
      <c r="D88" s="17">
        <v>65</v>
      </c>
    </row>
    <row r="89" spans="1:4" ht="18" customHeight="1" x14ac:dyDescent="0.2">
      <c r="A89" s="14">
        <v>69</v>
      </c>
      <c r="B89" s="15">
        <v>32</v>
      </c>
      <c r="C89" s="16">
        <v>37</v>
      </c>
      <c r="D89" s="17">
        <v>69</v>
      </c>
    </row>
    <row r="90" spans="1:4" ht="18" customHeight="1" x14ac:dyDescent="0.2">
      <c r="A90" s="18" t="s">
        <v>63</v>
      </c>
      <c r="B90" s="15">
        <v>160</v>
      </c>
      <c r="C90" s="16">
        <v>168</v>
      </c>
      <c r="D90" s="17">
        <v>328</v>
      </c>
    </row>
    <row r="91" spans="1:4" ht="18" customHeight="1" x14ac:dyDescent="0.2">
      <c r="A91" s="14">
        <v>70</v>
      </c>
      <c r="B91" s="15">
        <v>43</v>
      </c>
      <c r="C91" s="16">
        <v>43</v>
      </c>
      <c r="D91" s="17">
        <v>86</v>
      </c>
    </row>
    <row r="92" spans="1:4" ht="18" customHeight="1" x14ac:dyDescent="0.2">
      <c r="A92" s="14">
        <v>71</v>
      </c>
      <c r="B92" s="15">
        <v>39</v>
      </c>
      <c r="C92" s="16">
        <v>55</v>
      </c>
      <c r="D92" s="17">
        <v>94</v>
      </c>
    </row>
    <row r="93" spans="1:4" ht="18" customHeight="1" x14ac:dyDescent="0.2">
      <c r="A93" s="14">
        <v>72</v>
      </c>
      <c r="B93" s="15">
        <v>44</v>
      </c>
      <c r="C93" s="16">
        <v>52</v>
      </c>
      <c r="D93" s="17">
        <v>96</v>
      </c>
    </row>
    <row r="94" spans="1:4" ht="18" customHeight="1" x14ac:dyDescent="0.2">
      <c r="A94" s="14">
        <v>73</v>
      </c>
      <c r="B94" s="15">
        <v>19</v>
      </c>
      <c r="C94" s="16">
        <v>22</v>
      </c>
      <c r="D94" s="17">
        <v>41</v>
      </c>
    </row>
    <row r="95" spans="1:4" ht="18" customHeight="1" x14ac:dyDescent="0.2">
      <c r="A95" s="14">
        <v>74</v>
      </c>
      <c r="B95" s="15">
        <v>16</v>
      </c>
      <c r="C95" s="16">
        <v>30</v>
      </c>
      <c r="D95" s="17">
        <v>46</v>
      </c>
    </row>
    <row r="96" spans="1:4" ht="18" customHeight="1" x14ac:dyDescent="0.2">
      <c r="A96" s="18" t="s">
        <v>64</v>
      </c>
      <c r="B96" s="15">
        <v>161</v>
      </c>
      <c r="C96" s="16">
        <v>202</v>
      </c>
      <c r="D96" s="17">
        <v>363</v>
      </c>
    </row>
    <row r="97" spans="1:4" ht="18" customHeight="1" x14ac:dyDescent="0.2">
      <c r="A97" s="14">
        <v>75</v>
      </c>
      <c r="B97" s="15">
        <v>15</v>
      </c>
      <c r="C97" s="16">
        <v>41</v>
      </c>
      <c r="D97" s="17">
        <v>56</v>
      </c>
    </row>
    <row r="98" spans="1:4" ht="18" customHeight="1" x14ac:dyDescent="0.2">
      <c r="A98" s="14">
        <v>76</v>
      </c>
      <c r="B98" s="15">
        <v>30</v>
      </c>
      <c r="C98" s="16">
        <v>38</v>
      </c>
      <c r="D98" s="17">
        <v>68</v>
      </c>
    </row>
    <row r="99" spans="1:4" ht="18" customHeight="1" x14ac:dyDescent="0.2">
      <c r="A99" s="14">
        <v>77</v>
      </c>
      <c r="B99" s="15">
        <v>29</v>
      </c>
      <c r="C99" s="16">
        <v>26</v>
      </c>
      <c r="D99" s="17">
        <v>55</v>
      </c>
    </row>
    <row r="100" spans="1:4" ht="18" customHeight="1" x14ac:dyDescent="0.2">
      <c r="A100" s="14">
        <v>78</v>
      </c>
      <c r="B100" s="15">
        <v>31</v>
      </c>
      <c r="C100" s="16">
        <v>36</v>
      </c>
      <c r="D100" s="17">
        <v>67</v>
      </c>
    </row>
    <row r="101" spans="1:4" ht="18" customHeight="1" x14ac:dyDescent="0.2">
      <c r="A101" s="14">
        <v>79</v>
      </c>
      <c r="B101" s="15">
        <v>21</v>
      </c>
      <c r="C101" s="16">
        <v>27</v>
      </c>
      <c r="D101" s="17">
        <v>48</v>
      </c>
    </row>
    <row r="102" spans="1:4" ht="18" customHeight="1" x14ac:dyDescent="0.2">
      <c r="A102" s="18" t="s">
        <v>65</v>
      </c>
      <c r="B102" s="15">
        <v>126</v>
      </c>
      <c r="C102" s="16">
        <v>168</v>
      </c>
      <c r="D102" s="17">
        <v>294</v>
      </c>
    </row>
    <row r="103" spans="1:4" ht="18" customHeight="1" x14ac:dyDescent="0.2">
      <c r="A103" s="14">
        <v>80</v>
      </c>
      <c r="B103" s="15">
        <v>13</v>
      </c>
      <c r="C103" s="16">
        <v>25</v>
      </c>
      <c r="D103" s="17">
        <v>38</v>
      </c>
    </row>
    <row r="104" spans="1:4" ht="18" customHeight="1" x14ac:dyDescent="0.2">
      <c r="A104" s="14">
        <v>81</v>
      </c>
      <c r="B104" s="15">
        <v>17</v>
      </c>
      <c r="C104" s="16">
        <v>20</v>
      </c>
      <c r="D104" s="17">
        <v>37</v>
      </c>
    </row>
    <row r="105" spans="1:4" ht="18" customHeight="1" x14ac:dyDescent="0.2">
      <c r="A105" s="14">
        <v>82</v>
      </c>
      <c r="B105" s="15">
        <v>30</v>
      </c>
      <c r="C105" s="16">
        <v>17</v>
      </c>
      <c r="D105" s="17">
        <v>47</v>
      </c>
    </row>
    <row r="106" spans="1:4" ht="18" customHeight="1" x14ac:dyDescent="0.2">
      <c r="A106" s="14">
        <v>83</v>
      </c>
      <c r="B106" s="15">
        <v>10</v>
      </c>
      <c r="C106" s="16">
        <v>23</v>
      </c>
      <c r="D106" s="17">
        <v>33</v>
      </c>
    </row>
    <row r="107" spans="1:4" ht="18" customHeight="1" x14ac:dyDescent="0.2">
      <c r="A107" s="14">
        <v>84</v>
      </c>
      <c r="B107" s="15">
        <v>14</v>
      </c>
      <c r="C107" s="16">
        <v>10</v>
      </c>
      <c r="D107" s="17">
        <v>24</v>
      </c>
    </row>
    <row r="108" spans="1:4" ht="18" customHeight="1" x14ac:dyDescent="0.2">
      <c r="A108" s="18" t="s">
        <v>66</v>
      </c>
      <c r="B108" s="15">
        <v>84</v>
      </c>
      <c r="C108" s="16">
        <v>95</v>
      </c>
      <c r="D108" s="17">
        <v>179</v>
      </c>
    </row>
    <row r="109" spans="1:4" ht="18" customHeight="1" x14ac:dyDescent="0.2">
      <c r="A109" s="14">
        <v>85</v>
      </c>
      <c r="B109" s="15">
        <v>13</v>
      </c>
      <c r="C109" s="16">
        <v>13</v>
      </c>
      <c r="D109" s="17">
        <v>26</v>
      </c>
    </row>
    <row r="110" spans="1:4" ht="18" customHeight="1" x14ac:dyDescent="0.2">
      <c r="A110" s="14">
        <v>86</v>
      </c>
      <c r="B110" s="15">
        <v>7</v>
      </c>
      <c r="C110" s="16">
        <v>22</v>
      </c>
      <c r="D110" s="17">
        <v>29</v>
      </c>
    </row>
    <row r="111" spans="1:4" ht="18" customHeight="1" x14ac:dyDescent="0.2">
      <c r="A111" s="14">
        <v>87</v>
      </c>
      <c r="B111" s="15">
        <v>5</v>
      </c>
      <c r="C111" s="16">
        <v>20</v>
      </c>
      <c r="D111" s="17">
        <v>25</v>
      </c>
    </row>
    <row r="112" spans="1:4" ht="18" customHeight="1" x14ac:dyDescent="0.2">
      <c r="A112" s="14">
        <v>88</v>
      </c>
      <c r="B112" s="15">
        <v>8</v>
      </c>
      <c r="C112" s="16">
        <v>10</v>
      </c>
      <c r="D112" s="17">
        <v>18</v>
      </c>
    </row>
    <row r="113" spans="1:4" ht="18" customHeight="1" x14ac:dyDescent="0.2">
      <c r="A113" s="14">
        <v>89</v>
      </c>
      <c r="B113" s="15">
        <v>6</v>
      </c>
      <c r="C113" s="16">
        <v>11</v>
      </c>
      <c r="D113" s="17">
        <v>17</v>
      </c>
    </row>
    <row r="114" spans="1:4" ht="18" customHeight="1" x14ac:dyDescent="0.2">
      <c r="A114" s="18" t="s">
        <v>67</v>
      </c>
      <c r="B114" s="15">
        <v>39</v>
      </c>
      <c r="C114" s="16">
        <v>76</v>
      </c>
      <c r="D114" s="17">
        <v>115</v>
      </c>
    </row>
    <row r="115" spans="1:4" ht="18" customHeight="1" x14ac:dyDescent="0.2">
      <c r="A115" s="14">
        <v>90</v>
      </c>
      <c r="B115" s="15">
        <v>5</v>
      </c>
      <c r="C115" s="16">
        <v>12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10</v>
      </c>
      <c r="D116" s="17">
        <v>13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15</v>
      </c>
      <c r="C120" s="16">
        <v>43</v>
      </c>
      <c r="D120" s="17">
        <v>58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587</v>
      </c>
      <c r="C130" s="5">
        <v>764</v>
      </c>
      <c r="D130" s="6">
        <v>1351</v>
      </c>
    </row>
    <row r="131" spans="1:4" ht="18" customHeight="1" x14ac:dyDescent="0.2">
      <c r="A131" s="20" t="s">
        <v>47</v>
      </c>
      <c r="B131" s="7">
        <v>1990</v>
      </c>
      <c r="C131" s="8">
        <v>2083</v>
      </c>
      <c r="D131" s="9">
        <v>40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6</v>
      </c>
      <c r="D5" s="13">
        <v>8</v>
      </c>
    </row>
    <row r="6" spans="1:4" ht="18" customHeight="1" x14ac:dyDescent="0.2">
      <c r="A6" s="14">
        <v>1</v>
      </c>
      <c r="B6" s="15">
        <v>8</v>
      </c>
      <c r="C6" s="16">
        <v>5</v>
      </c>
      <c r="D6" s="17">
        <v>13</v>
      </c>
    </row>
    <row r="7" spans="1:4" ht="18" customHeight="1" x14ac:dyDescent="0.2">
      <c r="A7" s="14">
        <v>2</v>
      </c>
      <c r="B7" s="15">
        <v>6</v>
      </c>
      <c r="C7" s="16">
        <v>2</v>
      </c>
      <c r="D7" s="17">
        <v>8</v>
      </c>
    </row>
    <row r="8" spans="1:4" ht="18" customHeight="1" x14ac:dyDescent="0.2">
      <c r="A8" s="14">
        <v>3</v>
      </c>
      <c r="B8" s="15">
        <v>4</v>
      </c>
      <c r="C8" s="16">
        <v>7</v>
      </c>
      <c r="D8" s="17">
        <v>11</v>
      </c>
    </row>
    <row r="9" spans="1:4" ht="18" customHeight="1" x14ac:dyDescent="0.2">
      <c r="A9" s="14">
        <v>4</v>
      </c>
      <c r="B9" s="15">
        <v>3</v>
      </c>
      <c r="C9" s="16">
        <v>6</v>
      </c>
      <c r="D9" s="17">
        <v>9</v>
      </c>
    </row>
    <row r="10" spans="1:4" ht="18" customHeight="1" x14ac:dyDescent="0.2">
      <c r="A10" s="18" t="s">
        <v>48</v>
      </c>
      <c r="B10" s="15">
        <v>23</v>
      </c>
      <c r="C10" s="16">
        <v>26</v>
      </c>
      <c r="D10" s="17">
        <v>49</v>
      </c>
    </row>
    <row r="11" spans="1:4" ht="18" customHeight="1" x14ac:dyDescent="0.2">
      <c r="A11" s="14">
        <v>5</v>
      </c>
      <c r="B11" s="15">
        <v>11</v>
      </c>
      <c r="C11" s="16">
        <v>5</v>
      </c>
      <c r="D11" s="17">
        <v>16</v>
      </c>
    </row>
    <row r="12" spans="1:4" ht="18" customHeight="1" x14ac:dyDescent="0.2">
      <c r="A12" s="14">
        <v>6</v>
      </c>
      <c r="B12" s="15">
        <v>7</v>
      </c>
      <c r="C12" s="16">
        <v>8</v>
      </c>
      <c r="D12" s="17">
        <v>15</v>
      </c>
    </row>
    <row r="13" spans="1:4" ht="18" customHeight="1" x14ac:dyDescent="0.2">
      <c r="A13" s="14">
        <v>7</v>
      </c>
      <c r="B13" s="15">
        <v>9</v>
      </c>
      <c r="C13" s="16">
        <v>5</v>
      </c>
      <c r="D13" s="17">
        <v>14</v>
      </c>
    </row>
    <row r="14" spans="1:4" ht="18" customHeight="1" x14ac:dyDescent="0.2">
      <c r="A14" s="14">
        <v>8</v>
      </c>
      <c r="B14" s="15">
        <v>7</v>
      </c>
      <c r="C14" s="16">
        <v>7</v>
      </c>
      <c r="D14" s="17">
        <v>14</v>
      </c>
    </row>
    <row r="15" spans="1:4" ht="18" customHeight="1" x14ac:dyDescent="0.2">
      <c r="A15" s="14">
        <v>9</v>
      </c>
      <c r="B15" s="15">
        <v>10</v>
      </c>
      <c r="C15" s="16">
        <v>11</v>
      </c>
      <c r="D15" s="17">
        <v>21</v>
      </c>
    </row>
    <row r="16" spans="1:4" ht="18" customHeight="1" x14ac:dyDescent="0.2">
      <c r="A16" s="18" t="s">
        <v>49</v>
      </c>
      <c r="B16" s="15">
        <v>44</v>
      </c>
      <c r="C16" s="16">
        <v>36</v>
      </c>
      <c r="D16" s="17">
        <v>80</v>
      </c>
    </row>
    <row r="17" spans="1:4" ht="18" customHeight="1" x14ac:dyDescent="0.2">
      <c r="A17" s="14">
        <v>10</v>
      </c>
      <c r="B17" s="15">
        <v>5</v>
      </c>
      <c r="C17" s="16">
        <v>8</v>
      </c>
      <c r="D17" s="17">
        <v>13</v>
      </c>
    </row>
    <row r="18" spans="1:4" ht="18" customHeight="1" x14ac:dyDescent="0.2">
      <c r="A18" s="14">
        <v>11</v>
      </c>
      <c r="B18" s="15">
        <v>7</v>
      </c>
      <c r="C18" s="16">
        <v>8</v>
      </c>
      <c r="D18" s="17">
        <v>15</v>
      </c>
    </row>
    <row r="19" spans="1:4" ht="18" customHeight="1" x14ac:dyDescent="0.2">
      <c r="A19" s="14">
        <v>12</v>
      </c>
      <c r="B19" s="15">
        <v>8</v>
      </c>
      <c r="C19" s="16">
        <v>6</v>
      </c>
      <c r="D19" s="17">
        <v>14</v>
      </c>
    </row>
    <row r="20" spans="1:4" ht="18" customHeight="1" x14ac:dyDescent="0.2">
      <c r="A20" s="14">
        <v>13</v>
      </c>
      <c r="B20" s="15">
        <v>6</v>
      </c>
      <c r="C20" s="16">
        <v>7</v>
      </c>
      <c r="D20" s="17">
        <v>13</v>
      </c>
    </row>
    <row r="21" spans="1:4" ht="18" customHeight="1" x14ac:dyDescent="0.2">
      <c r="A21" s="14">
        <v>14</v>
      </c>
      <c r="B21" s="15">
        <v>8</v>
      </c>
      <c r="C21" s="16">
        <v>5</v>
      </c>
      <c r="D21" s="17">
        <v>13</v>
      </c>
    </row>
    <row r="22" spans="1:4" ht="18" customHeight="1" x14ac:dyDescent="0.2">
      <c r="A22" s="18" t="s">
        <v>50</v>
      </c>
      <c r="B22" s="15">
        <v>34</v>
      </c>
      <c r="C22" s="16">
        <v>34</v>
      </c>
      <c r="D22" s="17">
        <v>68</v>
      </c>
    </row>
    <row r="23" spans="1:4" ht="18" customHeight="1" x14ac:dyDescent="0.2">
      <c r="A23" s="18" t="s">
        <v>51</v>
      </c>
      <c r="B23" s="15">
        <v>101</v>
      </c>
      <c r="C23" s="16">
        <v>96</v>
      </c>
      <c r="D23" s="17">
        <v>197</v>
      </c>
    </row>
    <row r="24" spans="1:4" ht="18" customHeight="1" x14ac:dyDescent="0.2">
      <c r="A24" s="14">
        <v>15</v>
      </c>
      <c r="B24" s="15">
        <v>10</v>
      </c>
      <c r="C24" s="16">
        <v>8</v>
      </c>
      <c r="D24" s="17">
        <v>18</v>
      </c>
    </row>
    <row r="25" spans="1:4" ht="18" customHeight="1" x14ac:dyDescent="0.2">
      <c r="A25" s="14">
        <v>16</v>
      </c>
      <c r="B25" s="15">
        <v>8</v>
      </c>
      <c r="C25" s="16">
        <v>8</v>
      </c>
      <c r="D25" s="17">
        <v>16</v>
      </c>
    </row>
    <row r="26" spans="1:4" ht="18" customHeight="1" x14ac:dyDescent="0.2">
      <c r="A26" s="14">
        <v>17</v>
      </c>
      <c r="B26" s="15">
        <v>9</v>
      </c>
      <c r="C26" s="16">
        <v>4</v>
      </c>
      <c r="D26" s="17">
        <v>13</v>
      </c>
    </row>
    <row r="27" spans="1:4" ht="18" customHeight="1" x14ac:dyDescent="0.2">
      <c r="A27" s="14">
        <v>18</v>
      </c>
      <c r="B27" s="15">
        <v>6</v>
      </c>
      <c r="C27" s="16">
        <v>8</v>
      </c>
      <c r="D27" s="17">
        <v>14</v>
      </c>
    </row>
    <row r="28" spans="1:4" ht="18" customHeight="1" x14ac:dyDescent="0.2">
      <c r="A28" s="14">
        <v>19</v>
      </c>
      <c r="B28" s="15">
        <v>9</v>
      </c>
      <c r="C28" s="16">
        <v>6</v>
      </c>
      <c r="D28" s="17">
        <v>15</v>
      </c>
    </row>
    <row r="29" spans="1:4" ht="18" customHeight="1" x14ac:dyDescent="0.2">
      <c r="A29" s="18" t="s">
        <v>52</v>
      </c>
      <c r="B29" s="15">
        <v>42</v>
      </c>
      <c r="C29" s="16">
        <v>34</v>
      </c>
      <c r="D29" s="17">
        <v>76</v>
      </c>
    </row>
    <row r="30" spans="1:4" ht="18" customHeight="1" x14ac:dyDescent="0.2">
      <c r="A30" s="14">
        <v>20</v>
      </c>
      <c r="B30" s="15">
        <v>13</v>
      </c>
      <c r="C30" s="16">
        <v>11</v>
      </c>
      <c r="D30" s="17">
        <v>24</v>
      </c>
    </row>
    <row r="31" spans="1:4" ht="18" customHeight="1" x14ac:dyDescent="0.2">
      <c r="A31" s="14">
        <v>21</v>
      </c>
      <c r="B31" s="15">
        <v>10</v>
      </c>
      <c r="C31" s="16">
        <v>6</v>
      </c>
      <c r="D31" s="17">
        <v>16</v>
      </c>
    </row>
    <row r="32" spans="1:4" ht="18" customHeight="1" x14ac:dyDescent="0.2">
      <c r="A32" s="14">
        <v>22</v>
      </c>
      <c r="B32" s="15">
        <v>8</v>
      </c>
      <c r="C32" s="16">
        <v>7</v>
      </c>
      <c r="D32" s="17">
        <v>15</v>
      </c>
    </row>
    <row r="33" spans="1:4" ht="18" customHeight="1" x14ac:dyDescent="0.2">
      <c r="A33" s="14">
        <v>23</v>
      </c>
      <c r="B33" s="15">
        <v>8</v>
      </c>
      <c r="C33" s="16">
        <v>9</v>
      </c>
      <c r="D33" s="17">
        <v>17</v>
      </c>
    </row>
    <row r="34" spans="1:4" ht="18" customHeight="1" x14ac:dyDescent="0.2">
      <c r="A34" s="14">
        <v>24</v>
      </c>
      <c r="B34" s="15">
        <v>7</v>
      </c>
      <c r="C34" s="16">
        <v>5</v>
      </c>
      <c r="D34" s="17">
        <v>12</v>
      </c>
    </row>
    <row r="35" spans="1:4" ht="18" customHeight="1" x14ac:dyDescent="0.2">
      <c r="A35" s="18" t="s">
        <v>53</v>
      </c>
      <c r="B35" s="15">
        <v>46</v>
      </c>
      <c r="C35" s="16">
        <v>38</v>
      </c>
      <c r="D35" s="17">
        <v>84</v>
      </c>
    </row>
    <row r="36" spans="1:4" ht="18" customHeight="1" x14ac:dyDescent="0.2">
      <c r="A36" s="14">
        <v>25</v>
      </c>
      <c r="B36" s="15">
        <v>9</v>
      </c>
      <c r="C36" s="16">
        <v>6</v>
      </c>
      <c r="D36" s="17">
        <v>15</v>
      </c>
    </row>
    <row r="37" spans="1:4" ht="18" customHeight="1" x14ac:dyDescent="0.2">
      <c r="A37" s="14">
        <v>26</v>
      </c>
      <c r="B37" s="15">
        <v>10</v>
      </c>
      <c r="C37" s="16">
        <v>2</v>
      </c>
      <c r="D37" s="17">
        <v>12</v>
      </c>
    </row>
    <row r="38" spans="1:4" ht="18" customHeight="1" x14ac:dyDescent="0.2">
      <c r="A38" s="14">
        <v>27</v>
      </c>
      <c r="B38" s="15">
        <v>9</v>
      </c>
      <c r="C38" s="16">
        <v>5</v>
      </c>
      <c r="D38" s="17">
        <v>14</v>
      </c>
    </row>
    <row r="39" spans="1:4" ht="18" customHeight="1" x14ac:dyDescent="0.2">
      <c r="A39" s="14">
        <v>28</v>
      </c>
      <c r="B39" s="15">
        <v>8</v>
      </c>
      <c r="C39" s="16">
        <v>3</v>
      </c>
      <c r="D39" s="17">
        <v>11</v>
      </c>
    </row>
    <row r="40" spans="1:4" ht="18" customHeight="1" x14ac:dyDescent="0.2">
      <c r="A40" s="14">
        <v>29</v>
      </c>
      <c r="B40" s="15">
        <v>9</v>
      </c>
      <c r="C40" s="16">
        <v>5</v>
      </c>
      <c r="D40" s="17">
        <v>14</v>
      </c>
    </row>
    <row r="41" spans="1:4" ht="18" customHeight="1" x14ac:dyDescent="0.2">
      <c r="A41" s="18" t="s">
        <v>54</v>
      </c>
      <c r="B41" s="15">
        <v>45</v>
      </c>
      <c r="C41" s="16">
        <v>21</v>
      </c>
      <c r="D41" s="17">
        <v>66</v>
      </c>
    </row>
    <row r="42" spans="1:4" ht="18" customHeight="1" x14ac:dyDescent="0.2">
      <c r="A42" s="14">
        <v>30</v>
      </c>
      <c r="B42" s="15">
        <v>9</v>
      </c>
      <c r="C42" s="16">
        <v>4</v>
      </c>
      <c r="D42" s="17">
        <v>13</v>
      </c>
    </row>
    <row r="43" spans="1:4" ht="18" customHeight="1" x14ac:dyDescent="0.2">
      <c r="A43" s="14">
        <v>31</v>
      </c>
      <c r="B43" s="15">
        <v>10</v>
      </c>
      <c r="C43" s="16">
        <v>6</v>
      </c>
      <c r="D43" s="17">
        <v>16</v>
      </c>
    </row>
    <row r="44" spans="1:4" ht="18" customHeight="1" x14ac:dyDescent="0.2">
      <c r="A44" s="14">
        <v>32</v>
      </c>
      <c r="B44" s="15">
        <v>5</v>
      </c>
      <c r="C44" s="16">
        <v>10</v>
      </c>
      <c r="D44" s="17">
        <v>15</v>
      </c>
    </row>
    <row r="45" spans="1:4" ht="18" customHeight="1" x14ac:dyDescent="0.2">
      <c r="A45" s="14">
        <v>33</v>
      </c>
      <c r="B45" s="15">
        <v>11</v>
      </c>
      <c r="C45" s="16">
        <v>9</v>
      </c>
      <c r="D45" s="17">
        <v>20</v>
      </c>
    </row>
    <row r="46" spans="1:4" ht="18" customHeight="1" x14ac:dyDescent="0.2">
      <c r="A46" s="14">
        <v>34</v>
      </c>
      <c r="B46" s="15">
        <v>9</v>
      </c>
      <c r="C46" s="16">
        <v>3</v>
      </c>
      <c r="D46" s="17">
        <v>12</v>
      </c>
    </row>
    <row r="47" spans="1:4" ht="18" customHeight="1" x14ac:dyDescent="0.2">
      <c r="A47" s="18" t="s">
        <v>55</v>
      </c>
      <c r="B47" s="15">
        <v>44</v>
      </c>
      <c r="C47" s="16">
        <v>32</v>
      </c>
      <c r="D47" s="17">
        <v>76</v>
      </c>
    </row>
    <row r="48" spans="1:4" ht="18" customHeight="1" x14ac:dyDescent="0.2">
      <c r="A48" s="14">
        <v>35</v>
      </c>
      <c r="B48" s="15">
        <v>12</v>
      </c>
      <c r="C48" s="16">
        <v>9</v>
      </c>
      <c r="D48" s="17">
        <v>21</v>
      </c>
    </row>
    <row r="49" spans="1:4" ht="18" customHeight="1" x14ac:dyDescent="0.2">
      <c r="A49" s="14">
        <v>36</v>
      </c>
      <c r="B49" s="15">
        <v>12</v>
      </c>
      <c r="C49" s="16">
        <v>6</v>
      </c>
      <c r="D49" s="17">
        <v>18</v>
      </c>
    </row>
    <row r="50" spans="1:4" ht="18" customHeight="1" x14ac:dyDescent="0.2">
      <c r="A50" s="14">
        <v>37</v>
      </c>
      <c r="B50" s="15">
        <v>10</v>
      </c>
      <c r="C50" s="16">
        <v>6</v>
      </c>
      <c r="D50" s="17">
        <v>16</v>
      </c>
    </row>
    <row r="51" spans="1:4" ht="18" customHeight="1" x14ac:dyDescent="0.2">
      <c r="A51" s="14">
        <v>38</v>
      </c>
      <c r="B51" s="15">
        <v>9</v>
      </c>
      <c r="C51" s="16">
        <v>9</v>
      </c>
      <c r="D51" s="17">
        <v>18</v>
      </c>
    </row>
    <row r="52" spans="1:4" ht="18" customHeight="1" x14ac:dyDescent="0.2">
      <c r="A52" s="14">
        <v>39</v>
      </c>
      <c r="B52" s="15">
        <v>12</v>
      </c>
      <c r="C52" s="16">
        <v>14</v>
      </c>
      <c r="D52" s="17">
        <v>26</v>
      </c>
    </row>
    <row r="53" spans="1:4" ht="18" customHeight="1" x14ac:dyDescent="0.2">
      <c r="A53" s="18" t="s">
        <v>56</v>
      </c>
      <c r="B53" s="15">
        <v>55</v>
      </c>
      <c r="C53" s="16">
        <v>44</v>
      </c>
      <c r="D53" s="17">
        <v>99</v>
      </c>
    </row>
    <row r="54" spans="1:4" ht="18" customHeight="1" x14ac:dyDescent="0.2">
      <c r="A54" s="14">
        <v>40</v>
      </c>
      <c r="B54" s="15">
        <v>6</v>
      </c>
      <c r="C54" s="16">
        <v>8</v>
      </c>
      <c r="D54" s="17">
        <v>14</v>
      </c>
    </row>
    <row r="55" spans="1:4" ht="18" customHeight="1" x14ac:dyDescent="0.2">
      <c r="A55" s="14">
        <v>41</v>
      </c>
      <c r="B55" s="15">
        <v>13</v>
      </c>
      <c r="C55" s="16">
        <v>8</v>
      </c>
      <c r="D55" s="17">
        <v>21</v>
      </c>
    </row>
    <row r="56" spans="1:4" ht="18" customHeight="1" x14ac:dyDescent="0.2">
      <c r="A56" s="14">
        <v>42</v>
      </c>
      <c r="B56" s="15">
        <v>16</v>
      </c>
      <c r="C56" s="16">
        <v>8</v>
      </c>
      <c r="D56" s="17">
        <v>24</v>
      </c>
    </row>
    <row r="57" spans="1:4" ht="18" customHeight="1" x14ac:dyDescent="0.2">
      <c r="A57" s="14">
        <v>43</v>
      </c>
      <c r="B57" s="15">
        <v>10</v>
      </c>
      <c r="C57" s="16">
        <v>20</v>
      </c>
      <c r="D57" s="17">
        <v>30</v>
      </c>
    </row>
    <row r="58" spans="1:4" ht="18" customHeight="1" x14ac:dyDescent="0.2">
      <c r="A58" s="14">
        <v>44</v>
      </c>
      <c r="B58" s="15">
        <v>11</v>
      </c>
      <c r="C58" s="16">
        <v>8</v>
      </c>
      <c r="D58" s="17">
        <v>19</v>
      </c>
    </row>
    <row r="59" spans="1:4" ht="18" customHeight="1" x14ac:dyDescent="0.2">
      <c r="A59" s="18" t="s">
        <v>57</v>
      </c>
      <c r="B59" s="15">
        <v>56</v>
      </c>
      <c r="C59" s="16">
        <v>52</v>
      </c>
      <c r="D59" s="17">
        <v>108</v>
      </c>
    </row>
    <row r="60" spans="1:4" ht="18" customHeight="1" x14ac:dyDescent="0.2">
      <c r="A60" s="14">
        <v>45</v>
      </c>
      <c r="B60" s="15">
        <v>10</v>
      </c>
      <c r="C60" s="16">
        <v>11</v>
      </c>
      <c r="D60" s="17">
        <v>21</v>
      </c>
    </row>
    <row r="61" spans="1:4" ht="18" customHeight="1" x14ac:dyDescent="0.2">
      <c r="A61" s="14">
        <v>46</v>
      </c>
      <c r="B61" s="15">
        <v>15</v>
      </c>
      <c r="C61" s="16">
        <v>11</v>
      </c>
      <c r="D61" s="17">
        <v>26</v>
      </c>
    </row>
    <row r="62" spans="1:4" ht="18" customHeight="1" x14ac:dyDescent="0.2">
      <c r="A62" s="14">
        <v>47</v>
      </c>
      <c r="B62" s="15">
        <v>14</v>
      </c>
      <c r="C62" s="16">
        <v>13</v>
      </c>
      <c r="D62" s="17">
        <v>27</v>
      </c>
    </row>
    <row r="63" spans="1:4" ht="18" customHeight="1" x14ac:dyDescent="0.2">
      <c r="A63" s="14">
        <v>48</v>
      </c>
      <c r="B63" s="15">
        <v>13</v>
      </c>
      <c r="C63" s="16">
        <v>13</v>
      </c>
      <c r="D63" s="17">
        <v>26</v>
      </c>
    </row>
    <row r="64" spans="1:4" ht="18" customHeight="1" x14ac:dyDescent="0.2">
      <c r="A64" s="14">
        <v>49</v>
      </c>
      <c r="B64" s="15">
        <v>10</v>
      </c>
      <c r="C64" s="16">
        <v>9</v>
      </c>
      <c r="D64" s="17">
        <v>19</v>
      </c>
    </row>
    <row r="65" spans="1:4" ht="18" customHeight="1" x14ac:dyDescent="0.2">
      <c r="A65" s="18" t="s">
        <v>58</v>
      </c>
      <c r="B65" s="15">
        <v>62</v>
      </c>
      <c r="C65" s="16">
        <v>57</v>
      </c>
      <c r="D65" s="17">
        <v>119</v>
      </c>
    </row>
    <row r="66" spans="1:4" ht="18" customHeight="1" x14ac:dyDescent="0.2">
      <c r="A66" s="14">
        <v>50</v>
      </c>
      <c r="B66" s="15">
        <v>10</v>
      </c>
      <c r="C66" s="16">
        <v>9</v>
      </c>
      <c r="D66" s="17">
        <v>19</v>
      </c>
    </row>
    <row r="67" spans="1:4" ht="18" customHeight="1" x14ac:dyDescent="0.2">
      <c r="A67" s="14">
        <v>51</v>
      </c>
      <c r="B67" s="15">
        <v>9</v>
      </c>
      <c r="C67" s="16">
        <v>10</v>
      </c>
      <c r="D67" s="17">
        <v>19</v>
      </c>
    </row>
    <row r="68" spans="1:4" ht="18" customHeight="1" x14ac:dyDescent="0.2">
      <c r="A68" s="14">
        <v>52</v>
      </c>
      <c r="B68" s="15">
        <v>17</v>
      </c>
      <c r="C68" s="16">
        <v>14</v>
      </c>
      <c r="D68" s="17">
        <v>31</v>
      </c>
    </row>
    <row r="69" spans="1:4" ht="18" customHeight="1" x14ac:dyDescent="0.2">
      <c r="A69" s="14">
        <v>53</v>
      </c>
      <c r="B69" s="15">
        <v>7</v>
      </c>
      <c r="C69" s="16">
        <v>5</v>
      </c>
      <c r="D69" s="17">
        <v>12</v>
      </c>
    </row>
    <row r="70" spans="1:4" ht="18" customHeight="1" x14ac:dyDescent="0.2">
      <c r="A70" s="14">
        <v>54</v>
      </c>
      <c r="B70" s="15">
        <v>7</v>
      </c>
      <c r="C70" s="16">
        <v>7</v>
      </c>
      <c r="D70" s="17">
        <v>14</v>
      </c>
    </row>
    <row r="71" spans="1:4" ht="18" customHeight="1" x14ac:dyDescent="0.2">
      <c r="A71" s="18" t="s">
        <v>59</v>
      </c>
      <c r="B71" s="15">
        <v>50</v>
      </c>
      <c r="C71" s="16">
        <v>45</v>
      </c>
      <c r="D71" s="17">
        <v>95</v>
      </c>
    </row>
    <row r="72" spans="1:4" ht="18" customHeight="1" x14ac:dyDescent="0.2">
      <c r="A72" s="14">
        <v>55</v>
      </c>
      <c r="B72" s="15">
        <v>12</v>
      </c>
      <c r="C72" s="16">
        <v>11</v>
      </c>
      <c r="D72" s="17">
        <v>23</v>
      </c>
    </row>
    <row r="73" spans="1:4" ht="18" customHeight="1" x14ac:dyDescent="0.2">
      <c r="A73" s="14">
        <v>56</v>
      </c>
      <c r="B73" s="15">
        <v>16</v>
      </c>
      <c r="C73" s="16">
        <v>12</v>
      </c>
      <c r="D73" s="17">
        <v>28</v>
      </c>
    </row>
    <row r="74" spans="1:4" ht="18" customHeight="1" x14ac:dyDescent="0.2">
      <c r="A74" s="14">
        <v>57</v>
      </c>
      <c r="B74" s="15">
        <v>5</v>
      </c>
      <c r="C74" s="16">
        <v>8</v>
      </c>
      <c r="D74" s="17">
        <v>13</v>
      </c>
    </row>
    <row r="75" spans="1:4" ht="18" customHeight="1" x14ac:dyDescent="0.2">
      <c r="A75" s="14">
        <v>58</v>
      </c>
      <c r="B75" s="15">
        <v>10</v>
      </c>
      <c r="C75" s="16">
        <v>8</v>
      </c>
      <c r="D75" s="17">
        <v>18</v>
      </c>
    </row>
    <row r="76" spans="1:4" ht="18" customHeight="1" x14ac:dyDescent="0.2">
      <c r="A76" s="14">
        <v>59</v>
      </c>
      <c r="B76" s="15">
        <v>12</v>
      </c>
      <c r="C76" s="16">
        <v>12</v>
      </c>
      <c r="D76" s="17">
        <v>24</v>
      </c>
    </row>
    <row r="77" spans="1:4" ht="18" customHeight="1" x14ac:dyDescent="0.2">
      <c r="A77" s="18" t="s">
        <v>60</v>
      </c>
      <c r="B77" s="15">
        <v>55</v>
      </c>
      <c r="C77" s="16">
        <v>51</v>
      </c>
      <c r="D77" s="17">
        <v>106</v>
      </c>
    </row>
    <row r="78" spans="1:4" ht="18" customHeight="1" x14ac:dyDescent="0.2">
      <c r="A78" s="14">
        <v>60</v>
      </c>
      <c r="B78" s="15">
        <v>14</v>
      </c>
      <c r="C78" s="16">
        <v>14</v>
      </c>
      <c r="D78" s="17">
        <v>28</v>
      </c>
    </row>
    <row r="79" spans="1:4" ht="18" customHeight="1" x14ac:dyDescent="0.2">
      <c r="A79" s="14">
        <v>61</v>
      </c>
      <c r="B79" s="15">
        <v>10</v>
      </c>
      <c r="C79" s="16">
        <v>13</v>
      </c>
      <c r="D79" s="17">
        <v>23</v>
      </c>
    </row>
    <row r="80" spans="1:4" ht="18" customHeight="1" x14ac:dyDescent="0.2">
      <c r="A80" s="14">
        <v>62</v>
      </c>
      <c r="B80" s="15">
        <v>7</v>
      </c>
      <c r="C80" s="16">
        <v>13</v>
      </c>
      <c r="D80" s="17">
        <v>20</v>
      </c>
    </row>
    <row r="81" spans="1:4" ht="18" customHeight="1" x14ac:dyDescent="0.2">
      <c r="A81" s="14">
        <v>63</v>
      </c>
      <c r="B81" s="15">
        <v>9</v>
      </c>
      <c r="C81" s="16">
        <v>8</v>
      </c>
      <c r="D81" s="17">
        <v>17</v>
      </c>
    </row>
    <row r="82" spans="1:4" ht="18" customHeight="1" x14ac:dyDescent="0.2">
      <c r="A82" s="14">
        <v>64</v>
      </c>
      <c r="B82" s="15">
        <v>15</v>
      </c>
      <c r="C82" s="16">
        <v>11</v>
      </c>
      <c r="D82" s="17">
        <v>26</v>
      </c>
    </row>
    <row r="83" spans="1:4" ht="18" customHeight="1" x14ac:dyDescent="0.2">
      <c r="A83" s="18" t="s">
        <v>61</v>
      </c>
      <c r="B83" s="15">
        <v>55</v>
      </c>
      <c r="C83" s="16">
        <v>59</v>
      </c>
      <c r="D83" s="17">
        <v>114</v>
      </c>
    </row>
    <row r="84" spans="1:4" ht="18" customHeight="1" x14ac:dyDescent="0.2">
      <c r="A84" s="18" t="s">
        <v>62</v>
      </c>
      <c r="B84" s="15">
        <v>510</v>
      </c>
      <c r="C84" s="16">
        <v>433</v>
      </c>
      <c r="D84" s="17">
        <v>943</v>
      </c>
    </row>
    <row r="85" spans="1:4" ht="18" customHeight="1" x14ac:dyDescent="0.2">
      <c r="A85" s="14">
        <v>65</v>
      </c>
      <c r="B85" s="15">
        <v>6</v>
      </c>
      <c r="C85" s="16">
        <v>9</v>
      </c>
      <c r="D85" s="17">
        <v>15</v>
      </c>
    </row>
    <row r="86" spans="1:4" ht="18" customHeight="1" x14ac:dyDescent="0.2">
      <c r="A86" s="14">
        <v>66</v>
      </c>
      <c r="B86" s="15">
        <v>10</v>
      </c>
      <c r="C86" s="16">
        <v>13</v>
      </c>
      <c r="D86" s="17">
        <v>23</v>
      </c>
    </row>
    <row r="87" spans="1:4" ht="18" customHeight="1" x14ac:dyDescent="0.2">
      <c r="A87" s="14">
        <v>67</v>
      </c>
      <c r="B87" s="15">
        <v>16</v>
      </c>
      <c r="C87" s="16">
        <v>16</v>
      </c>
      <c r="D87" s="17">
        <v>32</v>
      </c>
    </row>
    <row r="88" spans="1:4" ht="18" customHeight="1" x14ac:dyDescent="0.2">
      <c r="A88" s="14">
        <v>68</v>
      </c>
      <c r="B88" s="15">
        <v>7</v>
      </c>
      <c r="C88" s="16">
        <v>9</v>
      </c>
      <c r="D88" s="17">
        <v>16</v>
      </c>
    </row>
    <row r="89" spans="1:4" ht="18" customHeight="1" x14ac:dyDescent="0.2">
      <c r="A89" s="14">
        <v>69</v>
      </c>
      <c r="B89" s="15">
        <v>6</v>
      </c>
      <c r="C89" s="16">
        <v>14</v>
      </c>
      <c r="D89" s="17">
        <v>20</v>
      </c>
    </row>
    <row r="90" spans="1:4" ht="18" customHeight="1" x14ac:dyDescent="0.2">
      <c r="A90" s="18" t="s">
        <v>63</v>
      </c>
      <c r="B90" s="15">
        <v>45</v>
      </c>
      <c r="C90" s="16">
        <v>61</v>
      </c>
      <c r="D90" s="17">
        <v>106</v>
      </c>
    </row>
    <row r="91" spans="1:4" ht="18" customHeight="1" x14ac:dyDescent="0.2">
      <c r="A91" s="14">
        <v>70</v>
      </c>
      <c r="B91" s="15">
        <v>18</v>
      </c>
      <c r="C91" s="16">
        <v>15</v>
      </c>
      <c r="D91" s="17">
        <v>33</v>
      </c>
    </row>
    <row r="92" spans="1:4" ht="18" customHeight="1" x14ac:dyDescent="0.2">
      <c r="A92" s="14">
        <v>71</v>
      </c>
      <c r="B92" s="15">
        <v>20</v>
      </c>
      <c r="C92" s="16">
        <v>19</v>
      </c>
      <c r="D92" s="17">
        <v>39</v>
      </c>
    </row>
    <row r="93" spans="1:4" ht="18" customHeight="1" x14ac:dyDescent="0.2">
      <c r="A93" s="14">
        <v>72</v>
      </c>
      <c r="B93" s="15">
        <v>18</v>
      </c>
      <c r="C93" s="16">
        <v>14</v>
      </c>
      <c r="D93" s="17">
        <v>32</v>
      </c>
    </row>
    <row r="94" spans="1:4" ht="18" customHeight="1" x14ac:dyDescent="0.2">
      <c r="A94" s="14">
        <v>73</v>
      </c>
      <c r="B94" s="15">
        <v>6</v>
      </c>
      <c r="C94" s="16">
        <v>15</v>
      </c>
      <c r="D94" s="17">
        <v>21</v>
      </c>
    </row>
    <row r="95" spans="1:4" ht="18" customHeight="1" x14ac:dyDescent="0.2">
      <c r="A95" s="14">
        <v>74</v>
      </c>
      <c r="B95" s="15">
        <v>9</v>
      </c>
      <c r="C95" s="16">
        <v>9</v>
      </c>
      <c r="D95" s="17">
        <v>18</v>
      </c>
    </row>
    <row r="96" spans="1:4" ht="18" customHeight="1" x14ac:dyDescent="0.2">
      <c r="A96" s="18" t="s">
        <v>64</v>
      </c>
      <c r="B96" s="15">
        <v>71</v>
      </c>
      <c r="C96" s="16">
        <v>72</v>
      </c>
      <c r="D96" s="17">
        <v>143</v>
      </c>
    </row>
    <row r="97" spans="1:4" ht="18" customHeight="1" x14ac:dyDescent="0.2">
      <c r="A97" s="14">
        <v>75</v>
      </c>
      <c r="B97" s="15">
        <v>13</v>
      </c>
      <c r="C97" s="16">
        <v>9</v>
      </c>
      <c r="D97" s="17">
        <v>22</v>
      </c>
    </row>
    <row r="98" spans="1:4" ht="18" customHeight="1" x14ac:dyDescent="0.2">
      <c r="A98" s="14">
        <v>76</v>
      </c>
      <c r="B98" s="15">
        <v>9</v>
      </c>
      <c r="C98" s="16">
        <v>13</v>
      </c>
      <c r="D98" s="17">
        <v>22</v>
      </c>
    </row>
    <row r="99" spans="1:4" ht="18" customHeight="1" x14ac:dyDescent="0.2">
      <c r="A99" s="14">
        <v>77</v>
      </c>
      <c r="B99" s="15">
        <v>11</v>
      </c>
      <c r="C99" s="16">
        <v>11</v>
      </c>
      <c r="D99" s="17">
        <v>22</v>
      </c>
    </row>
    <row r="100" spans="1:4" ht="18" customHeight="1" x14ac:dyDescent="0.2">
      <c r="A100" s="14">
        <v>78</v>
      </c>
      <c r="B100" s="15">
        <v>4</v>
      </c>
      <c r="C100" s="16">
        <v>18</v>
      </c>
      <c r="D100" s="17">
        <v>22</v>
      </c>
    </row>
    <row r="101" spans="1:4" ht="18" customHeight="1" x14ac:dyDescent="0.2">
      <c r="A101" s="14">
        <v>79</v>
      </c>
      <c r="B101" s="15">
        <v>11</v>
      </c>
      <c r="C101" s="16">
        <v>13</v>
      </c>
      <c r="D101" s="17">
        <v>24</v>
      </c>
    </row>
    <row r="102" spans="1:4" ht="18" customHeight="1" x14ac:dyDescent="0.2">
      <c r="A102" s="18" t="s">
        <v>65</v>
      </c>
      <c r="B102" s="15">
        <v>48</v>
      </c>
      <c r="C102" s="16">
        <v>64</v>
      </c>
      <c r="D102" s="17">
        <v>112</v>
      </c>
    </row>
    <row r="103" spans="1:4" ht="18" customHeight="1" x14ac:dyDescent="0.2">
      <c r="A103" s="14">
        <v>80</v>
      </c>
      <c r="B103" s="15">
        <v>4</v>
      </c>
      <c r="C103" s="16">
        <v>11</v>
      </c>
      <c r="D103" s="17">
        <v>15</v>
      </c>
    </row>
    <row r="104" spans="1:4" ht="18" customHeight="1" x14ac:dyDescent="0.2">
      <c r="A104" s="14">
        <v>81</v>
      </c>
      <c r="B104" s="15">
        <v>5</v>
      </c>
      <c r="C104" s="16">
        <v>8</v>
      </c>
      <c r="D104" s="17">
        <v>13</v>
      </c>
    </row>
    <row r="105" spans="1:4" ht="18" customHeight="1" x14ac:dyDescent="0.2">
      <c r="A105" s="14">
        <v>82</v>
      </c>
      <c r="B105" s="15">
        <v>8</v>
      </c>
      <c r="C105" s="16">
        <v>17</v>
      </c>
      <c r="D105" s="17">
        <v>25</v>
      </c>
    </row>
    <row r="106" spans="1:4" ht="18" customHeight="1" x14ac:dyDescent="0.2">
      <c r="A106" s="14">
        <v>83</v>
      </c>
      <c r="B106" s="15">
        <v>6</v>
      </c>
      <c r="C106" s="16">
        <v>17</v>
      </c>
      <c r="D106" s="17">
        <v>23</v>
      </c>
    </row>
    <row r="107" spans="1:4" ht="18" customHeight="1" x14ac:dyDescent="0.2">
      <c r="A107" s="14">
        <v>84</v>
      </c>
      <c r="B107" s="15">
        <v>3</v>
      </c>
      <c r="C107" s="16">
        <v>9</v>
      </c>
      <c r="D107" s="17">
        <v>12</v>
      </c>
    </row>
    <row r="108" spans="1:4" ht="18" customHeight="1" x14ac:dyDescent="0.2">
      <c r="A108" s="18" t="s">
        <v>66</v>
      </c>
      <c r="B108" s="15">
        <v>26</v>
      </c>
      <c r="C108" s="16">
        <v>62</v>
      </c>
      <c r="D108" s="17">
        <v>88</v>
      </c>
    </row>
    <row r="109" spans="1:4" ht="18" customHeight="1" x14ac:dyDescent="0.2">
      <c r="A109" s="14">
        <v>85</v>
      </c>
      <c r="B109" s="15">
        <v>8</v>
      </c>
      <c r="C109" s="16">
        <v>6</v>
      </c>
      <c r="D109" s="17">
        <v>14</v>
      </c>
    </row>
    <row r="110" spans="1:4" ht="18" customHeight="1" x14ac:dyDescent="0.2">
      <c r="A110" s="14">
        <v>86</v>
      </c>
      <c r="B110" s="15">
        <v>2</v>
      </c>
      <c r="C110" s="16">
        <v>3</v>
      </c>
      <c r="D110" s="17">
        <v>5</v>
      </c>
    </row>
    <row r="111" spans="1:4" ht="18" customHeight="1" x14ac:dyDescent="0.2">
      <c r="A111" s="14">
        <v>87</v>
      </c>
      <c r="B111" s="15">
        <v>2</v>
      </c>
      <c r="C111" s="16">
        <v>7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10</v>
      </c>
      <c r="D112" s="17">
        <v>12</v>
      </c>
    </row>
    <row r="113" spans="1:4" ht="18" customHeight="1" x14ac:dyDescent="0.2">
      <c r="A113" s="14">
        <v>89</v>
      </c>
      <c r="B113" s="15">
        <v>2</v>
      </c>
      <c r="C113" s="16">
        <v>10</v>
      </c>
      <c r="D113" s="17">
        <v>12</v>
      </c>
    </row>
    <row r="114" spans="1:4" ht="18" customHeight="1" x14ac:dyDescent="0.2">
      <c r="A114" s="18" t="s">
        <v>67</v>
      </c>
      <c r="B114" s="15">
        <v>16</v>
      </c>
      <c r="C114" s="16">
        <v>36</v>
      </c>
      <c r="D114" s="17">
        <v>52</v>
      </c>
    </row>
    <row r="115" spans="1:4" ht="18" customHeight="1" x14ac:dyDescent="0.2">
      <c r="A115" s="14">
        <v>90</v>
      </c>
      <c r="B115" s="15">
        <v>1</v>
      </c>
      <c r="C115" s="16">
        <v>4</v>
      </c>
      <c r="D115" s="17">
        <v>5</v>
      </c>
    </row>
    <row r="116" spans="1:4" ht="18" customHeight="1" x14ac:dyDescent="0.2">
      <c r="A116" s="14">
        <v>91</v>
      </c>
      <c r="B116" s="15">
        <v>3</v>
      </c>
      <c r="C116" s="16">
        <v>5</v>
      </c>
      <c r="D116" s="17">
        <v>8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6</v>
      </c>
      <c r="C120" s="16">
        <v>15</v>
      </c>
      <c r="D120" s="17">
        <v>21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15</v>
      </c>
      <c r="C130" s="5">
        <v>320</v>
      </c>
      <c r="D130" s="6">
        <v>535</v>
      </c>
    </row>
    <row r="131" spans="1:4" ht="18" customHeight="1" x14ac:dyDescent="0.2">
      <c r="A131" s="20" t="s">
        <v>47</v>
      </c>
      <c r="B131" s="7">
        <v>826</v>
      </c>
      <c r="C131" s="8">
        <v>849</v>
      </c>
      <c r="D131" s="9">
        <v>16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</v>
      </c>
      <c r="C5" s="12">
        <v>3</v>
      </c>
      <c r="D5" s="13">
        <v>4</v>
      </c>
    </row>
    <row r="6" spans="1:4" ht="18" customHeight="1" x14ac:dyDescent="0.2">
      <c r="A6" s="14">
        <v>1</v>
      </c>
      <c r="B6" s="15">
        <v>2</v>
      </c>
      <c r="C6" s="16">
        <v>4</v>
      </c>
      <c r="D6" s="17">
        <v>6</v>
      </c>
    </row>
    <row r="7" spans="1:4" ht="18" customHeight="1" x14ac:dyDescent="0.2">
      <c r="A7" s="14">
        <v>2</v>
      </c>
      <c r="B7" s="15">
        <v>5</v>
      </c>
      <c r="C7" s="16">
        <v>4</v>
      </c>
      <c r="D7" s="17">
        <v>9</v>
      </c>
    </row>
    <row r="8" spans="1:4" ht="18" customHeight="1" x14ac:dyDescent="0.2">
      <c r="A8" s="14">
        <v>3</v>
      </c>
      <c r="B8" s="15">
        <v>5</v>
      </c>
      <c r="C8" s="16">
        <v>5</v>
      </c>
      <c r="D8" s="17">
        <v>10</v>
      </c>
    </row>
    <row r="9" spans="1:4" ht="18" customHeight="1" x14ac:dyDescent="0.2">
      <c r="A9" s="14">
        <v>4</v>
      </c>
      <c r="B9" s="15">
        <v>3</v>
      </c>
      <c r="C9" s="16">
        <v>2</v>
      </c>
      <c r="D9" s="17">
        <v>5</v>
      </c>
    </row>
    <row r="10" spans="1:4" ht="18" customHeight="1" x14ac:dyDescent="0.2">
      <c r="A10" s="18" t="s">
        <v>48</v>
      </c>
      <c r="B10" s="15">
        <v>16</v>
      </c>
      <c r="C10" s="16">
        <v>18</v>
      </c>
      <c r="D10" s="17">
        <v>34</v>
      </c>
    </row>
    <row r="11" spans="1:4" ht="18" customHeight="1" x14ac:dyDescent="0.2">
      <c r="A11" s="14">
        <v>5</v>
      </c>
      <c r="B11" s="15">
        <v>3</v>
      </c>
      <c r="C11" s="16">
        <v>5</v>
      </c>
      <c r="D11" s="17">
        <v>8</v>
      </c>
    </row>
    <row r="12" spans="1:4" ht="18" customHeight="1" x14ac:dyDescent="0.2">
      <c r="A12" s="14">
        <v>6</v>
      </c>
      <c r="B12" s="15">
        <v>4</v>
      </c>
      <c r="C12" s="16">
        <v>4</v>
      </c>
      <c r="D12" s="17">
        <v>8</v>
      </c>
    </row>
    <row r="13" spans="1:4" ht="18" customHeight="1" x14ac:dyDescent="0.2">
      <c r="A13" s="14">
        <v>7</v>
      </c>
      <c r="B13" s="15">
        <v>3</v>
      </c>
      <c r="C13" s="16">
        <v>3</v>
      </c>
      <c r="D13" s="17">
        <v>6</v>
      </c>
    </row>
    <row r="14" spans="1:4" ht="18" customHeight="1" x14ac:dyDescent="0.2">
      <c r="A14" s="14">
        <v>8</v>
      </c>
      <c r="B14" s="15">
        <v>2</v>
      </c>
      <c r="C14" s="16">
        <v>3</v>
      </c>
      <c r="D14" s="17">
        <v>5</v>
      </c>
    </row>
    <row r="15" spans="1:4" ht="18" customHeight="1" x14ac:dyDescent="0.2">
      <c r="A15" s="14">
        <v>9</v>
      </c>
      <c r="B15" s="15">
        <v>4</v>
      </c>
      <c r="C15" s="16">
        <v>5</v>
      </c>
      <c r="D15" s="17">
        <v>9</v>
      </c>
    </row>
    <row r="16" spans="1:4" ht="18" customHeight="1" x14ac:dyDescent="0.2">
      <c r="A16" s="18" t="s">
        <v>49</v>
      </c>
      <c r="B16" s="15">
        <v>16</v>
      </c>
      <c r="C16" s="16">
        <v>20</v>
      </c>
      <c r="D16" s="17">
        <v>36</v>
      </c>
    </row>
    <row r="17" spans="1:4" ht="18" customHeight="1" x14ac:dyDescent="0.2">
      <c r="A17" s="14">
        <v>10</v>
      </c>
      <c r="B17" s="15">
        <v>2</v>
      </c>
      <c r="C17" s="16">
        <v>2</v>
      </c>
      <c r="D17" s="17">
        <v>4</v>
      </c>
    </row>
    <row r="18" spans="1:4" ht="18" customHeight="1" x14ac:dyDescent="0.2">
      <c r="A18" s="14">
        <v>11</v>
      </c>
      <c r="B18" s="15">
        <v>3</v>
      </c>
      <c r="C18" s="16">
        <v>3</v>
      </c>
      <c r="D18" s="17">
        <v>6</v>
      </c>
    </row>
    <row r="19" spans="1:4" ht="18" customHeight="1" x14ac:dyDescent="0.2">
      <c r="A19" s="14">
        <v>12</v>
      </c>
      <c r="B19" s="15">
        <v>3</v>
      </c>
      <c r="C19" s="16">
        <v>7</v>
      </c>
      <c r="D19" s="17">
        <v>10</v>
      </c>
    </row>
    <row r="20" spans="1:4" ht="18" customHeight="1" x14ac:dyDescent="0.2">
      <c r="A20" s="14">
        <v>13</v>
      </c>
      <c r="B20" s="15">
        <v>4</v>
      </c>
      <c r="C20" s="16">
        <v>2</v>
      </c>
      <c r="D20" s="17">
        <v>6</v>
      </c>
    </row>
    <row r="21" spans="1:4" ht="18" customHeight="1" x14ac:dyDescent="0.2">
      <c r="A21" s="14">
        <v>14</v>
      </c>
      <c r="B21" s="15">
        <v>4</v>
      </c>
      <c r="C21" s="16">
        <v>6</v>
      </c>
      <c r="D21" s="17">
        <v>10</v>
      </c>
    </row>
    <row r="22" spans="1:4" ht="18" customHeight="1" x14ac:dyDescent="0.2">
      <c r="A22" s="18" t="s">
        <v>50</v>
      </c>
      <c r="B22" s="15">
        <v>16</v>
      </c>
      <c r="C22" s="16">
        <v>20</v>
      </c>
      <c r="D22" s="17">
        <v>36</v>
      </c>
    </row>
    <row r="23" spans="1:4" ht="18" customHeight="1" x14ac:dyDescent="0.2">
      <c r="A23" s="18" t="s">
        <v>51</v>
      </c>
      <c r="B23" s="15">
        <v>48</v>
      </c>
      <c r="C23" s="16">
        <v>58</v>
      </c>
      <c r="D23" s="17">
        <v>106</v>
      </c>
    </row>
    <row r="24" spans="1:4" ht="18" customHeight="1" x14ac:dyDescent="0.2">
      <c r="A24" s="14">
        <v>15</v>
      </c>
      <c r="B24" s="15">
        <v>11</v>
      </c>
      <c r="C24" s="16">
        <v>7</v>
      </c>
      <c r="D24" s="17">
        <v>18</v>
      </c>
    </row>
    <row r="25" spans="1:4" ht="18" customHeight="1" x14ac:dyDescent="0.2">
      <c r="A25" s="14">
        <v>16</v>
      </c>
      <c r="B25" s="15">
        <v>6</v>
      </c>
      <c r="C25" s="16">
        <v>4</v>
      </c>
      <c r="D25" s="17">
        <v>10</v>
      </c>
    </row>
    <row r="26" spans="1:4" ht="18" customHeight="1" x14ac:dyDescent="0.2">
      <c r="A26" s="14">
        <v>17</v>
      </c>
      <c r="B26" s="15">
        <v>7</v>
      </c>
      <c r="C26" s="16">
        <v>5</v>
      </c>
      <c r="D26" s="17">
        <v>12</v>
      </c>
    </row>
    <row r="27" spans="1:4" ht="18" customHeight="1" x14ac:dyDescent="0.2">
      <c r="A27" s="14">
        <v>18</v>
      </c>
      <c r="B27" s="15">
        <v>7</v>
      </c>
      <c r="C27" s="16">
        <v>9</v>
      </c>
      <c r="D27" s="17">
        <v>16</v>
      </c>
    </row>
    <row r="28" spans="1:4" ht="18" customHeight="1" x14ac:dyDescent="0.2">
      <c r="A28" s="14">
        <v>19</v>
      </c>
      <c r="B28" s="15">
        <v>21</v>
      </c>
      <c r="C28" s="16">
        <v>17</v>
      </c>
      <c r="D28" s="17">
        <v>38</v>
      </c>
    </row>
    <row r="29" spans="1:4" ht="18" customHeight="1" x14ac:dyDescent="0.2">
      <c r="A29" s="18" t="s">
        <v>52</v>
      </c>
      <c r="B29" s="15">
        <v>52</v>
      </c>
      <c r="C29" s="16">
        <v>42</v>
      </c>
      <c r="D29" s="17">
        <v>94</v>
      </c>
    </row>
    <row r="30" spans="1:4" ht="18" customHeight="1" x14ac:dyDescent="0.2">
      <c r="A30" s="14">
        <v>20</v>
      </c>
      <c r="B30" s="15">
        <v>12</v>
      </c>
      <c r="C30" s="16">
        <v>21</v>
      </c>
      <c r="D30" s="17">
        <v>33</v>
      </c>
    </row>
    <row r="31" spans="1:4" ht="18" customHeight="1" x14ac:dyDescent="0.2">
      <c r="A31" s="14">
        <v>21</v>
      </c>
      <c r="B31" s="15">
        <v>20</v>
      </c>
      <c r="C31" s="16">
        <v>25</v>
      </c>
      <c r="D31" s="17">
        <v>45</v>
      </c>
    </row>
    <row r="32" spans="1:4" ht="18" customHeight="1" x14ac:dyDescent="0.2">
      <c r="A32" s="14">
        <v>22</v>
      </c>
      <c r="B32" s="15">
        <v>19</v>
      </c>
      <c r="C32" s="16">
        <v>25</v>
      </c>
      <c r="D32" s="17">
        <v>44</v>
      </c>
    </row>
    <row r="33" spans="1:4" ht="18" customHeight="1" x14ac:dyDescent="0.2">
      <c r="A33" s="14">
        <v>23</v>
      </c>
      <c r="B33" s="15">
        <v>26</v>
      </c>
      <c r="C33" s="16">
        <v>35</v>
      </c>
      <c r="D33" s="17">
        <v>61</v>
      </c>
    </row>
    <row r="34" spans="1:4" ht="18" customHeight="1" x14ac:dyDescent="0.2">
      <c r="A34" s="14">
        <v>24</v>
      </c>
      <c r="B34" s="15">
        <v>30</v>
      </c>
      <c r="C34" s="16">
        <v>28</v>
      </c>
      <c r="D34" s="17">
        <v>58</v>
      </c>
    </row>
    <row r="35" spans="1:4" ht="18" customHeight="1" x14ac:dyDescent="0.2">
      <c r="A35" s="18" t="s">
        <v>53</v>
      </c>
      <c r="B35" s="15">
        <v>107</v>
      </c>
      <c r="C35" s="16">
        <v>134</v>
      </c>
      <c r="D35" s="17">
        <v>241</v>
      </c>
    </row>
    <row r="36" spans="1:4" ht="18" customHeight="1" x14ac:dyDescent="0.2">
      <c r="A36" s="14">
        <v>25</v>
      </c>
      <c r="B36" s="15">
        <v>14</v>
      </c>
      <c r="C36" s="16">
        <v>30</v>
      </c>
      <c r="D36" s="17">
        <v>44</v>
      </c>
    </row>
    <row r="37" spans="1:4" ht="18" customHeight="1" x14ac:dyDescent="0.2">
      <c r="A37" s="14">
        <v>26</v>
      </c>
      <c r="B37" s="15">
        <v>15</v>
      </c>
      <c r="C37" s="16">
        <v>19</v>
      </c>
      <c r="D37" s="17">
        <v>34</v>
      </c>
    </row>
    <row r="38" spans="1:4" ht="18" customHeight="1" x14ac:dyDescent="0.2">
      <c r="A38" s="14">
        <v>27</v>
      </c>
      <c r="B38" s="15">
        <v>9</v>
      </c>
      <c r="C38" s="16">
        <v>22</v>
      </c>
      <c r="D38" s="17">
        <v>31</v>
      </c>
    </row>
    <row r="39" spans="1:4" ht="18" customHeight="1" x14ac:dyDescent="0.2">
      <c r="A39" s="14">
        <v>28</v>
      </c>
      <c r="B39" s="15">
        <v>11</v>
      </c>
      <c r="C39" s="16">
        <v>14</v>
      </c>
      <c r="D39" s="17">
        <v>25</v>
      </c>
    </row>
    <row r="40" spans="1:4" ht="18" customHeight="1" x14ac:dyDescent="0.2">
      <c r="A40" s="14">
        <v>29</v>
      </c>
      <c r="B40" s="15">
        <v>12</v>
      </c>
      <c r="C40" s="16">
        <v>8</v>
      </c>
      <c r="D40" s="17">
        <v>20</v>
      </c>
    </row>
    <row r="41" spans="1:4" ht="18" customHeight="1" x14ac:dyDescent="0.2">
      <c r="A41" s="18" t="s">
        <v>54</v>
      </c>
      <c r="B41" s="15">
        <v>61</v>
      </c>
      <c r="C41" s="16">
        <v>93</v>
      </c>
      <c r="D41" s="17">
        <v>154</v>
      </c>
    </row>
    <row r="42" spans="1:4" ht="18" customHeight="1" x14ac:dyDescent="0.2">
      <c r="A42" s="14">
        <v>30</v>
      </c>
      <c r="B42" s="15">
        <v>18</v>
      </c>
      <c r="C42" s="16">
        <v>3</v>
      </c>
      <c r="D42" s="17">
        <v>21</v>
      </c>
    </row>
    <row r="43" spans="1:4" ht="18" customHeight="1" x14ac:dyDescent="0.2">
      <c r="A43" s="14">
        <v>31</v>
      </c>
      <c r="B43" s="15">
        <v>10</v>
      </c>
      <c r="C43" s="16">
        <v>5</v>
      </c>
      <c r="D43" s="17">
        <v>15</v>
      </c>
    </row>
    <row r="44" spans="1:4" ht="18" customHeight="1" x14ac:dyDescent="0.2">
      <c r="A44" s="14">
        <v>32</v>
      </c>
      <c r="B44" s="15">
        <v>11</v>
      </c>
      <c r="C44" s="16">
        <v>6</v>
      </c>
      <c r="D44" s="17">
        <v>17</v>
      </c>
    </row>
    <row r="45" spans="1:4" ht="18" customHeight="1" x14ac:dyDescent="0.2">
      <c r="A45" s="14">
        <v>33</v>
      </c>
      <c r="B45" s="15">
        <v>9</v>
      </c>
      <c r="C45" s="16">
        <v>11</v>
      </c>
      <c r="D45" s="17">
        <v>20</v>
      </c>
    </row>
    <row r="46" spans="1:4" ht="18" customHeight="1" x14ac:dyDescent="0.2">
      <c r="A46" s="14">
        <v>34</v>
      </c>
      <c r="B46" s="15">
        <v>12</v>
      </c>
      <c r="C46" s="16">
        <v>4</v>
      </c>
      <c r="D46" s="17">
        <v>16</v>
      </c>
    </row>
    <row r="47" spans="1:4" ht="18" customHeight="1" x14ac:dyDescent="0.2">
      <c r="A47" s="18" t="s">
        <v>55</v>
      </c>
      <c r="B47" s="15">
        <v>60</v>
      </c>
      <c r="C47" s="16">
        <v>29</v>
      </c>
      <c r="D47" s="17">
        <v>89</v>
      </c>
    </row>
    <row r="48" spans="1:4" ht="18" customHeight="1" x14ac:dyDescent="0.2">
      <c r="A48" s="14">
        <v>35</v>
      </c>
      <c r="B48" s="15">
        <v>5</v>
      </c>
      <c r="C48" s="16">
        <v>7</v>
      </c>
      <c r="D48" s="17">
        <v>12</v>
      </c>
    </row>
    <row r="49" spans="1:4" ht="18" customHeight="1" x14ac:dyDescent="0.2">
      <c r="A49" s="14">
        <v>36</v>
      </c>
      <c r="B49" s="15">
        <v>12</v>
      </c>
      <c r="C49" s="16">
        <v>6</v>
      </c>
      <c r="D49" s="17">
        <v>18</v>
      </c>
    </row>
    <row r="50" spans="1:4" ht="18" customHeight="1" x14ac:dyDescent="0.2">
      <c r="A50" s="14">
        <v>37</v>
      </c>
      <c r="B50" s="15">
        <v>14</v>
      </c>
      <c r="C50" s="16">
        <v>4</v>
      </c>
      <c r="D50" s="17">
        <v>18</v>
      </c>
    </row>
    <row r="51" spans="1:4" ht="18" customHeight="1" x14ac:dyDescent="0.2">
      <c r="A51" s="14">
        <v>38</v>
      </c>
      <c r="B51" s="15">
        <v>11</v>
      </c>
      <c r="C51" s="16">
        <v>4</v>
      </c>
      <c r="D51" s="17">
        <v>15</v>
      </c>
    </row>
    <row r="52" spans="1:4" ht="18" customHeight="1" x14ac:dyDescent="0.2">
      <c r="A52" s="14">
        <v>39</v>
      </c>
      <c r="B52" s="15">
        <v>13</v>
      </c>
      <c r="C52" s="16">
        <v>10</v>
      </c>
      <c r="D52" s="17">
        <v>23</v>
      </c>
    </row>
    <row r="53" spans="1:4" ht="18" customHeight="1" x14ac:dyDescent="0.2">
      <c r="A53" s="18" t="s">
        <v>56</v>
      </c>
      <c r="B53" s="15">
        <v>55</v>
      </c>
      <c r="C53" s="16">
        <v>31</v>
      </c>
      <c r="D53" s="17">
        <v>86</v>
      </c>
    </row>
    <row r="54" spans="1:4" ht="18" customHeight="1" x14ac:dyDescent="0.2">
      <c r="A54" s="14">
        <v>40</v>
      </c>
      <c r="B54" s="15">
        <v>4</v>
      </c>
      <c r="C54" s="16">
        <v>5</v>
      </c>
      <c r="D54" s="17">
        <v>9</v>
      </c>
    </row>
    <row r="55" spans="1:4" ht="18" customHeight="1" x14ac:dyDescent="0.2">
      <c r="A55" s="14">
        <v>41</v>
      </c>
      <c r="B55" s="15">
        <v>7</v>
      </c>
      <c r="C55" s="16">
        <v>9</v>
      </c>
      <c r="D55" s="17">
        <v>16</v>
      </c>
    </row>
    <row r="56" spans="1:4" ht="18" customHeight="1" x14ac:dyDescent="0.2">
      <c r="A56" s="14">
        <v>42</v>
      </c>
      <c r="B56" s="15">
        <v>13</v>
      </c>
      <c r="C56" s="16">
        <v>13</v>
      </c>
      <c r="D56" s="17">
        <v>26</v>
      </c>
    </row>
    <row r="57" spans="1:4" ht="18" customHeight="1" x14ac:dyDescent="0.2">
      <c r="A57" s="14">
        <v>43</v>
      </c>
      <c r="B57" s="15">
        <v>12</v>
      </c>
      <c r="C57" s="16">
        <v>8</v>
      </c>
      <c r="D57" s="17">
        <v>20</v>
      </c>
    </row>
    <row r="58" spans="1:4" ht="18" customHeight="1" x14ac:dyDescent="0.2">
      <c r="A58" s="14">
        <v>44</v>
      </c>
      <c r="B58" s="15">
        <v>15</v>
      </c>
      <c r="C58" s="16">
        <v>5</v>
      </c>
      <c r="D58" s="17">
        <v>20</v>
      </c>
    </row>
    <row r="59" spans="1:4" ht="18" customHeight="1" x14ac:dyDescent="0.2">
      <c r="A59" s="18" t="s">
        <v>57</v>
      </c>
      <c r="B59" s="15">
        <v>51</v>
      </c>
      <c r="C59" s="16">
        <v>40</v>
      </c>
      <c r="D59" s="17">
        <v>91</v>
      </c>
    </row>
    <row r="60" spans="1:4" ht="18" customHeight="1" x14ac:dyDescent="0.2">
      <c r="A60" s="14">
        <v>45</v>
      </c>
      <c r="B60" s="15">
        <v>13</v>
      </c>
      <c r="C60" s="16">
        <v>15</v>
      </c>
      <c r="D60" s="17">
        <v>28</v>
      </c>
    </row>
    <row r="61" spans="1:4" ht="18" customHeight="1" x14ac:dyDescent="0.2">
      <c r="A61" s="14">
        <v>46</v>
      </c>
      <c r="B61" s="15">
        <v>17</v>
      </c>
      <c r="C61" s="16">
        <v>11</v>
      </c>
      <c r="D61" s="17">
        <v>28</v>
      </c>
    </row>
    <row r="62" spans="1:4" ht="18" customHeight="1" x14ac:dyDescent="0.2">
      <c r="A62" s="14">
        <v>47</v>
      </c>
      <c r="B62" s="15">
        <v>7</v>
      </c>
      <c r="C62" s="16">
        <v>10</v>
      </c>
      <c r="D62" s="17">
        <v>17</v>
      </c>
    </row>
    <row r="63" spans="1:4" ht="18" customHeight="1" x14ac:dyDescent="0.2">
      <c r="A63" s="14">
        <v>48</v>
      </c>
      <c r="B63" s="15">
        <v>11</v>
      </c>
      <c r="C63" s="16">
        <v>10</v>
      </c>
      <c r="D63" s="17">
        <v>21</v>
      </c>
    </row>
    <row r="64" spans="1:4" ht="18" customHeight="1" x14ac:dyDescent="0.2">
      <c r="A64" s="14">
        <v>49</v>
      </c>
      <c r="B64" s="15">
        <v>10</v>
      </c>
      <c r="C64" s="16">
        <v>11</v>
      </c>
      <c r="D64" s="17">
        <v>21</v>
      </c>
    </row>
    <row r="65" spans="1:4" ht="18" customHeight="1" x14ac:dyDescent="0.2">
      <c r="A65" s="18" t="s">
        <v>58</v>
      </c>
      <c r="B65" s="15">
        <v>58</v>
      </c>
      <c r="C65" s="16">
        <v>57</v>
      </c>
      <c r="D65" s="17">
        <v>115</v>
      </c>
    </row>
    <row r="66" spans="1:4" ht="18" customHeight="1" x14ac:dyDescent="0.2">
      <c r="A66" s="14">
        <v>50</v>
      </c>
      <c r="B66" s="15">
        <v>13</v>
      </c>
      <c r="C66" s="16">
        <v>5</v>
      </c>
      <c r="D66" s="17">
        <v>18</v>
      </c>
    </row>
    <row r="67" spans="1:4" ht="18" customHeight="1" x14ac:dyDescent="0.2">
      <c r="A67" s="14">
        <v>51</v>
      </c>
      <c r="B67" s="15">
        <v>10</v>
      </c>
      <c r="C67" s="16">
        <v>7</v>
      </c>
      <c r="D67" s="17">
        <v>17</v>
      </c>
    </row>
    <row r="68" spans="1:4" ht="18" customHeight="1" x14ac:dyDescent="0.2">
      <c r="A68" s="14">
        <v>52</v>
      </c>
      <c r="B68" s="15">
        <v>11</v>
      </c>
      <c r="C68" s="16">
        <v>9</v>
      </c>
      <c r="D68" s="17">
        <v>20</v>
      </c>
    </row>
    <row r="69" spans="1:4" ht="18" customHeight="1" x14ac:dyDescent="0.2">
      <c r="A69" s="14">
        <v>53</v>
      </c>
      <c r="B69" s="15">
        <v>11</v>
      </c>
      <c r="C69" s="16">
        <v>7</v>
      </c>
      <c r="D69" s="17">
        <v>18</v>
      </c>
    </row>
    <row r="70" spans="1:4" ht="18" customHeight="1" x14ac:dyDescent="0.2">
      <c r="A70" s="14">
        <v>54</v>
      </c>
      <c r="B70" s="15">
        <v>14</v>
      </c>
      <c r="C70" s="16">
        <v>10</v>
      </c>
      <c r="D70" s="17">
        <v>24</v>
      </c>
    </row>
    <row r="71" spans="1:4" ht="18" customHeight="1" x14ac:dyDescent="0.2">
      <c r="A71" s="18" t="s">
        <v>59</v>
      </c>
      <c r="B71" s="15">
        <v>59</v>
      </c>
      <c r="C71" s="16">
        <v>38</v>
      </c>
      <c r="D71" s="17">
        <v>97</v>
      </c>
    </row>
    <row r="72" spans="1:4" ht="18" customHeight="1" x14ac:dyDescent="0.2">
      <c r="A72" s="14">
        <v>55</v>
      </c>
      <c r="B72" s="15">
        <v>9</v>
      </c>
      <c r="C72" s="16">
        <v>9</v>
      </c>
      <c r="D72" s="17">
        <v>18</v>
      </c>
    </row>
    <row r="73" spans="1:4" ht="18" customHeight="1" x14ac:dyDescent="0.2">
      <c r="A73" s="14">
        <v>56</v>
      </c>
      <c r="B73" s="15">
        <v>5</v>
      </c>
      <c r="C73" s="16">
        <v>15</v>
      </c>
      <c r="D73" s="17">
        <v>20</v>
      </c>
    </row>
    <row r="74" spans="1:4" ht="18" customHeight="1" x14ac:dyDescent="0.2">
      <c r="A74" s="14">
        <v>57</v>
      </c>
      <c r="B74" s="15">
        <v>8</v>
      </c>
      <c r="C74" s="16">
        <v>10</v>
      </c>
      <c r="D74" s="17">
        <v>18</v>
      </c>
    </row>
    <row r="75" spans="1:4" ht="18" customHeight="1" x14ac:dyDescent="0.2">
      <c r="A75" s="14">
        <v>58</v>
      </c>
      <c r="B75" s="15">
        <v>13</v>
      </c>
      <c r="C75" s="16">
        <v>13</v>
      </c>
      <c r="D75" s="17">
        <v>26</v>
      </c>
    </row>
    <row r="76" spans="1:4" ht="18" customHeight="1" x14ac:dyDescent="0.2">
      <c r="A76" s="14">
        <v>59</v>
      </c>
      <c r="B76" s="15">
        <v>8</v>
      </c>
      <c r="C76" s="16">
        <v>7</v>
      </c>
      <c r="D76" s="17">
        <v>15</v>
      </c>
    </row>
    <row r="77" spans="1:4" ht="18" customHeight="1" x14ac:dyDescent="0.2">
      <c r="A77" s="18" t="s">
        <v>60</v>
      </c>
      <c r="B77" s="15">
        <v>43</v>
      </c>
      <c r="C77" s="16">
        <v>54</v>
      </c>
      <c r="D77" s="17">
        <v>97</v>
      </c>
    </row>
    <row r="78" spans="1:4" ht="18" customHeight="1" x14ac:dyDescent="0.2">
      <c r="A78" s="14">
        <v>60</v>
      </c>
      <c r="B78" s="15">
        <v>5</v>
      </c>
      <c r="C78" s="16">
        <v>6</v>
      </c>
      <c r="D78" s="17">
        <v>11</v>
      </c>
    </row>
    <row r="79" spans="1:4" ht="18" customHeight="1" x14ac:dyDescent="0.2">
      <c r="A79" s="14">
        <v>61</v>
      </c>
      <c r="B79" s="15">
        <v>9</v>
      </c>
      <c r="C79" s="16">
        <v>3</v>
      </c>
      <c r="D79" s="17">
        <v>12</v>
      </c>
    </row>
    <row r="80" spans="1:4" ht="18" customHeight="1" x14ac:dyDescent="0.2">
      <c r="A80" s="14">
        <v>62</v>
      </c>
      <c r="B80" s="15">
        <v>8</v>
      </c>
      <c r="C80" s="16">
        <v>11</v>
      </c>
      <c r="D80" s="17">
        <v>19</v>
      </c>
    </row>
    <row r="81" spans="1:4" ht="18" customHeight="1" x14ac:dyDescent="0.2">
      <c r="A81" s="14">
        <v>63</v>
      </c>
      <c r="B81" s="15">
        <v>11</v>
      </c>
      <c r="C81" s="16">
        <v>10</v>
      </c>
      <c r="D81" s="17">
        <v>21</v>
      </c>
    </row>
    <row r="82" spans="1:4" ht="18" customHeight="1" x14ac:dyDescent="0.2">
      <c r="A82" s="14">
        <v>64</v>
      </c>
      <c r="B82" s="15">
        <v>6</v>
      </c>
      <c r="C82" s="16">
        <v>3</v>
      </c>
      <c r="D82" s="17">
        <v>9</v>
      </c>
    </row>
    <row r="83" spans="1:4" ht="18" customHeight="1" x14ac:dyDescent="0.2">
      <c r="A83" s="18" t="s">
        <v>61</v>
      </c>
      <c r="B83" s="15">
        <v>39</v>
      </c>
      <c r="C83" s="16">
        <v>33</v>
      </c>
      <c r="D83" s="17">
        <v>72</v>
      </c>
    </row>
    <row r="84" spans="1:4" ht="18" customHeight="1" x14ac:dyDescent="0.2">
      <c r="A84" s="18" t="s">
        <v>62</v>
      </c>
      <c r="B84" s="15">
        <v>585</v>
      </c>
      <c r="C84" s="16">
        <v>551</v>
      </c>
      <c r="D84" s="17">
        <v>1136</v>
      </c>
    </row>
    <row r="85" spans="1:4" ht="18" customHeight="1" x14ac:dyDescent="0.2">
      <c r="A85" s="14">
        <v>65</v>
      </c>
      <c r="B85" s="15">
        <v>11</v>
      </c>
      <c r="C85" s="16">
        <v>15</v>
      </c>
      <c r="D85" s="17">
        <v>26</v>
      </c>
    </row>
    <row r="86" spans="1:4" ht="18" customHeight="1" x14ac:dyDescent="0.2">
      <c r="A86" s="14">
        <v>66</v>
      </c>
      <c r="B86" s="15">
        <v>9</v>
      </c>
      <c r="C86" s="16">
        <v>7</v>
      </c>
      <c r="D86" s="17">
        <v>16</v>
      </c>
    </row>
    <row r="87" spans="1:4" ht="18" customHeight="1" x14ac:dyDescent="0.2">
      <c r="A87" s="14">
        <v>67</v>
      </c>
      <c r="B87" s="15">
        <v>8</v>
      </c>
      <c r="C87" s="16">
        <v>13</v>
      </c>
      <c r="D87" s="17">
        <v>21</v>
      </c>
    </row>
    <row r="88" spans="1:4" ht="18" customHeight="1" x14ac:dyDescent="0.2">
      <c r="A88" s="14">
        <v>68</v>
      </c>
      <c r="B88" s="15">
        <v>13</v>
      </c>
      <c r="C88" s="16">
        <v>8</v>
      </c>
      <c r="D88" s="17">
        <v>21</v>
      </c>
    </row>
    <row r="89" spans="1:4" ht="18" customHeight="1" x14ac:dyDescent="0.2">
      <c r="A89" s="14">
        <v>69</v>
      </c>
      <c r="B89" s="15">
        <v>14</v>
      </c>
      <c r="C89" s="16">
        <v>22</v>
      </c>
      <c r="D89" s="17">
        <v>36</v>
      </c>
    </row>
    <row r="90" spans="1:4" ht="18" customHeight="1" x14ac:dyDescent="0.2">
      <c r="A90" s="18" t="s">
        <v>63</v>
      </c>
      <c r="B90" s="15">
        <v>55</v>
      </c>
      <c r="C90" s="16">
        <v>65</v>
      </c>
      <c r="D90" s="17">
        <v>120</v>
      </c>
    </row>
    <row r="91" spans="1:4" ht="18" customHeight="1" x14ac:dyDescent="0.2">
      <c r="A91" s="14">
        <v>70</v>
      </c>
      <c r="B91" s="15">
        <v>17</v>
      </c>
      <c r="C91" s="16">
        <v>17</v>
      </c>
      <c r="D91" s="17">
        <v>34</v>
      </c>
    </row>
    <row r="92" spans="1:4" ht="18" customHeight="1" x14ac:dyDescent="0.2">
      <c r="A92" s="14">
        <v>71</v>
      </c>
      <c r="B92" s="15">
        <v>19</v>
      </c>
      <c r="C92" s="16">
        <v>19</v>
      </c>
      <c r="D92" s="17">
        <v>38</v>
      </c>
    </row>
    <row r="93" spans="1:4" ht="18" customHeight="1" x14ac:dyDescent="0.2">
      <c r="A93" s="14">
        <v>72</v>
      </c>
      <c r="B93" s="15">
        <v>17</v>
      </c>
      <c r="C93" s="16">
        <v>13</v>
      </c>
      <c r="D93" s="17">
        <v>30</v>
      </c>
    </row>
    <row r="94" spans="1:4" ht="18" customHeight="1" x14ac:dyDescent="0.2">
      <c r="A94" s="14">
        <v>73</v>
      </c>
      <c r="B94" s="15">
        <v>4</v>
      </c>
      <c r="C94" s="16">
        <v>9</v>
      </c>
      <c r="D94" s="17">
        <v>13</v>
      </c>
    </row>
    <row r="95" spans="1:4" ht="18" customHeight="1" x14ac:dyDescent="0.2">
      <c r="A95" s="14">
        <v>74</v>
      </c>
      <c r="B95" s="15">
        <v>6</v>
      </c>
      <c r="C95" s="16">
        <v>9</v>
      </c>
      <c r="D95" s="17">
        <v>15</v>
      </c>
    </row>
    <row r="96" spans="1:4" ht="18" customHeight="1" x14ac:dyDescent="0.2">
      <c r="A96" s="18" t="s">
        <v>64</v>
      </c>
      <c r="B96" s="15">
        <v>63</v>
      </c>
      <c r="C96" s="16">
        <v>67</v>
      </c>
      <c r="D96" s="17">
        <v>130</v>
      </c>
    </row>
    <row r="97" spans="1:4" ht="18" customHeight="1" x14ac:dyDescent="0.2">
      <c r="A97" s="14">
        <v>75</v>
      </c>
      <c r="B97" s="15">
        <v>11</v>
      </c>
      <c r="C97" s="16">
        <v>9</v>
      </c>
      <c r="D97" s="17">
        <v>20</v>
      </c>
    </row>
    <row r="98" spans="1:4" ht="18" customHeight="1" x14ac:dyDescent="0.2">
      <c r="A98" s="14">
        <v>76</v>
      </c>
      <c r="B98" s="15">
        <v>10</v>
      </c>
      <c r="C98" s="16">
        <v>5</v>
      </c>
      <c r="D98" s="17">
        <v>15</v>
      </c>
    </row>
    <row r="99" spans="1:4" ht="18" customHeight="1" x14ac:dyDescent="0.2">
      <c r="A99" s="14">
        <v>77</v>
      </c>
      <c r="B99" s="15">
        <v>7</v>
      </c>
      <c r="C99" s="16">
        <v>6</v>
      </c>
      <c r="D99" s="17">
        <v>13</v>
      </c>
    </row>
    <row r="100" spans="1:4" ht="18" customHeight="1" x14ac:dyDescent="0.2">
      <c r="A100" s="14">
        <v>78</v>
      </c>
      <c r="B100" s="15">
        <v>5</v>
      </c>
      <c r="C100" s="16">
        <v>9</v>
      </c>
      <c r="D100" s="17">
        <v>14</v>
      </c>
    </row>
    <row r="101" spans="1:4" ht="18" customHeight="1" x14ac:dyDescent="0.2">
      <c r="A101" s="14">
        <v>79</v>
      </c>
      <c r="B101" s="15">
        <v>4</v>
      </c>
      <c r="C101" s="16">
        <v>8</v>
      </c>
      <c r="D101" s="17">
        <v>12</v>
      </c>
    </row>
    <row r="102" spans="1:4" ht="18" customHeight="1" x14ac:dyDescent="0.2">
      <c r="A102" s="18" t="s">
        <v>65</v>
      </c>
      <c r="B102" s="15">
        <v>37</v>
      </c>
      <c r="C102" s="16">
        <v>37</v>
      </c>
      <c r="D102" s="17">
        <v>74</v>
      </c>
    </row>
    <row r="103" spans="1:4" ht="18" customHeight="1" x14ac:dyDescent="0.2">
      <c r="A103" s="14">
        <v>80</v>
      </c>
      <c r="B103" s="15">
        <v>5</v>
      </c>
      <c r="C103" s="16">
        <v>5</v>
      </c>
      <c r="D103" s="17">
        <v>10</v>
      </c>
    </row>
    <row r="104" spans="1:4" ht="18" customHeight="1" x14ac:dyDescent="0.2">
      <c r="A104" s="14">
        <v>81</v>
      </c>
      <c r="B104" s="15">
        <v>8</v>
      </c>
      <c r="C104" s="16">
        <v>8</v>
      </c>
      <c r="D104" s="17">
        <v>16</v>
      </c>
    </row>
    <row r="105" spans="1:4" ht="18" customHeight="1" x14ac:dyDescent="0.2">
      <c r="A105" s="14">
        <v>82</v>
      </c>
      <c r="B105" s="15">
        <v>1</v>
      </c>
      <c r="C105" s="16">
        <v>5</v>
      </c>
      <c r="D105" s="17">
        <v>6</v>
      </c>
    </row>
    <row r="106" spans="1:4" ht="18" customHeight="1" x14ac:dyDescent="0.2">
      <c r="A106" s="14">
        <v>83</v>
      </c>
      <c r="B106" s="15">
        <v>3</v>
      </c>
      <c r="C106" s="16">
        <v>10</v>
      </c>
      <c r="D106" s="17">
        <v>13</v>
      </c>
    </row>
    <row r="107" spans="1:4" ht="18" customHeight="1" x14ac:dyDescent="0.2">
      <c r="A107" s="14">
        <v>84</v>
      </c>
      <c r="B107" s="15">
        <v>8</v>
      </c>
      <c r="C107" s="16">
        <v>3</v>
      </c>
      <c r="D107" s="17">
        <v>11</v>
      </c>
    </row>
    <row r="108" spans="1:4" ht="18" customHeight="1" x14ac:dyDescent="0.2">
      <c r="A108" s="18" t="s">
        <v>66</v>
      </c>
      <c r="B108" s="15">
        <v>25</v>
      </c>
      <c r="C108" s="16">
        <v>31</v>
      </c>
      <c r="D108" s="17">
        <v>56</v>
      </c>
    </row>
    <row r="109" spans="1:4" ht="18" customHeight="1" x14ac:dyDescent="0.2">
      <c r="A109" s="14">
        <v>85</v>
      </c>
      <c r="B109" s="15">
        <v>3</v>
      </c>
      <c r="C109" s="16">
        <v>5</v>
      </c>
      <c r="D109" s="17">
        <v>8</v>
      </c>
    </row>
    <row r="110" spans="1:4" ht="18" customHeight="1" x14ac:dyDescent="0.2">
      <c r="A110" s="14">
        <v>86</v>
      </c>
      <c r="B110" s="15">
        <v>2</v>
      </c>
      <c r="C110" s="16">
        <v>8</v>
      </c>
      <c r="D110" s="17">
        <v>10</v>
      </c>
    </row>
    <row r="111" spans="1:4" ht="18" customHeight="1" x14ac:dyDescent="0.2">
      <c r="A111" s="14">
        <v>87</v>
      </c>
      <c r="B111" s="15">
        <v>2</v>
      </c>
      <c r="C111" s="16">
        <v>7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2</v>
      </c>
      <c r="C113" s="16">
        <v>7</v>
      </c>
      <c r="D113" s="17">
        <v>9</v>
      </c>
    </row>
    <row r="114" spans="1:4" ht="18" customHeight="1" x14ac:dyDescent="0.2">
      <c r="A114" s="18" t="s">
        <v>67</v>
      </c>
      <c r="B114" s="15">
        <v>11</v>
      </c>
      <c r="C114" s="16">
        <v>31</v>
      </c>
      <c r="D114" s="17">
        <v>42</v>
      </c>
    </row>
    <row r="115" spans="1:4" ht="18" customHeight="1" x14ac:dyDescent="0.2">
      <c r="A115" s="14">
        <v>90</v>
      </c>
      <c r="B115" s="15">
        <v>2</v>
      </c>
      <c r="C115" s="16">
        <v>6</v>
      </c>
      <c r="D115" s="17">
        <v>8</v>
      </c>
    </row>
    <row r="116" spans="1:4" ht="18" customHeight="1" x14ac:dyDescent="0.2">
      <c r="A116" s="14">
        <v>91</v>
      </c>
      <c r="B116" s="15">
        <v>0</v>
      </c>
      <c r="C116" s="16">
        <v>4</v>
      </c>
      <c r="D116" s="17">
        <v>4</v>
      </c>
    </row>
    <row r="117" spans="1:4" ht="18" customHeight="1" x14ac:dyDescent="0.2">
      <c r="A117" s="14">
        <v>92</v>
      </c>
      <c r="B117" s="15">
        <v>2</v>
      </c>
      <c r="C117" s="16">
        <v>3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5</v>
      </c>
      <c r="C120" s="16">
        <v>16</v>
      </c>
      <c r="D120" s="17">
        <v>21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3</v>
      </c>
      <c r="C122" s="16">
        <v>2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4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201</v>
      </c>
      <c r="C130" s="5">
        <v>252</v>
      </c>
      <c r="D130" s="6">
        <v>453</v>
      </c>
    </row>
    <row r="131" spans="1:4" ht="18" customHeight="1" x14ac:dyDescent="0.2">
      <c r="A131" s="20" t="s">
        <v>47</v>
      </c>
      <c r="B131" s="7">
        <v>834</v>
      </c>
      <c r="C131" s="8">
        <v>861</v>
      </c>
      <c r="D131" s="9">
        <v>16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10</v>
      </c>
      <c r="D5" s="13">
        <v>18</v>
      </c>
    </row>
    <row r="6" spans="1:4" ht="18" customHeight="1" x14ac:dyDescent="0.2">
      <c r="A6" s="14">
        <v>1</v>
      </c>
      <c r="B6" s="15">
        <v>14</v>
      </c>
      <c r="C6" s="16">
        <v>12</v>
      </c>
      <c r="D6" s="17">
        <v>26</v>
      </c>
    </row>
    <row r="7" spans="1:4" ht="18" customHeight="1" x14ac:dyDescent="0.2">
      <c r="A7" s="14">
        <v>2</v>
      </c>
      <c r="B7" s="15">
        <v>12</v>
      </c>
      <c r="C7" s="16">
        <v>8</v>
      </c>
      <c r="D7" s="17">
        <v>20</v>
      </c>
    </row>
    <row r="8" spans="1:4" ht="18" customHeight="1" x14ac:dyDescent="0.2">
      <c r="A8" s="14">
        <v>3</v>
      </c>
      <c r="B8" s="15">
        <v>16</v>
      </c>
      <c r="C8" s="16">
        <v>10</v>
      </c>
      <c r="D8" s="17">
        <v>26</v>
      </c>
    </row>
    <row r="9" spans="1:4" ht="18" customHeight="1" x14ac:dyDescent="0.2">
      <c r="A9" s="14">
        <v>4</v>
      </c>
      <c r="B9" s="15">
        <v>11</v>
      </c>
      <c r="C9" s="16">
        <v>19</v>
      </c>
      <c r="D9" s="17">
        <v>30</v>
      </c>
    </row>
    <row r="10" spans="1:4" ht="18" customHeight="1" x14ac:dyDescent="0.2">
      <c r="A10" s="18" t="s">
        <v>48</v>
      </c>
      <c r="B10" s="15">
        <v>61</v>
      </c>
      <c r="C10" s="16">
        <v>59</v>
      </c>
      <c r="D10" s="17">
        <v>120</v>
      </c>
    </row>
    <row r="11" spans="1:4" ht="18" customHeight="1" x14ac:dyDescent="0.2">
      <c r="A11" s="14">
        <v>5</v>
      </c>
      <c r="B11" s="15">
        <v>7</v>
      </c>
      <c r="C11" s="16">
        <v>18</v>
      </c>
      <c r="D11" s="17">
        <v>25</v>
      </c>
    </row>
    <row r="12" spans="1:4" ht="18" customHeight="1" x14ac:dyDescent="0.2">
      <c r="A12" s="14">
        <v>6</v>
      </c>
      <c r="B12" s="15">
        <v>14</v>
      </c>
      <c r="C12" s="16">
        <v>13</v>
      </c>
      <c r="D12" s="17">
        <v>27</v>
      </c>
    </row>
    <row r="13" spans="1:4" ht="18" customHeight="1" x14ac:dyDescent="0.2">
      <c r="A13" s="14">
        <v>7</v>
      </c>
      <c r="B13" s="15">
        <v>17</v>
      </c>
      <c r="C13" s="16">
        <v>7</v>
      </c>
      <c r="D13" s="17">
        <v>24</v>
      </c>
    </row>
    <row r="14" spans="1:4" ht="18" customHeight="1" x14ac:dyDescent="0.2">
      <c r="A14" s="14">
        <v>8</v>
      </c>
      <c r="B14" s="15">
        <v>12</v>
      </c>
      <c r="C14" s="16">
        <v>13</v>
      </c>
      <c r="D14" s="17">
        <v>25</v>
      </c>
    </row>
    <row r="15" spans="1:4" ht="18" customHeight="1" x14ac:dyDescent="0.2">
      <c r="A15" s="14">
        <v>9</v>
      </c>
      <c r="B15" s="15">
        <v>10</v>
      </c>
      <c r="C15" s="16">
        <v>10</v>
      </c>
      <c r="D15" s="17">
        <v>20</v>
      </c>
    </row>
    <row r="16" spans="1:4" ht="18" customHeight="1" x14ac:dyDescent="0.2">
      <c r="A16" s="18" t="s">
        <v>49</v>
      </c>
      <c r="B16" s="15">
        <v>60</v>
      </c>
      <c r="C16" s="16">
        <v>61</v>
      </c>
      <c r="D16" s="17">
        <v>121</v>
      </c>
    </row>
    <row r="17" spans="1:4" ht="18" customHeight="1" x14ac:dyDescent="0.2">
      <c r="A17" s="14">
        <v>10</v>
      </c>
      <c r="B17" s="15">
        <v>15</v>
      </c>
      <c r="C17" s="16">
        <v>13</v>
      </c>
      <c r="D17" s="17">
        <v>28</v>
      </c>
    </row>
    <row r="18" spans="1:4" ht="18" customHeight="1" x14ac:dyDescent="0.2">
      <c r="A18" s="14">
        <v>11</v>
      </c>
      <c r="B18" s="15">
        <v>15</v>
      </c>
      <c r="C18" s="16">
        <v>13</v>
      </c>
      <c r="D18" s="17">
        <v>28</v>
      </c>
    </row>
    <row r="19" spans="1:4" ht="18" customHeight="1" x14ac:dyDescent="0.2">
      <c r="A19" s="14">
        <v>12</v>
      </c>
      <c r="B19" s="15">
        <v>12</v>
      </c>
      <c r="C19" s="16">
        <v>17</v>
      </c>
      <c r="D19" s="17">
        <v>29</v>
      </c>
    </row>
    <row r="20" spans="1:4" ht="18" customHeight="1" x14ac:dyDescent="0.2">
      <c r="A20" s="14">
        <v>13</v>
      </c>
      <c r="B20" s="15">
        <v>12</v>
      </c>
      <c r="C20" s="16">
        <v>14</v>
      </c>
      <c r="D20" s="17">
        <v>26</v>
      </c>
    </row>
    <row r="21" spans="1:4" ht="18" customHeight="1" x14ac:dyDescent="0.2">
      <c r="A21" s="14">
        <v>14</v>
      </c>
      <c r="B21" s="15">
        <v>19</v>
      </c>
      <c r="C21" s="16">
        <v>11</v>
      </c>
      <c r="D21" s="17">
        <v>30</v>
      </c>
    </row>
    <row r="22" spans="1:4" ht="18" customHeight="1" x14ac:dyDescent="0.2">
      <c r="A22" s="18" t="s">
        <v>50</v>
      </c>
      <c r="B22" s="15">
        <v>73</v>
      </c>
      <c r="C22" s="16">
        <v>68</v>
      </c>
      <c r="D22" s="17">
        <v>141</v>
      </c>
    </row>
    <row r="23" spans="1:4" ht="18" customHeight="1" x14ac:dyDescent="0.2">
      <c r="A23" s="18" t="s">
        <v>51</v>
      </c>
      <c r="B23" s="15">
        <v>194</v>
      </c>
      <c r="C23" s="16">
        <v>188</v>
      </c>
      <c r="D23" s="17">
        <v>382</v>
      </c>
    </row>
    <row r="24" spans="1:4" ht="18" customHeight="1" x14ac:dyDescent="0.2">
      <c r="A24" s="14">
        <v>15</v>
      </c>
      <c r="B24" s="15">
        <v>7</v>
      </c>
      <c r="C24" s="16">
        <v>13</v>
      </c>
      <c r="D24" s="17">
        <v>20</v>
      </c>
    </row>
    <row r="25" spans="1:4" ht="18" customHeight="1" x14ac:dyDescent="0.2">
      <c r="A25" s="14">
        <v>16</v>
      </c>
      <c r="B25" s="15">
        <v>16</v>
      </c>
      <c r="C25" s="16">
        <v>15</v>
      </c>
      <c r="D25" s="17">
        <v>31</v>
      </c>
    </row>
    <row r="26" spans="1:4" ht="18" customHeight="1" x14ac:dyDescent="0.2">
      <c r="A26" s="14">
        <v>17</v>
      </c>
      <c r="B26" s="15">
        <v>16</v>
      </c>
      <c r="C26" s="16">
        <v>13</v>
      </c>
      <c r="D26" s="17">
        <v>29</v>
      </c>
    </row>
    <row r="27" spans="1:4" ht="18" customHeight="1" x14ac:dyDescent="0.2">
      <c r="A27" s="14">
        <v>18</v>
      </c>
      <c r="B27" s="15">
        <v>22</v>
      </c>
      <c r="C27" s="16">
        <v>18</v>
      </c>
      <c r="D27" s="17">
        <v>40</v>
      </c>
    </row>
    <row r="28" spans="1:4" ht="18" customHeight="1" x14ac:dyDescent="0.2">
      <c r="A28" s="14">
        <v>19</v>
      </c>
      <c r="B28" s="15">
        <v>21</v>
      </c>
      <c r="C28" s="16">
        <v>20</v>
      </c>
      <c r="D28" s="17">
        <v>41</v>
      </c>
    </row>
    <row r="29" spans="1:4" ht="18" customHeight="1" x14ac:dyDescent="0.2">
      <c r="A29" s="18" t="s">
        <v>52</v>
      </c>
      <c r="B29" s="15">
        <v>82</v>
      </c>
      <c r="C29" s="16">
        <v>79</v>
      </c>
      <c r="D29" s="17">
        <v>161</v>
      </c>
    </row>
    <row r="30" spans="1:4" ht="18" customHeight="1" x14ac:dyDescent="0.2">
      <c r="A30" s="14">
        <v>20</v>
      </c>
      <c r="B30" s="15">
        <v>24</v>
      </c>
      <c r="C30" s="16">
        <v>16</v>
      </c>
      <c r="D30" s="17">
        <v>40</v>
      </c>
    </row>
    <row r="31" spans="1:4" ht="18" customHeight="1" x14ac:dyDescent="0.2">
      <c r="A31" s="14">
        <v>21</v>
      </c>
      <c r="B31" s="15">
        <v>13</v>
      </c>
      <c r="C31" s="16">
        <v>20</v>
      </c>
      <c r="D31" s="17">
        <v>33</v>
      </c>
    </row>
    <row r="32" spans="1:4" ht="18" customHeight="1" x14ac:dyDescent="0.2">
      <c r="A32" s="14">
        <v>22</v>
      </c>
      <c r="B32" s="15">
        <v>23</v>
      </c>
      <c r="C32" s="16">
        <v>7</v>
      </c>
      <c r="D32" s="17">
        <v>30</v>
      </c>
    </row>
    <row r="33" spans="1:4" ht="18" customHeight="1" x14ac:dyDescent="0.2">
      <c r="A33" s="14">
        <v>23</v>
      </c>
      <c r="B33" s="15">
        <v>13</v>
      </c>
      <c r="C33" s="16">
        <v>6</v>
      </c>
      <c r="D33" s="17">
        <v>19</v>
      </c>
    </row>
    <row r="34" spans="1:4" ht="18" customHeight="1" x14ac:dyDescent="0.2">
      <c r="A34" s="14">
        <v>24</v>
      </c>
      <c r="B34" s="15">
        <v>15</v>
      </c>
      <c r="C34" s="16">
        <v>13</v>
      </c>
      <c r="D34" s="17">
        <v>28</v>
      </c>
    </row>
    <row r="35" spans="1:4" ht="18" customHeight="1" x14ac:dyDescent="0.2">
      <c r="A35" s="18" t="s">
        <v>53</v>
      </c>
      <c r="B35" s="15">
        <v>88</v>
      </c>
      <c r="C35" s="16">
        <v>62</v>
      </c>
      <c r="D35" s="17">
        <v>150</v>
      </c>
    </row>
    <row r="36" spans="1:4" ht="18" customHeight="1" x14ac:dyDescent="0.2">
      <c r="A36" s="14">
        <v>25</v>
      </c>
      <c r="B36" s="15">
        <v>17</v>
      </c>
      <c r="C36" s="16">
        <v>16</v>
      </c>
      <c r="D36" s="17">
        <v>33</v>
      </c>
    </row>
    <row r="37" spans="1:4" ht="18" customHeight="1" x14ac:dyDescent="0.2">
      <c r="A37" s="14">
        <v>26</v>
      </c>
      <c r="B37" s="15">
        <v>14</v>
      </c>
      <c r="C37" s="16">
        <v>14</v>
      </c>
      <c r="D37" s="17">
        <v>28</v>
      </c>
    </row>
    <row r="38" spans="1:4" ht="18" customHeight="1" x14ac:dyDescent="0.2">
      <c r="A38" s="14">
        <v>27</v>
      </c>
      <c r="B38" s="15">
        <v>14</v>
      </c>
      <c r="C38" s="16">
        <v>8</v>
      </c>
      <c r="D38" s="17">
        <v>22</v>
      </c>
    </row>
    <row r="39" spans="1:4" ht="18" customHeight="1" x14ac:dyDescent="0.2">
      <c r="A39" s="14">
        <v>28</v>
      </c>
      <c r="B39" s="15">
        <v>11</v>
      </c>
      <c r="C39" s="16">
        <v>11</v>
      </c>
      <c r="D39" s="17">
        <v>22</v>
      </c>
    </row>
    <row r="40" spans="1:4" ht="18" customHeight="1" x14ac:dyDescent="0.2">
      <c r="A40" s="14">
        <v>29</v>
      </c>
      <c r="B40" s="15">
        <v>15</v>
      </c>
      <c r="C40" s="16">
        <v>13</v>
      </c>
      <c r="D40" s="17">
        <v>28</v>
      </c>
    </row>
    <row r="41" spans="1:4" ht="18" customHeight="1" x14ac:dyDescent="0.2">
      <c r="A41" s="18" t="s">
        <v>54</v>
      </c>
      <c r="B41" s="15">
        <v>71</v>
      </c>
      <c r="C41" s="16">
        <v>62</v>
      </c>
      <c r="D41" s="17">
        <v>133</v>
      </c>
    </row>
    <row r="42" spans="1:4" ht="18" customHeight="1" x14ac:dyDescent="0.2">
      <c r="A42" s="14">
        <v>30</v>
      </c>
      <c r="B42" s="15">
        <v>10</v>
      </c>
      <c r="C42" s="16">
        <v>19</v>
      </c>
      <c r="D42" s="17">
        <v>29</v>
      </c>
    </row>
    <row r="43" spans="1:4" ht="18" customHeight="1" x14ac:dyDescent="0.2">
      <c r="A43" s="14">
        <v>31</v>
      </c>
      <c r="B43" s="15">
        <v>18</v>
      </c>
      <c r="C43" s="16">
        <v>14</v>
      </c>
      <c r="D43" s="17">
        <v>32</v>
      </c>
    </row>
    <row r="44" spans="1:4" ht="18" customHeight="1" x14ac:dyDescent="0.2">
      <c r="A44" s="14">
        <v>32</v>
      </c>
      <c r="B44" s="15">
        <v>30</v>
      </c>
      <c r="C44" s="16">
        <v>13</v>
      </c>
      <c r="D44" s="17">
        <v>43</v>
      </c>
    </row>
    <row r="45" spans="1:4" ht="18" customHeight="1" x14ac:dyDescent="0.2">
      <c r="A45" s="14">
        <v>33</v>
      </c>
      <c r="B45" s="15">
        <v>28</v>
      </c>
      <c r="C45" s="16">
        <v>17</v>
      </c>
      <c r="D45" s="17">
        <v>45</v>
      </c>
    </row>
    <row r="46" spans="1:4" ht="18" customHeight="1" x14ac:dyDescent="0.2">
      <c r="A46" s="14">
        <v>34</v>
      </c>
      <c r="B46" s="15">
        <v>19</v>
      </c>
      <c r="C46" s="16">
        <v>19</v>
      </c>
      <c r="D46" s="17">
        <v>38</v>
      </c>
    </row>
    <row r="47" spans="1:4" ht="18" customHeight="1" x14ac:dyDescent="0.2">
      <c r="A47" s="18" t="s">
        <v>55</v>
      </c>
      <c r="B47" s="15">
        <v>105</v>
      </c>
      <c r="C47" s="16">
        <v>82</v>
      </c>
      <c r="D47" s="17">
        <v>187</v>
      </c>
    </row>
    <row r="48" spans="1:4" ht="18" customHeight="1" x14ac:dyDescent="0.2">
      <c r="A48" s="14">
        <v>35</v>
      </c>
      <c r="B48" s="15">
        <v>18</v>
      </c>
      <c r="C48" s="16">
        <v>18</v>
      </c>
      <c r="D48" s="17">
        <v>36</v>
      </c>
    </row>
    <row r="49" spans="1:4" ht="18" customHeight="1" x14ac:dyDescent="0.2">
      <c r="A49" s="14">
        <v>36</v>
      </c>
      <c r="B49" s="15">
        <v>13</v>
      </c>
      <c r="C49" s="16">
        <v>15</v>
      </c>
      <c r="D49" s="17">
        <v>28</v>
      </c>
    </row>
    <row r="50" spans="1:4" ht="18" customHeight="1" x14ac:dyDescent="0.2">
      <c r="A50" s="14">
        <v>37</v>
      </c>
      <c r="B50" s="15">
        <v>21</v>
      </c>
      <c r="C50" s="16">
        <v>15</v>
      </c>
      <c r="D50" s="17">
        <v>36</v>
      </c>
    </row>
    <row r="51" spans="1:4" ht="18" customHeight="1" x14ac:dyDescent="0.2">
      <c r="A51" s="14">
        <v>38</v>
      </c>
      <c r="B51" s="15">
        <v>22</v>
      </c>
      <c r="C51" s="16">
        <v>22</v>
      </c>
      <c r="D51" s="17">
        <v>44</v>
      </c>
    </row>
    <row r="52" spans="1:4" ht="18" customHeight="1" x14ac:dyDescent="0.2">
      <c r="A52" s="14">
        <v>39</v>
      </c>
      <c r="B52" s="15">
        <v>20</v>
      </c>
      <c r="C52" s="16">
        <v>22</v>
      </c>
      <c r="D52" s="17">
        <v>42</v>
      </c>
    </row>
    <row r="53" spans="1:4" ht="18" customHeight="1" x14ac:dyDescent="0.2">
      <c r="A53" s="18" t="s">
        <v>56</v>
      </c>
      <c r="B53" s="15">
        <v>94</v>
      </c>
      <c r="C53" s="16">
        <v>92</v>
      </c>
      <c r="D53" s="17">
        <v>186</v>
      </c>
    </row>
    <row r="54" spans="1:4" ht="18" customHeight="1" x14ac:dyDescent="0.2">
      <c r="A54" s="14">
        <v>40</v>
      </c>
      <c r="B54" s="15">
        <v>18</v>
      </c>
      <c r="C54" s="16">
        <v>13</v>
      </c>
      <c r="D54" s="17">
        <v>31</v>
      </c>
    </row>
    <row r="55" spans="1:4" ht="18" customHeight="1" x14ac:dyDescent="0.2">
      <c r="A55" s="14">
        <v>41</v>
      </c>
      <c r="B55" s="15">
        <v>24</v>
      </c>
      <c r="C55" s="16">
        <v>16</v>
      </c>
      <c r="D55" s="17">
        <v>40</v>
      </c>
    </row>
    <row r="56" spans="1:4" ht="18" customHeight="1" x14ac:dyDescent="0.2">
      <c r="A56" s="14">
        <v>42</v>
      </c>
      <c r="B56" s="15">
        <v>18</v>
      </c>
      <c r="C56" s="16">
        <v>24</v>
      </c>
      <c r="D56" s="17">
        <v>42</v>
      </c>
    </row>
    <row r="57" spans="1:4" ht="18" customHeight="1" x14ac:dyDescent="0.2">
      <c r="A57" s="14">
        <v>43</v>
      </c>
      <c r="B57" s="15">
        <v>21</v>
      </c>
      <c r="C57" s="16">
        <v>21</v>
      </c>
      <c r="D57" s="17">
        <v>42</v>
      </c>
    </row>
    <row r="58" spans="1:4" ht="18" customHeight="1" x14ac:dyDescent="0.2">
      <c r="A58" s="14">
        <v>44</v>
      </c>
      <c r="B58" s="15">
        <v>31</v>
      </c>
      <c r="C58" s="16">
        <v>21</v>
      </c>
      <c r="D58" s="17">
        <v>52</v>
      </c>
    </row>
    <row r="59" spans="1:4" ht="18" customHeight="1" x14ac:dyDescent="0.2">
      <c r="A59" s="18" t="s">
        <v>57</v>
      </c>
      <c r="B59" s="15">
        <v>112</v>
      </c>
      <c r="C59" s="16">
        <v>95</v>
      </c>
      <c r="D59" s="17">
        <v>207</v>
      </c>
    </row>
    <row r="60" spans="1:4" ht="18" customHeight="1" x14ac:dyDescent="0.2">
      <c r="A60" s="14">
        <v>45</v>
      </c>
      <c r="B60" s="15">
        <v>25</v>
      </c>
      <c r="C60" s="16">
        <v>21</v>
      </c>
      <c r="D60" s="17">
        <v>46</v>
      </c>
    </row>
    <row r="61" spans="1:4" ht="18" customHeight="1" x14ac:dyDescent="0.2">
      <c r="A61" s="14">
        <v>46</v>
      </c>
      <c r="B61" s="15">
        <v>27</v>
      </c>
      <c r="C61" s="16">
        <v>26</v>
      </c>
      <c r="D61" s="17">
        <v>53</v>
      </c>
    </row>
    <row r="62" spans="1:4" ht="18" customHeight="1" x14ac:dyDescent="0.2">
      <c r="A62" s="14">
        <v>47</v>
      </c>
      <c r="B62" s="15">
        <v>24</v>
      </c>
      <c r="C62" s="16">
        <v>28</v>
      </c>
      <c r="D62" s="17">
        <v>52</v>
      </c>
    </row>
    <row r="63" spans="1:4" ht="18" customHeight="1" x14ac:dyDescent="0.2">
      <c r="A63" s="14">
        <v>48</v>
      </c>
      <c r="B63" s="15">
        <v>22</v>
      </c>
      <c r="C63" s="16">
        <v>17</v>
      </c>
      <c r="D63" s="17">
        <v>39</v>
      </c>
    </row>
    <row r="64" spans="1:4" ht="18" customHeight="1" x14ac:dyDescent="0.2">
      <c r="A64" s="14">
        <v>49</v>
      </c>
      <c r="B64" s="15">
        <v>24</v>
      </c>
      <c r="C64" s="16">
        <v>23</v>
      </c>
      <c r="D64" s="17">
        <v>47</v>
      </c>
    </row>
    <row r="65" spans="1:4" ht="18" customHeight="1" x14ac:dyDescent="0.2">
      <c r="A65" s="18" t="s">
        <v>58</v>
      </c>
      <c r="B65" s="15">
        <v>122</v>
      </c>
      <c r="C65" s="16">
        <v>115</v>
      </c>
      <c r="D65" s="17">
        <v>237</v>
      </c>
    </row>
    <row r="66" spans="1:4" ht="18" customHeight="1" x14ac:dyDescent="0.2">
      <c r="A66" s="14">
        <v>50</v>
      </c>
      <c r="B66" s="15">
        <v>24</v>
      </c>
      <c r="C66" s="16">
        <v>22</v>
      </c>
      <c r="D66" s="17">
        <v>46</v>
      </c>
    </row>
    <row r="67" spans="1:4" ht="18" customHeight="1" x14ac:dyDescent="0.2">
      <c r="A67" s="14">
        <v>51</v>
      </c>
      <c r="B67" s="15">
        <v>18</v>
      </c>
      <c r="C67" s="16">
        <v>15</v>
      </c>
      <c r="D67" s="17">
        <v>33</v>
      </c>
    </row>
    <row r="68" spans="1:4" ht="18" customHeight="1" x14ac:dyDescent="0.2">
      <c r="A68" s="14">
        <v>52</v>
      </c>
      <c r="B68" s="15">
        <v>25</v>
      </c>
      <c r="C68" s="16">
        <v>24</v>
      </c>
      <c r="D68" s="17">
        <v>49</v>
      </c>
    </row>
    <row r="69" spans="1:4" ht="18" customHeight="1" x14ac:dyDescent="0.2">
      <c r="A69" s="14">
        <v>53</v>
      </c>
      <c r="B69" s="15">
        <v>19</v>
      </c>
      <c r="C69" s="16">
        <v>17</v>
      </c>
      <c r="D69" s="17">
        <v>36</v>
      </c>
    </row>
    <row r="70" spans="1:4" ht="18" customHeight="1" x14ac:dyDescent="0.2">
      <c r="A70" s="14">
        <v>54</v>
      </c>
      <c r="B70" s="15">
        <v>12</v>
      </c>
      <c r="C70" s="16">
        <v>20</v>
      </c>
      <c r="D70" s="17">
        <v>32</v>
      </c>
    </row>
    <row r="71" spans="1:4" ht="18" customHeight="1" x14ac:dyDescent="0.2">
      <c r="A71" s="18" t="s">
        <v>59</v>
      </c>
      <c r="B71" s="15">
        <v>98</v>
      </c>
      <c r="C71" s="16">
        <v>98</v>
      </c>
      <c r="D71" s="17">
        <v>196</v>
      </c>
    </row>
    <row r="72" spans="1:4" ht="18" customHeight="1" x14ac:dyDescent="0.2">
      <c r="A72" s="14">
        <v>55</v>
      </c>
      <c r="B72" s="15">
        <v>16</v>
      </c>
      <c r="C72" s="16">
        <v>15</v>
      </c>
      <c r="D72" s="17">
        <v>31</v>
      </c>
    </row>
    <row r="73" spans="1:4" ht="18" customHeight="1" x14ac:dyDescent="0.2">
      <c r="A73" s="14">
        <v>56</v>
      </c>
      <c r="B73" s="15">
        <v>22</v>
      </c>
      <c r="C73" s="16">
        <v>15</v>
      </c>
      <c r="D73" s="17">
        <v>37</v>
      </c>
    </row>
    <row r="74" spans="1:4" ht="18" customHeight="1" x14ac:dyDescent="0.2">
      <c r="A74" s="14">
        <v>57</v>
      </c>
      <c r="B74" s="15">
        <v>18</v>
      </c>
      <c r="C74" s="16">
        <v>20</v>
      </c>
      <c r="D74" s="17">
        <v>38</v>
      </c>
    </row>
    <row r="75" spans="1:4" ht="18" customHeight="1" x14ac:dyDescent="0.2">
      <c r="A75" s="14">
        <v>58</v>
      </c>
      <c r="B75" s="15">
        <v>17</v>
      </c>
      <c r="C75" s="16">
        <v>27</v>
      </c>
      <c r="D75" s="17">
        <v>44</v>
      </c>
    </row>
    <row r="76" spans="1:4" ht="18" customHeight="1" x14ac:dyDescent="0.2">
      <c r="A76" s="14">
        <v>59</v>
      </c>
      <c r="B76" s="15">
        <v>14</v>
      </c>
      <c r="C76" s="16">
        <v>20</v>
      </c>
      <c r="D76" s="17">
        <v>34</v>
      </c>
    </row>
    <row r="77" spans="1:4" ht="18" customHeight="1" x14ac:dyDescent="0.2">
      <c r="A77" s="18" t="s">
        <v>60</v>
      </c>
      <c r="B77" s="15">
        <v>87</v>
      </c>
      <c r="C77" s="16">
        <v>97</v>
      </c>
      <c r="D77" s="17">
        <v>184</v>
      </c>
    </row>
    <row r="78" spans="1:4" ht="18" customHeight="1" x14ac:dyDescent="0.2">
      <c r="A78" s="14">
        <v>60</v>
      </c>
      <c r="B78" s="15">
        <v>15</v>
      </c>
      <c r="C78" s="16">
        <v>23</v>
      </c>
      <c r="D78" s="17">
        <v>38</v>
      </c>
    </row>
    <row r="79" spans="1:4" ht="18" customHeight="1" x14ac:dyDescent="0.2">
      <c r="A79" s="14">
        <v>61</v>
      </c>
      <c r="B79" s="15">
        <v>17</v>
      </c>
      <c r="C79" s="16">
        <v>13</v>
      </c>
      <c r="D79" s="17">
        <v>30</v>
      </c>
    </row>
    <row r="80" spans="1:4" ht="18" customHeight="1" x14ac:dyDescent="0.2">
      <c r="A80" s="14">
        <v>62</v>
      </c>
      <c r="B80" s="15">
        <v>19</v>
      </c>
      <c r="C80" s="16">
        <v>22</v>
      </c>
      <c r="D80" s="17">
        <v>41</v>
      </c>
    </row>
    <row r="81" spans="1:4" ht="18" customHeight="1" x14ac:dyDescent="0.2">
      <c r="A81" s="14">
        <v>63</v>
      </c>
      <c r="B81" s="15">
        <v>21</v>
      </c>
      <c r="C81" s="16">
        <v>29</v>
      </c>
      <c r="D81" s="17">
        <v>50</v>
      </c>
    </row>
    <row r="82" spans="1:4" ht="18" customHeight="1" x14ac:dyDescent="0.2">
      <c r="A82" s="14">
        <v>64</v>
      </c>
      <c r="B82" s="15">
        <v>26</v>
      </c>
      <c r="C82" s="16">
        <v>23</v>
      </c>
      <c r="D82" s="17">
        <v>49</v>
      </c>
    </row>
    <row r="83" spans="1:4" ht="18" customHeight="1" x14ac:dyDescent="0.2">
      <c r="A83" s="18" t="s">
        <v>61</v>
      </c>
      <c r="B83" s="15">
        <v>98</v>
      </c>
      <c r="C83" s="16">
        <v>110</v>
      </c>
      <c r="D83" s="17">
        <v>208</v>
      </c>
    </row>
    <row r="84" spans="1:4" ht="18" customHeight="1" x14ac:dyDescent="0.2">
      <c r="A84" s="18" t="s">
        <v>62</v>
      </c>
      <c r="B84" s="15">
        <v>957</v>
      </c>
      <c r="C84" s="16">
        <v>892</v>
      </c>
      <c r="D84" s="17">
        <v>1849</v>
      </c>
    </row>
    <row r="85" spans="1:4" ht="18" customHeight="1" x14ac:dyDescent="0.2">
      <c r="A85" s="14">
        <v>65</v>
      </c>
      <c r="B85" s="15">
        <v>20</v>
      </c>
      <c r="C85" s="16">
        <v>21</v>
      </c>
      <c r="D85" s="17">
        <v>41</v>
      </c>
    </row>
    <row r="86" spans="1:4" ht="18" customHeight="1" x14ac:dyDescent="0.2">
      <c r="A86" s="14">
        <v>66</v>
      </c>
      <c r="B86" s="15">
        <v>27</v>
      </c>
      <c r="C86" s="16">
        <v>34</v>
      </c>
      <c r="D86" s="17">
        <v>61</v>
      </c>
    </row>
    <row r="87" spans="1:4" ht="18" customHeight="1" x14ac:dyDescent="0.2">
      <c r="A87" s="14">
        <v>67</v>
      </c>
      <c r="B87" s="15">
        <v>26</v>
      </c>
      <c r="C87" s="16">
        <v>36</v>
      </c>
      <c r="D87" s="17">
        <v>62</v>
      </c>
    </row>
    <row r="88" spans="1:4" ht="18" customHeight="1" x14ac:dyDescent="0.2">
      <c r="A88" s="14">
        <v>68</v>
      </c>
      <c r="B88" s="15">
        <v>29</v>
      </c>
      <c r="C88" s="16">
        <v>34</v>
      </c>
      <c r="D88" s="17">
        <v>63</v>
      </c>
    </row>
    <row r="89" spans="1:4" ht="18" customHeight="1" x14ac:dyDescent="0.2">
      <c r="A89" s="14">
        <v>69</v>
      </c>
      <c r="B89" s="15">
        <v>28</v>
      </c>
      <c r="C89" s="16">
        <v>35</v>
      </c>
      <c r="D89" s="17">
        <v>63</v>
      </c>
    </row>
    <row r="90" spans="1:4" ht="18" customHeight="1" x14ac:dyDescent="0.2">
      <c r="A90" s="18" t="s">
        <v>63</v>
      </c>
      <c r="B90" s="15">
        <v>130</v>
      </c>
      <c r="C90" s="16">
        <v>160</v>
      </c>
      <c r="D90" s="17">
        <v>290</v>
      </c>
    </row>
    <row r="91" spans="1:4" ht="18" customHeight="1" x14ac:dyDescent="0.2">
      <c r="A91" s="14">
        <v>70</v>
      </c>
      <c r="B91" s="15">
        <v>44</v>
      </c>
      <c r="C91" s="16">
        <v>40</v>
      </c>
      <c r="D91" s="17">
        <v>84</v>
      </c>
    </row>
    <row r="92" spans="1:4" ht="18" customHeight="1" x14ac:dyDescent="0.2">
      <c r="A92" s="14">
        <v>71</v>
      </c>
      <c r="B92" s="15">
        <v>39</v>
      </c>
      <c r="C92" s="16">
        <v>30</v>
      </c>
      <c r="D92" s="17">
        <v>69</v>
      </c>
    </row>
    <row r="93" spans="1:4" ht="18" customHeight="1" x14ac:dyDescent="0.2">
      <c r="A93" s="14">
        <v>72</v>
      </c>
      <c r="B93" s="15">
        <v>39</v>
      </c>
      <c r="C93" s="16">
        <v>39</v>
      </c>
      <c r="D93" s="17">
        <v>78</v>
      </c>
    </row>
    <row r="94" spans="1:4" ht="18" customHeight="1" x14ac:dyDescent="0.2">
      <c r="A94" s="14">
        <v>73</v>
      </c>
      <c r="B94" s="15">
        <v>17</v>
      </c>
      <c r="C94" s="16">
        <v>18</v>
      </c>
      <c r="D94" s="17">
        <v>35</v>
      </c>
    </row>
    <row r="95" spans="1:4" ht="18" customHeight="1" x14ac:dyDescent="0.2">
      <c r="A95" s="14">
        <v>74</v>
      </c>
      <c r="B95" s="15">
        <v>25</v>
      </c>
      <c r="C95" s="16">
        <v>20</v>
      </c>
      <c r="D95" s="17">
        <v>45</v>
      </c>
    </row>
    <row r="96" spans="1:4" ht="18" customHeight="1" x14ac:dyDescent="0.2">
      <c r="A96" s="18" t="s">
        <v>64</v>
      </c>
      <c r="B96" s="15">
        <v>164</v>
      </c>
      <c r="C96" s="16">
        <v>147</v>
      </c>
      <c r="D96" s="17">
        <v>311</v>
      </c>
    </row>
    <row r="97" spans="1:4" ht="18" customHeight="1" x14ac:dyDescent="0.2">
      <c r="A97" s="14">
        <v>75</v>
      </c>
      <c r="B97" s="15">
        <v>28</v>
      </c>
      <c r="C97" s="16">
        <v>26</v>
      </c>
      <c r="D97" s="17">
        <v>54</v>
      </c>
    </row>
    <row r="98" spans="1:4" ht="18" customHeight="1" x14ac:dyDescent="0.2">
      <c r="A98" s="14">
        <v>76</v>
      </c>
      <c r="B98" s="15">
        <v>21</v>
      </c>
      <c r="C98" s="16">
        <v>17</v>
      </c>
      <c r="D98" s="17">
        <v>38</v>
      </c>
    </row>
    <row r="99" spans="1:4" ht="18" customHeight="1" x14ac:dyDescent="0.2">
      <c r="A99" s="14">
        <v>77</v>
      </c>
      <c r="B99" s="15">
        <v>24</v>
      </c>
      <c r="C99" s="16">
        <v>23</v>
      </c>
      <c r="D99" s="17">
        <v>47</v>
      </c>
    </row>
    <row r="100" spans="1:4" ht="18" customHeight="1" x14ac:dyDescent="0.2">
      <c r="A100" s="14">
        <v>78</v>
      </c>
      <c r="B100" s="15">
        <v>26</v>
      </c>
      <c r="C100" s="16">
        <v>20</v>
      </c>
      <c r="D100" s="17">
        <v>46</v>
      </c>
    </row>
    <row r="101" spans="1:4" ht="18" customHeight="1" x14ac:dyDescent="0.2">
      <c r="A101" s="14">
        <v>79</v>
      </c>
      <c r="B101" s="15">
        <v>13</v>
      </c>
      <c r="C101" s="16">
        <v>17</v>
      </c>
      <c r="D101" s="17">
        <v>30</v>
      </c>
    </row>
    <row r="102" spans="1:4" ht="18" customHeight="1" x14ac:dyDescent="0.2">
      <c r="A102" s="18" t="s">
        <v>65</v>
      </c>
      <c r="B102" s="15">
        <v>112</v>
      </c>
      <c r="C102" s="16">
        <v>103</v>
      </c>
      <c r="D102" s="17">
        <v>215</v>
      </c>
    </row>
    <row r="103" spans="1:4" ht="18" customHeight="1" x14ac:dyDescent="0.2">
      <c r="A103" s="14">
        <v>80</v>
      </c>
      <c r="B103" s="15">
        <v>11</v>
      </c>
      <c r="C103" s="16">
        <v>19</v>
      </c>
      <c r="D103" s="17">
        <v>30</v>
      </c>
    </row>
    <row r="104" spans="1:4" ht="18" customHeight="1" x14ac:dyDescent="0.2">
      <c r="A104" s="14">
        <v>81</v>
      </c>
      <c r="B104" s="15">
        <v>13</v>
      </c>
      <c r="C104" s="16">
        <v>20</v>
      </c>
      <c r="D104" s="17">
        <v>33</v>
      </c>
    </row>
    <row r="105" spans="1:4" ht="18" customHeight="1" x14ac:dyDescent="0.2">
      <c r="A105" s="14">
        <v>82</v>
      </c>
      <c r="B105" s="15">
        <v>8</v>
      </c>
      <c r="C105" s="16">
        <v>27</v>
      </c>
      <c r="D105" s="17">
        <v>35</v>
      </c>
    </row>
    <row r="106" spans="1:4" ht="18" customHeight="1" x14ac:dyDescent="0.2">
      <c r="A106" s="14">
        <v>83</v>
      </c>
      <c r="B106" s="15">
        <v>14</v>
      </c>
      <c r="C106" s="16">
        <v>11</v>
      </c>
      <c r="D106" s="17">
        <v>25</v>
      </c>
    </row>
    <row r="107" spans="1:4" ht="18" customHeight="1" x14ac:dyDescent="0.2">
      <c r="A107" s="14">
        <v>84</v>
      </c>
      <c r="B107" s="15">
        <v>10</v>
      </c>
      <c r="C107" s="16">
        <v>13</v>
      </c>
      <c r="D107" s="17">
        <v>23</v>
      </c>
    </row>
    <row r="108" spans="1:4" ht="18" customHeight="1" x14ac:dyDescent="0.2">
      <c r="A108" s="18" t="s">
        <v>66</v>
      </c>
      <c r="B108" s="15">
        <v>56</v>
      </c>
      <c r="C108" s="16">
        <v>90</v>
      </c>
      <c r="D108" s="17">
        <v>146</v>
      </c>
    </row>
    <row r="109" spans="1:4" ht="18" customHeight="1" x14ac:dyDescent="0.2">
      <c r="A109" s="14">
        <v>85</v>
      </c>
      <c r="B109" s="15">
        <v>5</v>
      </c>
      <c r="C109" s="16">
        <v>11</v>
      </c>
      <c r="D109" s="17">
        <v>16</v>
      </c>
    </row>
    <row r="110" spans="1:4" ht="18" customHeight="1" x14ac:dyDescent="0.2">
      <c r="A110" s="14">
        <v>86</v>
      </c>
      <c r="B110" s="15">
        <v>10</v>
      </c>
      <c r="C110" s="16">
        <v>16</v>
      </c>
      <c r="D110" s="17">
        <v>26</v>
      </c>
    </row>
    <row r="111" spans="1:4" ht="18" customHeight="1" x14ac:dyDescent="0.2">
      <c r="A111" s="14">
        <v>87</v>
      </c>
      <c r="B111" s="15">
        <v>6</v>
      </c>
      <c r="C111" s="16">
        <v>15</v>
      </c>
      <c r="D111" s="17">
        <v>21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9</v>
      </c>
      <c r="C113" s="16">
        <v>10</v>
      </c>
      <c r="D113" s="17">
        <v>19</v>
      </c>
    </row>
    <row r="114" spans="1:4" ht="18" customHeight="1" x14ac:dyDescent="0.2">
      <c r="A114" s="18" t="s">
        <v>67</v>
      </c>
      <c r="B114" s="15">
        <v>37</v>
      </c>
      <c r="C114" s="16">
        <v>66</v>
      </c>
      <c r="D114" s="17">
        <v>103</v>
      </c>
    </row>
    <row r="115" spans="1:4" ht="18" customHeight="1" x14ac:dyDescent="0.2">
      <c r="A115" s="14">
        <v>90</v>
      </c>
      <c r="B115" s="15">
        <v>4</v>
      </c>
      <c r="C115" s="16">
        <v>9</v>
      </c>
      <c r="D115" s="17">
        <v>13</v>
      </c>
    </row>
    <row r="116" spans="1:4" ht="18" customHeight="1" x14ac:dyDescent="0.2">
      <c r="A116" s="14">
        <v>91</v>
      </c>
      <c r="B116" s="15">
        <v>2</v>
      </c>
      <c r="C116" s="16">
        <v>6</v>
      </c>
      <c r="D116" s="17">
        <v>8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3</v>
      </c>
      <c r="C119" s="16">
        <v>3</v>
      </c>
      <c r="D119" s="17">
        <v>6</v>
      </c>
    </row>
    <row r="120" spans="1:4" ht="18" customHeight="1" x14ac:dyDescent="0.2">
      <c r="A120" s="18" t="s">
        <v>68</v>
      </c>
      <c r="B120" s="15">
        <v>9</v>
      </c>
      <c r="C120" s="16">
        <v>30</v>
      </c>
      <c r="D120" s="17">
        <v>39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13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12</v>
      </c>
      <c r="C130" s="5">
        <v>610</v>
      </c>
      <c r="D130" s="6">
        <v>1122</v>
      </c>
    </row>
    <row r="131" spans="1:4" ht="18" customHeight="1" x14ac:dyDescent="0.2">
      <c r="A131" s="20" t="s">
        <v>47</v>
      </c>
      <c r="B131" s="7">
        <v>1663</v>
      </c>
      <c r="C131" s="8">
        <v>1690</v>
      </c>
      <c r="D131" s="9">
        <v>33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</v>
      </c>
      <c r="C5" s="12">
        <v>0</v>
      </c>
      <c r="D5" s="13">
        <v>1</v>
      </c>
    </row>
    <row r="6" spans="1:4" ht="18" customHeight="1" x14ac:dyDescent="0.2">
      <c r="A6" s="14">
        <v>1</v>
      </c>
      <c r="B6" s="15">
        <v>2</v>
      </c>
      <c r="C6" s="16">
        <v>4</v>
      </c>
      <c r="D6" s="17">
        <v>6</v>
      </c>
    </row>
    <row r="7" spans="1:4" ht="18" customHeight="1" x14ac:dyDescent="0.2">
      <c r="A7" s="14">
        <v>2</v>
      </c>
      <c r="B7" s="15">
        <v>2</v>
      </c>
      <c r="C7" s="16">
        <v>3</v>
      </c>
      <c r="D7" s="17">
        <v>5</v>
      </c>
    </row>
    <row r="8" spans="1:4" ht="18" customHeight="1" x14ac:dyDescent="0.2">
      <c r="A8" s="14">
        <v>3</v>
      </c>
      <c r="B8" s="15">
        <v>5</v>
      </c>
      <c r="C8" s="16">
        <v>3</v>
      </c>
      <c r="D8" s="17">
        <v>8</v>
      </c>
    </row>
    <row r="9" spans="1:4" ht="18" customHeight="1" x14ac:dyDescent="0.2">
      <c r="A9" s="14">
        <v>4</v>
      </c>
      <c r="B9" s="15">
        <v>4</v>
      </c>
      <c r="C9" s="16">
        <v>4</v>
      </c>
      <c r="D9" s="17">
        <v>8</v>
      </c>
    </row>
    <row r="10" spans="1:4" ht="18" customHeight="1" x14ac:dyDescent="0.2">
      <c r="A10" s="18" t="s">
        <v>48</v>
      </c>
      <c r="B10" s="15">
        <v>14</v>
      </c>
      <c r="C10" s="16">
        <v>14</v>
      </c>
      <c r="D10" s="17">
        <v>28</v>
      </c>
    </row>
    <row r="11" spans="1:4" ht="18" customHeight="1" x14ac:dyDescent="0.2">
      <c r="A11" s="14">
        <v>5</v>
      </c>
      <c r="B11" s="15">
        <v>2</v>
      </c>
      <c r="C11" s="16">
        <v>6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6</v>
      </c>
      <c r="D12" s="17">
        <v>9</v>
      </c>
    </row>
    <row r="13" spans="1:4" ht="18" customHeight="1" x14ac:dyDescent="0.2">
      <c r="A13" s="14">
        <v>7</v>
      </c>
      <c r="B13" s="15">
        <v>8</v>
      </c>
      <c r="C13" s="16">
        <v>4</v>
      </c>
      <c r="D13" s="17">
        <v>12</v>
      </c>
    </row>
    <row r="14" spans="1:4" ht="18" customHeight="1" x14ac:dyDescent="0.2">
      <c r="A14" s="14">
        <v>8</v>
      </c>
      <c r="B14" s="15">
        <v>2</v>
      </c>
      <c r="C14" s="16">
        <v>2</v>
      </c>
      <c r="D14" s="17">
        <v>4</v>
      </c>
    </row>
    <row r="15" spans="1:4" ht="18" customHeight="1" x14ac:dyDescent="0.2">
      <c r="A15" s="14">
        <v>9</v>
      </c>
      <c r="B15" s="15">
        <v>1</v>
      </c>
      <c r="C15" s="16">
        <v>3</v>
      </c>
      <c r="D15" s="17">
        <v>4</v>
      </c>
    </row>
    <row r="16" spans="1:4" ht="18" customHeight="1" x14ac:dyDescent="0.2">
      <c r="A16" s="18" t="s">
        <v>49</v>
      </c>
      <c r="B16" s="15">
        <v>16</v>
      </c>
      <c r="C16" s="16">
        <v>21</v>
      </c>
      <c r="D16" s="17">
        <v>37</v>
      </c>
    </row>
    <row r="17" spans="1:4" ht="18" customHeight="1" x14ac:dyDescent="0.2">
      <c r="A17" s="14">
        <v>10</v>
      </c>
      <c r="B17" s="15">
        <v>3</v>
      </c>
      <c r="C17" s="16">
        <v>4</v>
      </c>
      <c r="D17" s="17">
        <v>7</v>
      </c>
    </row>
    <row r="18" spans="1:4" ht="18" customHeight="1" x14ac:dyDescent="0.2">
      <c r="A18" s="14">
        <v>11</v>
      </c>
      <c r="B18" s="15">
        <v>3</v>
      </c>
      <c r="C18" s="16">
        <v>5</v>
      </c>
      <c r="D18" s="17">
        <v>8</v>
      </c>
    </row>
    <row r="19" spans="1:4" ht="18" customHeight="1" x14ac:dyDescent="0.2">
      <c r="A19" s="14">
        <v>12</v>
      </c>
      <c r="B19" s="15">
        <v>7</v>
      </c>
      <c r="C19" s="16">
        <v>4</v>
      </c>
      <c r="D19" s="17">
        <v>11</v>
      </c>
    </row>
    <row r="20" spans="1:4" ht="18" customHeight="1" x14ac:dyDescent="0.2">
      <c r="A20" s="14">
        <v>13</v>
      </c>
      <c r="B20" s="15">
        <v>5</v>
      </c>
      <c r="C20" s="16">
        <v>0</v>
      </c>
      <c r="D20" s="17">
        <v>5</v>
      </c>
    </row>
    <row r="21" spans="1:4" ht="18" customHeight="1" x14ac:dyDescent="0.2">
      <c r="A21" s="14">
        <v>14</v>
      </c>
      <c r="B21" s="15">
        <v>3</v>
      </c>
      <c r="C21" s="16">
        <v>4</v>
      </c>
      <c r="D21" s="17">
        <v>7</v>
      </c>
    </row>
    <row r="22" spans="1:4" ht="18" customHeight="1" x14ac:dyDescent="0.2">
      <c r="A22" s="18" t="s">
        <v>50</v>
      </c>
      <c r="B22" s="15">
        <v>21</v>
      </c>
      <c r="C22" s="16">
        <v>17</v>
      </c>
      <c r="D22" s="17">
        <v>38</v>
      </c>
    </row>
    <row r="23" spans="1:4" ht="18" customHeight="1" x14ac:dyDescent="0.2">
      <c r="A23" s="18" t="s">
        <v>51</v>
      </c>
      <c r="B23" s="15">
        <v>51</v>
      </c>
      <c r="C23" s="16">
        <v>52</v>
      </c>
      <c r="D23" s="17">
        <v>103</v>
      </c>
    </row>
    <row r="24" spans="1:4" ht="18" customHeight="1" x14ac:dyDescent="0.2">
      <c r="A24" s="14">
        <v>15</v>
      </c>
      <c r="B24" s="15">
        <v>4</v>
      </c>
      <c r="C24" s="16">
        <v>4</v>
      </c>
      <c r="D24" s="17">
        <v>8</v>
      </c>
    </row>
    <row r="25" spans="1:4" ht="18" customHeight="1" x14ac:dyDescent="0.2">
      <c r="A25" s="14">
        <v>16</v>
      </c>
      <c r="B25" s="15">
        <v>3</v>
      </c>
      <c r="C25" s="16">
        <v>8</v>
      </c>
      <c r="D25" s="17">
        <v>11</v>
      </c>
    </row>
    <row r="26" spans="1:4" ht="18" customHeight="1" x14ac:dyDescent="0.2">
      <c r="A26" s="14">
        <v>17</v>
      </c>
      <c r="B26" s="15">
        <v>3</v>
      </c>
      <c r="C26" s="16">
        <v>2</v>
      </c>
      <c r="D26" s="17">
        <v>5</v>
      </c>
    </row>
    <row r="27" spans="1:4" ht="18" customHeight="1" x14ac:dyDescent="0.2">
      <c r="A27" s="14">
        <v>18</v>
      </c>
      <c r="B27" s="15">
        <v>6</v>
      </c>
      <c r="C27" s="16">
        <v>9</v>
      </c>
      <c r="D27" s="17">
        <v>15</v>
      </c>
    </row>
    <row r="28" spans="1:4" ht="18" customHeight="1" x14ac:dyDescent="0.2">
      <c r="A28" s="14">
        <v>19</v>
      </c>
      <c r="B28" s="15">
        <v>4</v>
      </c>
      <c r="C28" s="16">
        <v>3</v>
      </c>
      <c r="D28" s="17">
        <v>7</v>
      </c>
    </row>
    <row r="29" spans="1:4" ht="18" customHeight="1" x14ac:dyDescent="0.2">
      <c r="A29" s="18" t="s">
        <v>52</v>
      </c>
      <c r="B29" s="15">
        <v>20</v>
      </c>
      <c r="C29" s="16">
        <v>26</v>
      </c>
      <c r="D29" s="17">
        <v>46</v>
      </c>
    </row>
    <row r="30" spans="1:4" ht="18" customHeight="1" x14ac:dyDescent="0.2">
      <c r="A30" s="14">
        <v>20</v>
      </c>
      <c r="B30" s="15">
        <v>5</v>
      </c>
      <c r="C30" s="16">
        <v>4</v>
      </c>
      <c r="D30" s="17">
        <v>9</v>
      </c>
    </row>
    <row r="31" spans="1:4" ht="18" customHeight="1" x14ac:dyDescent="0.2">
      <c r="A31" s="14">
        <v>21</v>
      </c>
      <c r="B31" s="15">
        <v>4</v>
      </c>
      <c r="C31" s="16">
        <v>6</v>
      </c>
      <c r="D31" s="17">
        <v>10</v>
      </c>
    </row>
    <row r="32" spans="1:4" ht="18" customHeight="1" x14ac:dyDescent="0.2">
      <c r="A32" s="14">
        <v>22</v>
      </c>
      <c r="B32" s="15">
        <v>4</v>
      </c>
      <c r="C32" s="16">
        <v>5</v>
      </c>
      <c r="D32" s="17">
        <v>9</v>
      </c>
    </row>
    <row r="33" spans="1:4" ht="18" customHeight="1" x14ac:dyDescent="0.2">
      <c r="A33" s="14">
        <v>23</v>
      </c>
      <c r="B33" s="15">
        <v>6</v>
      </c>
      <c r="C33" s="16">
        <v>4</v>
      </c>
      <c r="D33" s="17">
        <v>10</v>
      </c>
    </row>
    <row r="34" spans="1:4" ht="18" customHeight="1" x14ac:dyDescent="0.2">
      <c r="A34" s="14">
        <v>24</v>
      </c>
      <c r="B34" s="15">
        <v>7</v>
      </c>
      <c r="C34" s="16">
        <v>4</v>
      </c>
      <c r="D34" s="17">
        <v>11</v>
      </c>
    </row>
    <row r="35" spans="1:4" ht="18" customHeight="1" x14ac:dyDescent="0.2">
      <c r="A35" s="18" t="s">
        <v>53</v>
      </c>
      <c r="B35" s="15">
        <v>26</v>
      </c>
      <c r="C35" s="16">
        <v>23</v>
      </c>
      <c r="D35" s="17">
        <v>49</v>
      </c>
    </row>
    <row r="36" spans="1:4" ht="18" customHeight="1" x14ac:dyDescent="0.2">
      <c r="A36" s="14">
        <v>25</v>
      </c>
      <c r="B36" s="15">
        <v>6</v>
      </c>
      <c r="C36" s="16">
        <v>3</v>
      </c>
      <c r="D36" s="17">
        <v>9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5</v>
      </c>
      <c r="C38" s="16">
        <v>3</v>
      </c>
      <c r="D38" s="17">
        <v>8</v>
      </c>
    </row>
    <row r="39" spans="1:4" ht="18" customHeight="1" x14ac:dyDescent="0.2">
      <c r="A39" s="14">
        <v>28</v>
      </c>
      <c r="B39" s="15">
        <v>3</v>
      </c>
      <c r="C39" s="16">
        <v>5</v>
      </c>
      <c r="D39" s="17">
        <v>8</v>
      </c>
    </row>
    <row r="40" spans="1:4" ht="18" customHeight="1" x14ac:dyDescent="0.2">
      <c r="A40" s="14">
        <v>29</v>
      </c>
      <c r="B40" s="15">
        <v>4</v>
      </c>
      <c r="C40" s="16">
        <v>2</v>
      </c>
      <c r="D40" s="17">
        <v>6</v>
      </c>
    </row>
    <row r="41" spans="1:4" ht="18" customHeight="1" x14ac:dyDescent="0.2">
      <c r="A41" s="18" t="s">
        <v>54</v>
      </c>
      <c r="B41" s="15">
        <v>24</v>
      </c>
      <c r="C41" s="16">
        <v>17</v>
      </c>
      <c r="D41" s="17">
        <v>41</v>
      </c>
    </row>
    <row r="42" spans="1:4" ht="18" customHeight="1" x14ac:dyDescent="0.2">
      <c r="A42" s="14">
        <v>30</v>
      </c>
      <c r="B42" s="15">
        <v>3</v>
      </c>
      <c r="C42" s="16">
        <v>4</v>
      </c>
      <c r="D42" s="17">
        <v>7</v>
      </c>
    </row>
    <row r="43" spans="1:4" ht="18" customHeight="1" x14ac:dyDescent="0.2">
      <c r="A43" s="14">
        <v>31</v>
      </c>
      <c r="B43" s="15">
        <v>5</v>
      </c>
      <c r="C43" s="16">
        <v>2</v>
      </c>
      <c r="D43" s="17">
        <v>7</v>
      </c>
    </row>
    <row r="44" spans="1:4" ht="18" customHeight="1" x14ac:dyDescent="0.2">
      <c r="A44" s="14">
        <v>32</v>
      </c>
      <c r="B44" s="15">
        <v>3</v>
      </c>
      <c r="C44" s="16">
        <v>1</v>
      </c>
      <c r="D44" s="17">
        <v>4</v>
      </c>
    </row>
    <row r="45" spans="1:4" ht="18" customHeight="1" x14ac:dyDescent="0.2">
      <c r="A45" s="14">
        <v>33</v>
      </c>
      <c r="B45" s="15">
        <v>3</v>
      </c>
      <c r="C45" s="16">
        <v>4</v>
      </c>
      <c r="D45" s="17">
        <v>7</v>
      </c>
    </row>
    <row r="46" spans="1:4" ht="18" customHeight="1" x14ac:dyDescent="0.2">
      <c r="A46" s="14">
        <v>34</v>
      </c>
      <c r="B46" s="15">
        <v>2</v>
      </c>
      <c r="C46" s="16">
        <v>6</v>
      </c>
      <c r="D46" s="17">
        <v>8</v>
      </c>
    </row>
    <row r="47" spans="1:4" ht="18" customHeight="1" x14ac:dyDescent="0.2">
      <c r="A47" s="18" t="s">
        <v>55</v>
      </c>
      <c r="B47" s="15">
        <v>16</v>
      </c>
      <c r="C47" s="16">
        <v>17</v>
      </c>
      <c r="D47" s="17">
        <v>33</v>
      </c>
    </row>
    <row r="48" spans="1:4" ht="18" customHeight="1" x14ac:dyDescent="0.2">
      <c r="A48" s="14">
        <v>35</v>
      </c>
      <c r="B48" s="15">
        <v>7</v>
      </c>
      <c r="C48" s="16">
        <v>8</v>
      </c>
      <c r="D48" s="17">
        <v>15</v>
      </c>
    </row>
    <row r="49" spans="1:4" ht="18" customHeight="1" x14ac:dyDescent="0.2">
      <c r="A49" s="14">
        <v>36</v>
      </c>
      <c r="B49" s="15">
        <v>1</v>
      </c>
      <c r="C49" s="16">
        <v>3</v>
      </c>
      <c r="D49" s="17">
        <v>4</v>
      </c>
    </row>
    <row r="50" spans="1:4" ht="18" customHeight="1" x14ac:dyDescent="0.2">
      <c r="A50" s="14">
        <v>37</v>
      </c>
      <c r="B50" s="15">
        <v>5</v>
      </c>
      <c r="C50" s="16">
        <v>9</v>
      </c>
      <c r="D50" s="17">
        <v>14</v>
      </c>
    </row>
    <row r="51" spans="1:4" ht="18" customHeight="1" x14ac:dyDescent="0.2">
      <c r="A51" s="14">
        <v>38</v>
      </c>
      <c r="B51" s="15">
        <v>6</v>
      </c>
      <c r="C51" s="16">
        <v>7</v>
      </c>
      <c r="D51" s="17">
        <v>13</v>
      </c>
    </row>
    <row r="52" spans="1:4" ht="18" customHeight="1" x14ac:dyDescent="0.2">
      <c r="A52" s="14">
        <v>39</v>
      </c>
      <c r="B52" s="15">
        <v>7</v>
      </c>
      <c r="C52" s="16">
        <v>7</v>
      </c>
      <c r="D52" s="17">
        <v>14</v>
      </c>
    </row>
    <row r="53" spans="1:4" ht="18" customHeight="1" x14ac:dyDescent="0.2">
      <c r="A53" s="18" t="s">
        <v>56</v>
      </c>
      <c r="B53" s="15">
        <v>26</v>
      </c>
      <c r="C53" s="16">
        <v>34</v>
      </c>
      <c r="D53" s="17">
        <v>60</v>
      </c>
    </row>
    <row r="54" spans="1:4" ht="18" customHeight="1" x14ac:dyDescent="0.2">
      <c r="A54" s="14">
        <v>40</v>
      </c>
      <c r="B54" s="15">
        <v>6</v>
      </c>
      <c r="C54" s="16">
        <v>9</v>
      </c>
      <c r="D54" s="17">
        <v>15</v>
      </c>
    </row>
    <row r="55" spans="1:4" ht="18" customHeight="1" x14ac:dyDescent="0.2">
      <c r="A55" s="14">
        <v>41</v>
      </c>
      <c r="B55" s="15">
        <v>5</v>
      </c>
      <c r="C55" s="16">
        <v>5</v>
      </c>
      <c r="D55" s="17">
        <v>10</v>
      </c>
    </row>
    <row r="56" spans="1:4" ht="18" customHeight="1" x14ac:dyDescent="0.2">
      <c r="A56" s="14">
        <v>42</v>
      </c>
      <c r="B56" s="15">
        <v>8</v>
      </c>
      <c r="C56" s="16">
        <v>3</v>
      </c>
      <c r="D56" s="17">
        <v>11</v>
      </c>
    </row>
    <row r="57" spans="1:4" ht="18" customHeight="1" x14ac:dyDescent="0.2">
      <c r="A57" s="14">
        <v>43</v>
      </c>
      <c r="B57" s="15">
        <v>5</v>
      </c>
      <c r="C57" s="16">
        <v>8</v>
      </c>
      <c r="D57" s="17">
        <v>13</v>
      </c>
    </row>
    <row r="58" spans="1:4" ht="18" customHeight="1" x14ac:dyDescent="0.2">
      <c r="A58" s="14">
        <v>44</v>
      </c>
      <c r="B58" s="15">
        <v>9</v>
      </c>
      <c r="C58" s="16">
        <v>7</v>
      </c>
      <c r="D58" s="17">
        <v>16</v>
      </c>
    </row>
    <row r="59" spans="1:4" ht="18" customHeight="1" x14ac:dyDescent="0.2">
      <c r="A59" s="18" t="s">
        <v>57</v>
      </c>
      <c r="B59" s="15">
        <v>33</v>
      </c>
      <c r="C59" s="16">
        <v>32</v>
      </c>
      <c r="D59" s="17">
        <v>65</v>
      </c>
    </row>
    <row r="60" spans="1:4" ht="18" customHeight="1" x14ac:dyDescent="0.2">
      <c r="A60" s="14">
        <v>45</v>
      </c>
      <c r="B60" s="15">
        <v>8</v>
      </c>
      <c r="C60" s="16">
        <v>6</v>
      </c>
      <c r="D60" s="17">
        <v>14</v>
      </c>
    </row>
    <row r="61" spans="1:4" ht="18" customHeight="1" x14ac:dyDescent="0.2">
      <c r="A61" s="14">
        <v>46</v>
      </c>
      <c r="B61" s="15">
        <v>13</v>
      </c>
      <c r="C61" s="16">
        <v>10</v>
      </c>
      <c r="D61" s="17">
        <v>23</v>
      </c>
    </row>
    <row r="62" spans="1:4" ht="18" customHeight="1" x14ac:dyDescent="0.2">
      <c r="A62" s="14">
        <v>47</v>
      </c>
      <c r="B62" s="15">
        <v>8</v>
      </c>
      <c r="C62" s="16">
        <v>8</v>
      </c>
      <c r="D62" s="17">
        <v>16</v>
      </c>
    </row>
    <row r="63" spans="1:4" ht="18" customHeight="1" x14ac:dyDescent="0.2">
      <c r="A63" s="14">
        <v>48</v>
      </c>
      <c r="B63" s="15">
        <v>6</v>
      </c>
      <c r="C63" s="16">
        <v>10</v>
      </c>
      <c r="D63" s="17">
        <v>16</v>
      </c>
    </row>
    <row r="64" spans="1:4" ht="18" customHeight="1" x14ac:dyDescent="0.2">
      <c r="A64" s="14">
        <v>49</v>
      </c>
      <c r="B64" s="15">
        <v>9</v>
      </c>
      <c r="C64" s="16">
        <v>4</v>
      </c>
      <c r="D64" s="17">
        <v>13</v>
      </c>
    </row>
    <row r="65" spans="1:4" ht="18" customHeight="1" x14ac:dyDescent="0.2">
      <c r="A65" s="18" t="s">
        <v>58</v>
      </c>
      <c r="B65" s="15">
        <v>44</v>
      </c>
      <c r="C65" s="16">
        <v>38</v>
      </c>
      <c r="D65" s="17">
        <v>82</v>
      </c>
    </row>
    <row r="66" spans="1:4" ht="18" customHeight="1" x14ac:dyDescent="0.2">
      <c r="A66" s="14">
        <v>50</v>
      </c>
      <c r="B66" s="15">
        <v>6</v>
      </c>
      <c r="C66" s="16">
        <v>4</v>
      </c>
      <c r="D66" s="17">
        <v>10</v>
      </c>
    </row>
    <row r="67" spans="1:4" ht="18" customHeight="1" x14ac:dyDescent="0.2">
      <c r="A67" s="14">
        <v>51</v>
      </c>
      <c r="B67" s="15">
        <v>5</v>
      </c>
      <c r="C67" s="16">
        <v>4</v>
      </c>
      <c r="D67" s="17">
        <v>9</v>
      </c>
    </row>
    <row r="68" spans="1:4" ht="18" customHeight="1" x14ac:dyDescent="0.2">
      <c r="A68" s="14">
        <v>52</v>
      </c>
      <c r="B68" s="15">
        <v>2</v>
      </c>
      <c r="C68" s="16">
        <v>8</v>
      </c>
      <c r="D68" s="17">
        <v>10</v>
      </c>
    </row>
    <row r="69" spans="1:4" ht="18" customHeight="1" x14ac:dyDescent="0.2">
      <c r="A69" s="14">
        <v>53</v>
      </c>
      <c r="B69" s="15">
        <v>6</v>
      </c>
      <c r="C69" s="16">
        <v>4</v>
      </c>
      <c r="D69" s="17">
        <v>10</v>
      </c>
    </row>
    <row r="70" spans="1:4" ht="18" customHeight="1" x14ac:dyDescent="0.2">
      <c r="A70" s="14">
        <v>54</v>
      </c>
      <c r="B70" s="15">
        <v>4</v>
      </c>
      <c r="C70" s="16">
        <v>6</v>
      </c>
      <c r="D70" s="17">
        <v>10</v>
      </c>
    </row>
    <row r="71" spans="1:4" ht="18" customHeight="1" x14ac:dyDescent="0.2">
      <c r="A71" s="18" t="s">
        <v>59</v>
      </c>
      <c r="B71" s="15">
        <v>23</v>
      </c>
      <c r="C71" s="16">
        <v>26</v>
      </c>
      <c r="D71" s="17">
        <v>49</v>
      </c>
    </row>
    <row r="72" spans="1:4" ht="18" customHeight="1" x14ac:dyDescent="0.2">
      <c r="A72" s="14">
        <v>55</v>
      </c>
      <c r="B72" s="15">
        <v>1</v>
      </c>
      <c r="C72" s="16">
        <v>5</v>
      </c>
      <c r="D72" s="17">
        <v>6</v>
      </c>
    </row>
    <row r="73" spans="1:4" ht="18" customHeight="1" x14ac:dyDescent="0.2">
      <c r="A73" s="14">
        <v>56</v>
      </c>
      <c r="B73" s="15">
        <v>6</v>
      </c>
      <c r="C73" s="16">
        <v>11</v>
      </c>
      <c r="D73" s="17">
        <v>17</v>
      </c>
    </row>
    <row r="74" spans="1:4" ht="18" customHeight="1" x14ac:dyDescent="0.2">
      <c r="A74" s="14">
        <v>57</v>
      </c>
      <c r="B74" s="15">
        <v>6</v>
      </c>
      <c r="C74" s="16">
        <v>6</v>
      </c>
      <c r="D74" s="17">
        <v>12</v>
      </c>
    </row>
    <row r="75" spans="1:4" ht="18" customHeight="1" x14ac:dyDescent="0.2">
      <c r="A75" s="14">
        <v>58</v>
      </c>
      <c r="B75" s="15">
        <v>11</v>
      </c>
      <c r="C75" s="16">
        <v>10</v>
      </c>
      <c r="D75" s="17">
        <v>21</v>
      </c>
    </row>
    <row r="76" spans="1:4" ht="18" customHeight="1" x14ac:dyDescent="0.2">
      <c r="A76" s="14">
        <v>59</v>
      </c>
      <c r="B76" s="15">
        <v>7</v>
      </c>
      <c r="C76" s="16">
        <v>10</v>
      </c>
      <c r="D76" s="17">
        <v>17</v>
      </c>
    </row>
    <row r="77" spans="1:4" ht="18" customHeight="1" x14ac:dyDescent="0.2">
      <c r="A77" s="18" t="s">
        <v>60</v>
      </c>
      <c r="B77" s="15">
        <v>31</v>
      </c>
      <c r="C77" s="16">
        <v>42</v>
      </c>
      <c r="D77" s="17">
        <v>73</v>
      </c>
    </row>
    <row r="78" spans="1:4" ht="18" customHeight="1" x14ac:dyDescent="0.2">
      <c r="A78" s="14">
        <v>60</v>
      </c>
      <c r="B78" s="15">
        <v>8</v>
      </c>
      <c r="C78" s="16">
        <v>4</v>
      </c>
      <c r="D78" s="17">
        <v>12</v>
      </c>
    </row>
    <row r="79" spans="1:4" ht="18" customHeight="1" x14ac:dyDescent="0.2">
      <c r="A79" s="14">
        <v>61</v>
      </c>
      <c r="B79" s="15">
        <v>4</v>
      </c>
      <c r="C79" s="16">
        <v>8</v>
      </c>
      <c r="D79" s="17">
        <v>12</v>
      </c>
    </row>
    <row r="80" spans="1:4" ht="18" customHeight="1" x14ac:dyDescent="0.2">
      <c r="A80" s="14">
        <v>62</v>
      </c>
      <c r="B80" s="15">
        <v>10</v>
      </c>
      <c r="C80" s="16">
        <v>4</v>
      </c>
      <c r="D80" s="17">
        <v>14</v>
      </c>
    </row>
    <row r="81" spans="1:4" ht="18" customHeight="1" x14ac:dyDescent="0.2">
      <c r="A81" s="14">
        <v>63</v>
      </c>
      <c r="B81" s="15">
        <v>5</v>
      </c>
      <c r="C81" s="16">
        <v>8</v>
      </c>
      <c r="D81" s="17">
        <v>13</v>
      </c>
    </row>
    <row r="82" spans="1:4" ht="18" customHeight="1" x14ac:dyDescent="0.2">
      <c r="A82" s="14">
        <v>64</v>
      </c>
      <c r="B82" s="15">
        <v>6</v>
      </c>
      <c r="C82" s="16">
        <v>5</v>
      </c>
      <c r="D82" s="17">
        <v>11</v>
      </c>
    </row>
    <row r="83" spans="1:4" ht="18" customHeight="1" x14ac:dyDescent="0.2">
      <c r="A83" s="18" t="s">
        <v>61</v>
      </c>
      <c r="B83" s="15">
        <v>33</v>
      </c>
      <c r="C83" s="16">
        <v>29</v>
      </c>
      <c r="D83" s="17">
        <v>62</v>
      </c>
    </row>
    <row r="84" spans="1:4" ht="18" customHeight="1" x14ac:dyDescent="0.2">
      <c r="A84" s="18" t="s">
        <v>62</v>
      </c>
      <c r="B84" s="15">
        <v>276</v>
      </c>
      <c r="C84" s="16">
        <v>284</v>
      </c>
      <c r="D84" s="17">
        <v>560</v>
      </c>
    </row>
    <row r="85" spans="1:4" ht="18" customHeight="1" x14ac:dyDescent="0.2">
      <c r="A85" s="14">
        <v>65</v>
      </c>
      <c r="B85" s="15">
        <v>8</v>
      </c>
      <c r="C85" s="16">
        <v>10</v>
      </c>
      <c r="D85" s="17">
        <v>18</v>
      </c>
    </row>
    <row r="86" spans="1:4" ht="18" customHeight="1" x14ac:dyDescent="0.2">
      <c r="A86" s="14">
        <v>66</v>
      </c>
      <c r="B86" s="15">
        <v>5</v>
      </c>
      <c r="C86" s="16">
        <v>9</v>
      </c>
      <c r="D86" s="17">
        <v>14</v>
      </c>
    </row>
    <row r="87" spans="1:4" ht="18" customHeight="1" x14ac:dyDescent="0.2">
      <c r="A87" s="14">
        <v>67</v>
      </c>
      <c r="B87" s="15">
        <v>11</v>
      </c>
      <c r="C87" s="16">
        <v>6</v>
      </c>
      <c r="D87" s="17">
        <v>17</v>
      </c>
    </row>
    <row r="88" spans="1:4" ht="18" customHeight="1" x14ac:dyDescent="0.2">
      <c r="A88" s="14">
        <v>68</v>
      </c>
      <c r="B88" s="15">
        <v>8</v>
      </c>
      <c r="C88" s="16">
        <v>12</v>
      </c>
      <c r="D88" s="17">
        <v>20</v>
      </c>
    </row>
    <row r="89" spans="1:4" ht="18" customHeight="1" x14ac:dyDescent="0.2">
      <c r="A89" s="14">
        <v>69</v>
      </c>
      <c r="B89" s="15">
        <v>20</v>
      </c>
      <c r="C89" s="16">
        <v>15</v>
      </c>
      <c r="D89" s="17">
        <v>35</v>
      </c>
    </row>
    <row r="90" spans="1:4" ht="18" customHeight="1" x14ac:dyDescent="0.2">
      <c r="A90" s="18" t="s">
        <v>63</v>
      </c>
      <c r="B90" s="15">
        <v>52</v>
      </c>
      <c r="C90" s="16">
        <v>52</v>
      </c>
      <c r="D90" s="17">
        <v>104</v>
      </c>
    </row>
    <row r="91" spans="1:4" ht="18" customHeight="1" x14ac:dyDescent="0.2">
      <c r="A91" s="14">
        <v>70</v>
      </c>
      <c r="B91" s="15">
        <v>14</v>
      </c>
      <c r="C91" s="16">
        <v>11</v>
      </c>
      <c r="D91" s="17">
        <v>25</v>
      </c>
    </row>
    <row r="92" spans="1:4" ht="18" customHeight="1" x14ac:dyDescent="0.2">
      <c r="A92" s="14">
        <v>71</v>
      </c>
      <c r="B92" s="15">
        <v>10</v>
      </c>
      <c r="C92" s="16">
        <v>16</v>
      </c>
      <c r="D92" s="17">
        <v>26</v>
      </c>
    </row>
    <row r="93" spans="1:4" ht="18" customHeight="1" x14ac:dyDescent="0.2">
      <c r="A93" s="14">
        <v>72</v>
      </c>
      <c r="B93" s="15">
        <v>10</v>
      </c>
      <c r="C93" s="16">
        <v>17</v>
      </c>
      <c r="D93" s="17">
        <v>27</v>
      </c>
    </row>
    <row r="94" spans="1:4" ht="18" customHeight="1" x14ac:dyDescent="0.2">
      <c r="A94" s="14">
        <v>73</v>
      </c>
      <c r="B94" s="15">
        <v>2</v>
      </c>
      <c r="C94" s="16">
        <v>4</v>
      </c>
      <c r="D94" s="17">
        <v>6</v>
      </c>
    </row>
    <row r="95" spans="1:4" ht="18" customHeight="1" x14ac:dyDescent="0.2">
      <c r="A95" s="14">
        <v>74</v>
      </c>
      <c r="B95" s="15">
        <v>9</v>
      </c>
      <c r="C95" s="16">
        <v>5</v>
      </c>
      <c r="D95" s="17">
        <v>14</v>
      </c>
    </row>
    <row r="96" spans="1:4" ht="18" customHeight="1" x14ac:dyDescent="0.2">
      <c r="A96" s="18" t="s">
        <v>64</v>
      </c>
      <c r="B96" s="15">
        <v>45</v>
      </c>
      <c r="C96" s="16">
        <v>53</v>
      </c>
      <c r="D96" s="17">
        <v>98</v>
      </c>
    </row>
    <row r="97" spans="1:4" ht="18" customHeight="1" x14ac:dyDescent="0.2">
      <c r="A97" s="14">
        <v>75</v>
      </c>
      <c r="B97" s="15">
        <v>8</v>
      </c>
      <c r="C97" s="16">
        <v>5</v>
      </c>
      <c r="D97" s="17">
        <v>13</v>
      </c>
    </row>
    <row r="98" spans="1:4" ht="18" customHeight="1" x14ac:dyDescent="0.2">
      <c r="A98" s="14">
        <v>76</v>
      </c>
      <c r="B98" s="15">
        <v>11</v>
      </c>
      <c r="C98" s="16">
        <v>3</v>
      </c>
      <c r="D98" s="17">
        <v>14</v>
      </c>
    </row>
    <row r="99" spans="1:4" ht="18" customHeight="1" x14ac:dyDescent="0.2">
      <c r="A99" s="14">
        <v>77</v>
      </c>
      <c r="B99" s="15">
        <v>10</v>
      </c>
      <c r="C99" s="16">
        <v>3</v>
      </c>
      <c r="D99" s="17">
        <v>13</v>
      </c>
    </row>
    <row r="100" spans="1:4" ht="18" customHeight="1" x14ac:dyDescent="0.2">
      <c r="A100" s="14">
        <v>78</v>
      </c>
      <c r="B100" s="15">
        <v>5</v>
      </c>
      <c r="C100" s="16">
        <v>8</v>
      </c>
      <c r="D100" s="17">
        <v>13</v>
      </c>
    </row>
    <row r="101" spans="1:4" ht="18" customHeight="1" x14ac:dyDescent="0.2">
      <c r="A101" s="14">
        <v>79</v>
      </c>
      <c r="B101" s="15">
        <v>3</v>
      </c>
      <c r="C101" s="16">
        <v>7</v>
      </c>
      <c r="D101" s="17">
        <v>10</v>
      </c>
    </row>
    <row r="102" spans="1:4" ht="18" customHeight="1" x14ac:dyDescent="0.2">
      <c r="A102" s="18" t="s">
        <v>65</v>
      </c>
      <c r="B102" s="15">
        <v>37</v>
      </c>
      <c r="C102" s="16">
        <v>26</v>
      </c>
      <c r="D102" s="17">
        <v>63</v>
      </c>
    </row>
    <row r="103" spans="1:4" ht="18" customHeight="1" x14ac:dyDescent="0.2">
      <c r="A103" s="14">
        <v>80</v>
      </c>
      <c r="B103" s="15">
        <v>1</v>
      </c>
      <c r="C103" s="16">
        <v>6</v>
      </c>
      <c r="D103" s="17">
        <v>7</v>
      </c>
    </row>
    <row r="104" spans="1:4" ht="18" customHeight="1" x14ac:dyDescent="0.2">
      <c r="A104" s="14">
        <v>81</v>
      </c>
      <c r="B104" s="15">
        <v>2</v>
      </c>
      <c r="C104" s="16">
        <v>5</v>
      </c>
      <c r="D104" s="17">
        <v>7</v>
      </c>
    </row>
    <row r="105" spans="1:4" ht="18" customHeight="1" x14ac:dyDescent="0.2">
      <c r="A105" s="14">
        <v>82</v>
      </c>
      <c r="B105" s="15">
        <v>4</v>
      </c>
      <c r="C105" s="16">
        <v>7</v>
      </c>
      <c r="D105" s="17">
        <v>11</v>
      </c>
    </row>
    <row r="106" spans="1:4" ht="18" customHeight="1" x14ac:dyDescent="0.2">
      <c r="A106" s="14">
        <v>83</v>
      </c>
      <c r="B106" s="15">
        <v>5</v>
      </c>
      <c r="C106" s="16">
        <v>9</v>
      </c>
      <c r="D106" s="17">
        <v>14</v>
      </c>
    </row>
    <row r="107" spans="1:4" ht="18" customHeight="1" x14ac:dyDescent="0.2">
      <c r="A107" s="14">
        <v>84</v>
      </c>
      <c r="B107" s="15">
        <v>3</v>
      </c>
      <c r="C107" s="16">
        <v>5</v>
      </c>
      <c r="D107" s="17">
        <v>8</v>
      </c>
    </row>
    <row r="108" spans="1:4" ht="18" customHeight="1" x14ac:dyDescent="0.2">
      <c r="A108" s="18" t="s">
        <v>66</v>
      </c>
      <c r="B108" s="15">
        <v>15</v>
      </c>
      <c r="C108" s="16">
        <v>32</v>
      </c>
      <c r="D108" s="17">
        <v>47</v>
      </c>
    </row>
    <row r="109" spans="1:4" ht="18" customHeight="1" x14ac:dyDescent="0.2">
      <c r="A109" s="14">
        <v>85</v>
      </c>
      <c r="B109" s="15">
        <v>5</v>
      </c>
      <c r="C109" s="16">
        <v>7</v>
      </c>
      <c r="D109" s="17">
        <v>12</v>
      </c>
    </row>
    <row r="110" spans="1:4" ht="18" customHeight="1" x14ac:dyDescent="0.2">
      <c r="A110" s="14">
        <v>86</v>
      </c>
      <c r="B110" s="15">
        <v>3</v>
      </c>
      <c r="C110" s="16">
        <v>2</v>
      </c>
      <c r="D110" s="17">
        <v>5</v>
      </c>
    </row>
    <row r="111" spans="1:4" ht="18" customHeight="1" x14ac:dyDescent="0.2">
      <c r="A111" s="14">
        <v>87</v>
      </c>
      <c r="B111" s="15">
        <v>1</v>
      </c>
      <c r="C111" s="16">
        <v>5</v>
      </c>
      <c r="D111" s="17">
        <v>6</v>
      </c>
    </row>
    <row r="112" spans="1:4" ht="18" customHeight="1" x14ac:dyDescent="0.2">
      <c r="A112" s="14">
        <v>88</v>
      </c>
      <c r="B112" s="15">
        <v>0</v>
      </c>
      <c r="C112" s="16">
        <v>4</v>
      </c>
      <c r="D112" s="17">
        <v>4</v>
      </c>
    </row>
    <row r="113" spans="1:4" ht="18" customHeight="1" x14ac:dyDescent="0.2">
      <c r="A113" s="14">
        <v>89</v>
      </c>
      <c r="B113" s="15">
        <v>0</v>
      </c>
      <c r="C113" s="16">
        <v>4</v>
      </c>
      <c r="D113" s="17">
        <v>4</v>
      </c>
    </row>
    <row r="114" spans="1:4" ht="18" customHeight="1" x14ac:dyDescent="0.2">
      <c r="A114" s="18" t="s">
        <v>67</v>
      </c>
      <c r="B114" s="15">
        <v>9</v>
      </c>
      <c r="C114" s="16">
        <v>22</v>
      </c>
      <c r="D114" s="17">
        <v>31</v>
      </c>
    </row>
    <row r="115" spans="1:4" ht="18" customHeight="1" x14ac:dyDescent="0.2">
      <c r="A115" s="14">
        <v>90</v>
      </c>
      <c r="B115" s="15">
        <v>1</v>
      </c>
      <c r="C115" s="16">
        <v>2</v>
      </c>
      <c r="D115" s="17">
        <v>3</v>
      </c>
    </row>
    <row r="116" spans="1:4" ht="18" customHeight="1" x14ac:dyDescent="0.2">
      <c r="A116" s="14">
        <v>91</v>
      </c>
      <c r="B116" s="15">
        <v>3</v>
      </c>
      <c r="C116" s="16">
        <v>4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68</v>
      </c>
      <c r="B120" s="15">
        <v>4</v>
      </c>
      <c r="C120" s="16">
        <v>13</v>
      </c>
      <c r="D120" s="17">
        <v>17</v>
      </c>
    </row>
    <row r="121" spans="1:4" ht="18" customHeight="1" x14ac:dyDescent="0.2">
      <c r="A121" s="14">
        <v>95</v>
      </c>
      <c r="B121" s="15">
        <v>1</v>
      </c>
      <c r="C121" s="16">
        <v>0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64</v>
      </c>
      <c r="C130" s="5">
        <v>199</v>
      </c>
      <c r="D130" s="6">
        <v>363</v>
      </c>
    </row>
    <row r="131" spans="1:4" ht="18" customHeight="1" x14ac:dyDescent="0.2">
      <c r="A131" s="20" t="s">
        <v>47</v>
      </c>
      <c r="B131" s="7">
        <v>491</v>
      </c>
      <c r="C131" s="8">
        <v>535</v>
      </c>
      <c r="D131" s="9">
        <v>102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5</v>
      </c>
      <c r="D5" s="13">
        <v>14</v>
      </c>
    </row>
    <row r="6" spans="1:4" ht="18" customHeight="1" x14ac:dyDescent="0.2">
      <c r="A6" s="14">
        <v>1</v>
      </c>
      <c r="B6" s="15">
        <v>10</v>
      </c>
      <c r="C6" s="16">
        <v>10</v>
      </c>
      <c r="D6" s="17">
        <v>20</v>
      </c>
    </row>
    <row r="7" spans="1:4" ht="18" customHeight="1" x14ac:dyDescent="0.2">
      <c r="A7" s="14">
        <v>2</v>
      </c>
      <c r="B7" s="15">
        <v>9</v>
      </c>
      <c r="C7" s="16">
        <v>9</v>
      </c>
      <c r="D7" s="17">
        <v>18</v>
      </c>
    </row>
    <row r="8" spans="1:4" ht="18" customHeight="1" x14ac:dyDescent="0.2">
      <c r="A8" s="14">
        <v>3</v>
      </c>
      <c r="B8" s="15">
        <v>5</v>
      </c>
      <c r="C8" s="16">
        <v>15</v>
      </c>
      <c r="D8" s="17">
        <v>20</v>
      </c>
    </row>
    <row r="9" spans="1:4" ht="18" customHeight="1" x14ac:dyDescent="0.2">
      <c r="A9" s="14">
        <v>4</v>
      </c>
      <c r="B9" s="15">
        <v>6</v>
      </c>
      <c r="C9" s="16">
        <v>11</v>
      </c>
      <c r="D9" s="17">
        <v>17</v>
      </c>
    </row>
    <row r="10" spans="1:4" ht="18" customHeight="1" x14ac:dyDescent="0.2">
      <c r="A10" s="18" t="s">
        <v>48</v>
      </c>
      <c r="B10" s="15">
        <v>39</v>
      </c>
      <c r="C10" s="16">
        <v>50</v>
      </c>
      <c r="D10" s="17">
        <v>89</v>
      </c>
    </row>
    <row r="11" spans="1:4" ht="18" customHeight="1" x14ac:dyDescent="0.2">
      <c r="A11" s="14">
        <v>5</v>
      </c>
      <c r="B11" s="15">
        <v>14</v>
      </c>
      <c r="C11" s="16">
        <v>8</v>
      </c>
      <c r="D11" s="17">
        <v>22</v>
      </c>
    </row>
    <row r="12" spans="1:4" ht="18" customHeight="1" x14ac:dyDescent="0.2">
      <c r="A12" s="14">
        <v>6</v>
      </c>
      <c r="B12" s="15">
        <v>13</v>
      </c>
      <c r="C12" s="16">
        <v>11</v>
      </c>
      <c r="D12" s="17">
        <v>24</v>
      </c>
    </row>
    <row r="13" spans="1:4" ht="18" customHeight="1" x14ac:dyDescent="0.2">
      <c r="A13" s="14">
        <v>7</v>
      </c>
      <c r="B13" s="15">
        <v>15</v>
      </c>
      <c r="C13" s="16">
        <v>11</v>
      </c>
      <c r="D13" s="17">
        <v>26</v>
      </c>
    </row>
    <row r="14" spans="1:4" ht="18" customHeight="1" x14ac:dyDescent="0.2">
      <c r="A14" s="14">
        <v>8</v>
      </c>
      <c r="B14" s="15">
        <v>9</v>
      </c>
      <c r="C14" s="16">
        <v>12</v>
      </c>
      <c r="D14" s="17">
        <v>21</v>
      </c>
    </row>
    <row r="15" spans="1:4" ht="18" customHeight="1" x14ac:dyDescent="0.2">
      <c r="A15" s="14">
        <v>9</v>
      </c>
      <c r="B15" s="15">
        <v>14</v>
      </c>
      <c r="C15" s="16">
        <v>13</v>
      </c>
      <c r="D15" s="17">
        <v>27</v>
      </c>
    </row>
    <row r="16" spans="1:4" ht="18" customHeight="1" x14ac:dyDescent="0.2">
      <c r="A16" s="18" t="s">
        <v>49</v>
      </c>
      <c r="B16" s="15">
        <v>65</v>
      </c>
      <c r="C16" s="16">
        <v>55</v>
      </c>
      <c r="D16" s="17">
        <v>120</v>
      </c>
    </row>
    <row r="17" spans="1:4" ht="18" customHeight="1" x14ac:dyDescent="0.2">
      <c r="A17" s="14">
        <v>10</v>
      </c>
      <c r="B17" s="15">
        <v>9</v>
      </c>
      <c r="C17" s="16">
        <v>9</v>
      </c>
      <c r="D17" s="17">
        <v>18</v>
      </c>
    </row>
    <row r="18" spans="1:4" ht="18" customHeight="1" x14ac:dyDescent="0.2">
      <c r="A18" s="14">
        <v>11</v>
      </c>
      <c r="B18" s="15">
        <v>8</v>
      </c>
      <c r="C18" s="16">
        <v>17</v>
      </c>
      <c r="D18" s="17">
        <v>25</v>
      </c>
    </row>
    <row r="19" spans="1:4" ht="18" customHeight="1" x14ac:dyDescent="0.2">
      <c r="A19" s="14">
        <v>12</v>
      </c>
      <c r="B19" s="15">
        <v>16</v>
      </c>
      <c r="C19" s="16">
        <v>9</v>
      </c>
      <c r="D19" s="17">
        <v>25</v>
      </c>
    </row>
    <row r="20" spans="1:4" ht="18" customHeight="1" x14ac:dyDescent="0.2">
      <c r="A20" s="14">
        <v>13</v>
      </c>
      <c r="B20" s="15">
        <v>12</v>
      </c>
      <c r="C20" s="16">
        <v>9</v>
      </c>
      <c r="D20" s="17">
        <v>21</v>
      </c>
    </row>
    <row r="21" spans="1:4" ht="18" customHeight="1" x14ac:dyDescent="0.2">
      <c r="A21" s="14">
        <v>14</v>
      </c>
      <c r="B21" s="15">
        <v>10</v>
      </c>
      <c r="C21" s="16">
        <v>14</v>
      </c>
      <c r="D21" s="17">
        <v>24</v>
      </c>
    </row>
    <row r="22" spans="1:4" ht="18" customHeight="1" x14ac:dyDescent="0.2">
      <c r="A22" s="18" t="s">
        <v>50</v>
      </c>
      <c r="B22" s="15">
        <v>55</v>
      </c>
      <c r="C22" s="16">
        <v>58</v>
      </c>
      <c r="D22" s="17">
        <v>113</v>
      </c>
    </row>
    <row r="23" spans="1:4" ht="18" customHeight="1" x14ac:dyDescent="0.2">
      <c r="A23" s="18" t="s">
        <v>51</v>
      </c>
      <c r="B23" s="15">
        <v>159</v>
      </c>
      <c r="C23" s="16">
        <v>163</v>
      </c>
      <c r="D23" s="17">
        <v>322</v>
      </c>
    </row>
    <row r="24" spans="1:4" ht="18" customHeight="1" x14ac:dyDescent="0.2">
      <c r="A24" s="14">
        <v>15</v>
      </c>
      <c r="B24" s="15">
        <v>17</v>
      </c>
      <c r="C24" s="16">
        <v>14</v>
      </c>
      <c r="D24" s="17">
        <v>31</v>
      </c>
    </row>
    <row r="25" spans="1:4" ht="18" customHeight="1" x14ac:dyDescent="0.2">
      <c r="A25" s="14">
        <v>16</v>
      </c>
      <c r="B25" s="15">
        <v>14</v>
      </c>
      <c r="C25" s="16">
        <v>20</v>
      </c>
      <c r="D25" s="17">
        <v>34</v>
      </c>
    </row>
    <row r="26" spans="1:4" ht="18" customHeight="1" x14ac:dyDescent="0.2">
      <c r="A26" s="14">
        <v>17</v>
      </c>
      <c r="B26" s="15">
        <v>16</v>
      </c>
      <c r="C26" s="16">
        <v>18</v>
      </c>
      <c r="D26" s="17">
        <v>34</v>
      </c>
    </row>
    <row r="27" spans="1:4" ht="18" customHeight="1" x14ac:dyDescent="0.2">
      <c r="A27" s="14">
        <v>18</v>
      </c>
      <c r="B27" s="15">
        <v>15</v>
      </c>
      <c r="C27" s="16">
        <v>9</v>
      </c>
      <c r="D27" s="17">
        <v>24</v>
      </c>
    </row>
    <row r="28" spans="1:4" ht="18" customHeight="1" x14ac:dyDescent="0.2">
      <c r="A28" s="14">
        <v>19</v>
      </c>
      <c r="B28" s="15">
        <v>10</v>
      </c>
      <c r="C28" s="16">
        <v>22</v>
      </c>
      <c r="D28" s="17">
        <v>32</v>
      </c>
    </row>
    <row r="29" spans="1:4" ht="18" customHeight="1" x14ac:dyDescent="0.2">
      <c r="A29" s="18" t="s">
        <v>52</v>
      </c>
      <c r="B29" s="15">
        <v>72</v>
      </c>
      <c r="C29" s="16">
        <v>83</v>
      </c>
      <c r="D29" s="17">
        <v>155</v>
      </c>
    </row>
    <row r="30" spans="1:4" ht="18" customHeight="1" x14ac:dyDescent="0.2">
      <c r="A30" s="14">
        <v>20</v>
      </c>
      <c r="B30" s="15">
        <v>9</v>
      </c>
      <c r="C30" s="16">
        <v>11</v>
      </c>
      <c r="D30" s="17">
        <v>20</v>
      </c>
    </row>
    <row r="31" spans="1:4" ht="18" customHeight="1" x14ac:dyDescent="0.2">
      <c r="A31" s="14">
        <v>21</v>
      </c>
      <c r="B31" s="15">
        <v>17</v>
      </c>
      <c r="C31" s="16">
        <v>17</v>
      </c>
      <c r="D31" s="17">
        <v>34</v>
      </c>
    </row>
    <row r="32" spans="1:4" ht="18" customHeight="1" x14ac:dyDescent="0.2">
      <c r="A32" s="14">
        <v>22</v>
      </c>
      <c r="B32" s="15">
        <v>17</v>
      </c>
      <c r="C32" s="16">
        <v>14</v>
      </c>
      <c r="D32" s="17">
        <v>31</v>
      </c>
    </row>
    <row r="33" spans="1:4" ht="18" customHeight="1" x14ac:dyDescent="0.2">
      <c r="A33" s="14">
        <v>23</v>
      </c>
      <c r="B33" s="15">
        <v>12</v>
      </c>
      <c r="C33" s="16">
        <v>17</v>
      </c>
      <c r="D33" s="17">
        <v>29</v>
      </c>
    </row>
    <row r="34" spans="1:4" ht="18" customHeight="1" x14ac:dyDescent="0.2">
      <c r="A34" s="14">
        <v>24</v>
      </c>
      <c r="B34" s="15">
        <v>25</v>
      </c>
      <c r="C34" s="16">
        <v>14</v>
      </c>
      <c r="D34" s="17">
        <v>39</v>
      </c>
    </row>
    <row r="35" spans="1:4" ht="18" customHeight="1" x14ac:dyDescent="0.2">
      <c r="A35" s="18" t="s">
        <v>53</v>
      </c>
      <c r="B35" s="15">
        <v>80</v>
      </c>
      <c r="C35" s="16">
        <v>73</v>
      </c>
      <c r="D35" s="17">
        <v>153</v>
      </c>
    </row>
    <row r="36" spans="1:4" ht="18" customHeight="1" x14ac:dyDescent="0.2">
      <c r="A36" s="14">
        <v>25</v>
      </c>
      <c r="B36" s="15">
        <v>12</v>
      </c>
      <c r="C36" s="16">
        <v>12</v>
      </c>
      <c r="D36" s="17">
        <v>24</v>
      </c>
    </row>
    <row r="37" spans="1:4" ht="18" customHeight="1" x14ac:dyDescent="0.2">
      <c r="A37" s="14">
        <v>26</v>
      </c>
      <c r="B37" s="15">
        <v>15</v>
      </c>
      <c r="C37" s="16">
        <v>8</v>
      </c>
      <c r="D37" s="17">
        <v>23</v>
      </c>
    </row>
    <row r="38" spans="1:4" ht="18" customHeight="1" x14ac:dyDescent="0.2">
      <c r="A38" s="14">
        <v>27</v>
      </c>
      <c r="B38" s="15">
        <v>10</v>
      </c>
      <c r="C38" s="16">
        <v>9</v>
      </c>
      <c r="D38" s="17">
        <v>19</v>
      </c>
    </row>
    <row r="39" spans="1:4" ht="18" customHeight="1" x14ac:dyDescent="0.2">
      <c r="A39" s="14">
        <v>28</v>
      </c>
      <c r="B39" s="15">
        <v>15</v>
      </c>
      <c r="C39" s="16">
        <v>13</v>
      </c>
      <c r="D39" s="17">
        <v>28</v>
      </c>
    </row>
    <row r="40" spans="1:4" ht="18" customHeight="1" x14ac:dyDescent="0.2">
      <c r="A40" s="14">
        <v>29</v>
      </c>
      <c r="B40" s="15">
        <v>13</v>
      </c>
      <c r="C40" s="16">
        <v>9</v>
      </c>
      <c r="D40" s="17">
        <v>22</v>
      </c>
    </row>
    <row r="41" spans="1:4" ht="18" customHeight="1" x14ac:dyDescent="0.2">
      <c r="A41" s="18" t="s">
        <v>54</v>
      </c>
      <c r="B41" s="15">
        <v>65</v>
      </c>
      <c r="C41" s="16">
        <v>51</v>
      </c>
      <c r="D41" s="17">
        <v>116</v>
      </c>
    </row>
    <row r="42" spans="1:4" ht="18" customHeight="1" x14ac:dyDescent="0.2">
      <c r="A42" s="14">
        <v>30</v>
      </c>
      <c r="B42" s="15">
        <v>10</v>
      </c>
      <c r="C42" s="16">
        <v>9</v>
      </c>
      <c r="D42" s="17">
        <v>19</v>
      </c>
    </row>
    <row r="43" spans="1:4" ht="18" customHeight="1" x14ac:dyDescent="0.2">
      <c r="A43" s="14">
        <v>31</v>
      </c>
      <c r="B43" s="15">
        <v>10</v>
      </c>
      <c r="C43" s="16">
        <v>18</v>
      </c>
      <c r="D43" s="17">
        <v>28</v>
      </c>
    </row>
    <row r="44" spans="1:4" ht="18" customHeight="1" x14ac:dyDescent="0.2">
      <c r="A44" s="14">
        <v>32</v>
      </c>
      <c r="B44" s="15">
        <v>12</v>
      </c>
      <c r="C44" s="16">
        <v>12</v>
      </c>
      <c r="D44" s="17">
        <v>24</v>
      </c>
    </row>
    <row r="45" spans="1:4" ht="18" customHeight="1" x14ac:dyDescent="0.2">
      <c r="A45" s="14">
        <v>33</v>
      </c>
      <c r="B45" s="15">
        <v>9</v>
      </c>
      <c r="C45" s="16">
        <v>14</v>
      </c>
      <c r="D45" s="17">
        <v>23</v>
      </c>
    </row>
    <row r="46" spans="1:4" ht="18" customHeight="1" x14ac:dyDescent="0.2">
      <c r="A46" s="14">
        <v>34</v>
      </c>
      <c r="B46" s="15">
        <v>17</v>
      </c>
      <c r="C46" s="16">
        <v>15</v>
      </c>
      <c r="D46" s="17">
        <v>32</v>
      </c>
    </row>
    <row r="47" spans="1:4" ht="18" customHeight="1" x14ac:dyDescent="0.2">
      <c r="A47" s="18" t="s">
        <v>55</v>
      </c>
      <c r="B47" s="15">
        <v>58</v>
      </c>
      <c r="C47" s="16">
        <v>68</v>
      </c>
      <c r="D47" s="17">
        <v>126</v>
      </c>
    </row>
    <row r="48" spans="1:4" ht="18" customHeight="1" x14ac:dyDescent="0.2">
      <c r="A48" s="14">
        <v>35</v>
      </c>
      <c r="B48" s="15">
        <v>24</v>
      </c>
      <c r="C48" s="16">
        <v>12</v>
      </c>
      <c r="D48" s="17">
        <v>36</v>
      </c>
    </row>
    <row r="49" spans="1:4" ht="18" customHeight="1" x14ac:dyDescent="0.2">
      <c r="A49" s="14">
        <v>36</v>
      </c>
      <c r="B49" s="15">
        <v>13</v>
      </c>
      <c r="C49" s="16">
        <v>9</v>
      </c>
      <c r="D49" s="17">
        <v>22</v>
      </c>
    </row>
    <row r="50" spans="1:4" ht="18" customHeight="1" x14ac:dyDescent="0.2">
      <c r="A50" s="14">
        <v>37</v>
      </c>
      <c r="B50" s="15">
        <v>12</v>
      </c>
      <c r="C50" s="16">
        <v>14</v>
      </c>
      <c r="D50" s="17">
        <v>26</v>
      </c>
    </row>
    <row r="51" spans="1:4" ht="18" customHeight="1" x14ac:dyDescent="0.2">
      <c r="A51" s="14">
        <v>38</v>
      </c>
      <c r="B51" s="15">
        <v>14</v>
      </c>
      <c r="C51" s="16">
        <v>21</v>
      </c>
      <c r="D51" s="17">
        <v>35</v>
      </c>
    </row>
    <row r="52" spans="1:4" ht="18" customHeight="1" x14ac:dyDescent="0.2">
      <c r="A52" s="14">
        <v>39</v>
      </c>
      <c r="B52" s="15">
        <v>17</v>
      </c>
      <c r="C52" s="16">
        <v>15</v>
      </c>
      <c r="D52" s="17">
        <v>32</v>
      </c>
    </row>
    <row r="53" spans="1:4" ht="18" customHeight="1" x14ac:dyDescent="0.2">
      <c r="A53" s="18" t="s">
        <v>56</v>
      </c>
      <c r="B53" s="15">
        <v>80</v>
      </c>
      <c r="C53" s="16">
        <v>71</v>
      </c>
      <c r="D53" s="17">
        <v>151</v>
      </c>
    </row>
    <row r="54" spans="1:4" ht="18" customHeight="1" x14ac:dyDescent="0.2">
      <c r="A54" s="14">
        <v>40</v>
      </c>
      <c r="B54" s="15">
        <v>12</v>
      </c>
      <c r="C54" s="16">
        <v>11</v>
      </c>
      <c r="D54" s="17">
        <v>23</v>
      </c>
    </row>
    <row r="55" spans="1:4" ht="18" customHeight="1" x14ac:dyDescent="0.2">
      <c r="A55" s="14">
        <v>41</v>
      </c>
      <c r="B55" s="15">
        <v>22</v>
      </c>
      <c r="C55" s="16">
        <v>23</v>
      </c>
      <c r="D55" s="17">
        <v>45</v>
      </c>
    </row>
    <row r="56" spans="1:4" ht="18" customHeight="1" x14ac:dyDescent="0.2">
      <c r="A56" s="14">
        <v>42</v>
      </c>
      <c r="B56" s="15">
        <v>13</v>
      </c>
      <c r="C56" s="16">
        <v>14</v>
      </c>
      <c r="D56" s="17">
        <v>27</v>
      </c>
    </row>
    <row r="57" spans="1:4" ht="18" customHeight="1" x14ac:dyDescent="0.2">
      <c r="A57" s="14">
        <v>43</v>
      </c>
      <c r="B57" s="15">
        <v>16</v>
      </c>
      <c r="C57" s="16">
        <v>13</v>
      </c>
      <c r="D57" s="17">
        <v>29</v>
      </c>
    </row>
    <row r="58" spans="1:4" ht="18" customHeight="1" x14ac:dyDescent="0.2">
      <c r="A58" s="14">
        <v>44</v>
      </c>
      <c r="B58" s="15">
        <v>34</v>
      </c>
      <c r="C58" s="16">
        <v>24</v>
      </c>
      <c r="D58" s="17">
        <v>58</v>
      </c>
    </row>
    <row r="59" spans="1:4" ht="18" customHeight="1" x14ac:dyDescent="0.2">
      <c r="A59" s="18" t="s">
        <v>57</v>
      </c>
      <c r="B59" s="15">
        <v>97</v>
      </c>
      <c r="C59" s="16">
        <v>85</v>
      </c>
      <c r="D59" s="17">
        <v>182</v>
      </c>
    </row>
    <row r="60" spans="1:4" ht="18" customHeight="1" x14ac:dyDescent="0.2">
      <c r="A60" s="14">
        <v>45</v>
      </c>
      <c r="B60" s="15">
        <v>26</v>
      </c>
      <c r="C60" s="16">
        <v>21</v>
      </c>
      <c r="D60" s="17">
        <v>47</v>
      </c>
    </row>
    <row r="61" spans="1:4" ht="18" customHeight="1" x14ac:dyDescent="0.2">
      <c r="A61" s="14">
        <v>46</v>
      </c>
      <c r="B61" s="15">
        <v>27</v>
      </c>
      <c r="C61" s="16">
        <v>18</v>
      </c>
      <c r="D61" s="17">
        <v>45</v>
      </c>
    </row>
    <row r="62" spans="1:4" ht="18" customHeight="1" x14ac:dyDescent="0.2">
      <c r="A62" s="14">
        <v>47</v>
      </c>
      <c r="B62" s="15">
        <v>25</v>
      </c>
      <c r="C62" s="16">
        <v>35</v>
      </c>
      <c r="D62" s="17">
        <v>60</v>
      </c>
    </row>
    <row r="63" spans="1:4" ht="18" customHeight="1" x14ac:dyDescent="0.2">
      <c r="A63" s="14">
        <v>48</v>
      </c>
      <c r="B63" s="15">
        <v>33</v>
      </c>
      <c r="C63" s="16">
        <v>23</v>
      </c>
      <c r="D63" s="17">
        <v>56</v>
      </c>
    </row>
    <row r="64" spans="1:4" ht="18" customHeight="1" x14ac:dyDescent="0.2">
      <c r="A64" s="14">
        <v>49</v>
      </c>
      <c r="B64" s="15">
        <v>28</v>
      </c>
      <c r="C64" s="16">
        <v>34</v>
      </c>
      <c r="D64" s="17">
        <v>62</v>
      </c>
    </row>
    <row r="65" spans="1:4" ht="18" customHeight="1" x14ac:dyDescent="0.2">
      <c r="A65" s="18" t="s">
        <v>58</v>
      </c>
      <c r="B65" s="15">
        <v>139</v>
      </c>
      <c r="C65" s="16">
        <v>131</v>
      </c>
      <c r="D65" s="17">
        <v>270</v>
      </c>
    </row>
    <row r="66" spans="1:4" ht="18" customHeight="1" x14ac:dyDescent="0.2">
      <c r="A66" s="14">
        <v>50</v>
      </c>
      <c r="B66" s="15">
        <v>30</v>
      </c>
      <c r="C66" s="16">
        <v>19</v>
      </c>
      <c r="D66" s="17">
        <v>49</v>
      </c>
    </row>
    <row r="67" spans="1:4" ht="18" customHeight="1" x14ac:dyDescent="0.2">
      <c r="A67" s="14">
        <v>51</v>
      </c>
      <c r="B67" s="15">
        <v>27</v>
      </c>
      <c r="C67" s="16">
        <v>19</v>
      </c>
      <c r="D67" s="17">
        <v>46</v>
      </c>
    </row>
    <row r="68" spans="1:4" ht="18" customHeight="1" x14ac:dyDescent="0.2">
      <c r="A68" s="14">
        <v>52</v>
      </c>
      <c r="B68" s="15">
        <v>22</v>
      </c>
      <c r="C68" s="16">
        <v>30</v>
      </c>
      <c r="D68" s="17">
        <v>52</v>
      </c>
    </row>
    <row r="69" spans="1:4" ht="18" customHeight="1" x14ac:dyDescent="0.2">
      <c r="A69" s="14">
        <v>53</v>
      </c>
      <c r="B69" s="15">
        <v>19</v>
      </c>
      <c r="C69" s="16">
        <v>18</v>
      </c>
      <c r="D69" s="17">
        <v>37</v>
      </c>
    </row>
    <row r="70" spans="1:4" ht="18" customHeight="1" x14ac:dyDescent="0.2">
      <c r="A70" s="14">
        <v>54</v>
      </c>
      <c r="B70" s="15">
        <v>20</v>
      </c>
      <c r="C70" s="16">
        <v>23</v>
      </c>
      <c r="D70" s="17">
        <v>43</v>
      </c>
    </row>
    <row r="71" spans="1:4" ht="18" customHeight="1" x14ac:dyDescent="0.2">
      <c r="A71" s="18" t="s">
        <v>59</v>
      </c>
      <c r="B71" s="15">
        <v>118</v>
      </c>
      <c r="C71" s="16">
        <v>109</v>
      </c>
      <c r="D71" s="17">
        <v>227</v>
      </c>
    </row>
    <row r="72" spans="1:4" ht="18" customHeight="1" x14ac:dyDescent="0.2">
      <c r="A72" s="14">
        <v>55</v>
      </c>
      <c r="B72" s="15">
        <v>22</v>
      </c>
      <c r="C72" s="16">
        <v>18</v>
      </c>
      <c r="D72" s="17">
        <v>40</v>
      </c>
    </row>
    <row r="73" spans="1:4" ht="18" customHeight="1" x14ac:dyDescent="0.2">
      <c r="A73" s="14">
        <v>56</v>
      </c>
      <c r="B73" s="15">
        <v>11</v>
      </c>
      <c r="C73" s="16">
        <v>13</v>
      </c>
      <c r="D73" s="17">
        <v>24</v>
      </c>
    </row>
    <row r="74" spans="1:4" ht="18" customHeight="1" x14ac:dyDescent="0.2">
      <c r="A74" s="14">
        <v>57</v>
      </c>
      <c r="B74" s="15">
        <v>22</v>
      </c>
      <c r="C74" s="16">
        <v>14</v>
      </c>
      <c r="D74" s="17">
        <v>36</v>
      </c>
    </row>
    <row r="75" spans="1:4" ht="18" customHeight="1" x14ac:dyDescent="0.2">
      <c r="A75" s="14">
        <v>58</v>
      </c>
      <c r="B75" s="15">
        <v>14</v>
      </c>
      <c r="C75" s="16">
        <v>25</v>
      </c>
      <c r="D75" s="17">
        <v>39</v>
      </c>
    </row>
    <row r="76" spans="1:4" ht="18" customHeight="1" x14ac:dyDescent="0.2">
      <c r="A76" s="14">
        <v>59</v>
      </c>
      <c r="B76" s="15">
        <v>11</v>
      </c>
      <c r="C76" s="16">
        <v>20</v>
      </c>
      <c r="D76" s="17">
        <v>31</v>
      </c>
    </row>
    <row r="77" spans="1:4" ht="18" customHeight="1" x14ac:dyDescent="0.2">
      <c r="A77" s="18" t="s">
        <v>60</v>
      </c>
      <c r="B77" s="15">
        <v>80</v>
      </c>
      <c r="C77" s="16">
        <v>90</v>
      </c>
      <c r="D77" s="17">
        <v>170</v>
      </c>
    </row>
    <row r="78" spans="1:4" ht="18" customHeight="1" x14ac:dyDescent="0.2">
      <c r="A78" s="14">
        <v>60</v>
      </c>
      <c r="B78" s="15">
        <v>16</v>
      </c>
      <c r="C78" s="16">
        <v>25</v>
      </c>
      <c r="D78" s="17">
        <v>41</v>
      </c>
    </row>
    <row r="79" spans="1:4" ht="18" customHeight="1" x14ac:dyDescent="0.2">
      <c r="A79" s="14">
        <v>61</v>
      </c>
      <c r="B79" s="15">
        <v>30</v>
      </c>
      <c r="C79" s="16">
        <v>21</v>
      </c>
      <c r="D79" s="17">
        <v>51</v>
      </c>
    </row>
    <row r="80" spans="1:4" ht="18" customHeight="1" x14ac:dyDescent="0.2">
      <c r="A80" s="14">
        <v>62</v>
      </c>
      <c r="B80" s="15">
        <v>13</v>
      </c>
      <c r="C80" s="16">
        <v>26</v>
      </c>
      <c r="D80" s="17">
        <v>39</v>
      </c>
    </row>
    <row r="81" spans="1:4" ht="18" customHeight="1" x14ac:dyDescent="0.2">
      <c r="A81" s="14">
        <v>63</v>
      </c>
      <c r="B81" s="15">
        <v>26</v>
      </c>
      <c r="C81" s="16">
        <v>22</v>
      </c>
      <c r="D81" s="17">
        <v>48</v>
      </c>
    </row>
    <row r="82" spans="1:4" ht="18" customHeight="1" x14ac:dyDescent="0.2">
      <c r="A82" s="14">
        <v>64</v>
      </c>
      <c r="B82" s="15">
        <v>29</v>
      </c>
      <c r="C82" s="16">
        <v>32</v>
      </c>
      <c r="D82" s="17">
        <v>61</v>
      </c>
    </row>
    <row r="83" spans="1:4" ht="18" customHeight="1" x14ac:dyDescent="0.2">
      <c r="A83" s="18" t="s">
        <v>61</v>
      </c>
      <c r="B83" s="15">
        <v>114</v>
      </c>
      <c r="C83" s="16">
        <v>126</v>
      </c>
      <c r="D83" s="17">
        <v>240</v>
      </c>
    </row>
    <row r="84" spans="1:4" ht="18" customHeight="1" x14ac:dyDescent="0.2">
      <c r="A84" s="18" t="s">
        <v>62</v>
      </c>
      <c r="B84" s="15">
        <v>903</v>
      </c>
      <c r="C84" s="16">
        <v>887</v>
      </c>
      <c r="D84" s="17">
        <v>1790</v>
      </c>
    </row>
    <row r="85" spans="1:4" ht="18" customHeight="1" x14ac:dyDescent="0.2">
      <c r="A85" s="14">
        <v>65</v>
      </c>
      <c r="B85" s="15">
        <v>23</v>
      </c>
      <c r="C85" s="16">
        <v>32</v>
      </c>
      <c r="D85" s="17">
        <v>55</v>
      </c>
    </row>
    <row r="86" spans="1:4" ht="18" customHeight="1" x14ac:dyDescent="0.2">
      <c r="A86" s="14">
        <v>66</v>
      </c>
      <c r="B86" s="15">
        <v>32</v>
      </c>
      <c r="C86" s="16">
        <v>25</v>
      </c>
      <c r="D86" s="17">
        <v>57</v>
      </c>
    </row>
    <row r="87" spans="1:4" ht="18" customHeight="1" x14ac:dyDescent="0.2">
      <c r="A87" s="14">
        <v>67</v>
      </c>
      <c r="B87" s="15">
        <v>25</v>
      </c>
      <c r="C87" s="16">
        <v>33</v>
      </c>
      <c r="D87" s="17">
        <v>58</v>
      </c>
    </row>
    <row r="88" spans="1:4" ht="18" customHeight="1" x14ac:dyDescent="0.2">
      <c r="A88" s="14">
        <v>68</v>
      </c>
      <c r="B88" s="15">
        <v>27</v>
      </c>
      <c r="C88" s="16">
        <v>30</v>
      </c>
      <c r="D88" s="17">
        <v>57</v>
      </c>
    </row>
    <row r="89" spans="1:4" ht="18" customHeight="1" x14ac:dyDescent="0.2">
      <c r="A89" s="14">
        <v>69</v>
      </c>
      <c r="B89" s="15">
        <v>50</v>
      </c>
      <c r="C89" s="16">
        <v>46</v>
      </c>
      <c r="D89" s="17">
        <v>96</v>
      </c>
    </row>
    <row r="90" spans="1:4" ht="18" customHeight="1" x14ac:dyDescent="0.2">
      <c r="A90" s="18" t="s">
        <v>63</v>
      </c>
      <c r="B90" s="15">
        <v>157</v>
      </c>
      <c r="C90" s="16">
        <v>166</v>
      </c>
      <c r="D90" s="17">
        <v>323</v>
      </c>
    </row>
    <row r="91" spans="1:4" ht="18" customHeight="1" x14ac:dyDescent="0.2">
      <c r="A91" s="14">
        <v>70</v>
      </c>
      <c r="B91" s="15">
        <v>35</v>
      </c>
      <c r="C91" s="16">
        <v>49</v>
      </c>
      <c r="D91" s="17">
        <v>84</v>
      </c>
    </row>
    <row r="92" spans="1:4" ht="18" customHeight="1" x14ac:dyDescent="0.2">
      <c r="A92" s="14">
        <v>71</v>
      </c>
      <c r="B92" s="15">
        <v>40</v>
      </c>
      <c r="C92" s="16">
        <v>54</v>
      </c>
      <c r="D92" s="17">
        <v>94</v>
      </c>
    </row>
    <row r="93" spans="1:4" ht="18" customHeight="1" x14ac:dyDescent="0.2">
      <c r="A93" s="14">
        <v>72</v>
      </c>
      <c r="B93" s="15">
        <v>45</v>
      </c>
      <c r="C93" s="16">
        <v>56</v>
      </c>
      <c r="D93" s="17">
        <v>101</v>
      </c>
    </row>
    <row r="94" spans="1:4" ht="18" customHeight="1" x14ac:dyDescent="0.2">
      <c r="A94" s="14">
        <v>73</v>
      </c>
      <c r="B94" s="15">
        <v>20</v>
      </c>
      <c r="C94" s="16">
        <v>17</v>
      </c>
      <c r="D94" s="17">
        <v>37</v>
      </c>
    </row>
    <row r="95" spans="1:4" ht="18" customHeight="1" x14ac:dyDescent="0.2">
      <c r="A95" s="14">
        <v>74</v>
      </c>
      <c r="B95" s="15">
        <v>29</v>
      </c>
      <c r="C95" s="16">
        <v>29</v>
      </c>
      <c r="D95" s="17">
        <v>58</v>
      </c>
    </row>
    <row r="96" spans="1:4" ht="18" customHeight="1" x14ac:dyDescent="0.2">
      <c r="A96" s="18" t="s">
        <v>64</v>
      </c>
      <c r="B96" s="15">
        <v>169</v>
      </c>
      <c r="C96" s="16">
        <v>205</v>
      </c>
      <c r="D96" s="17">
        <v>374</v>
      </c>
    </row>
    <row r="97" spans="1:4" ht="18" customHeight="1" x14ac:dyDescent="0.2">
      <c r="A97" s="14">
        <v>75</v>
      </c>
      <c r="B97" s="15">
        <v>36</v>
      </c>
      <c r="C97" s="16">
        <v>41</v>
      </c>
      <c r="D97" s="17">
        <v>77</v>
      </c>
    </row>
    <row r="98" spans="1:4" ht="18" customHeight="1" x14ac:dyDescent="0.2">
      <c r="A98" s="14">
        <v>76</v>
      </c>
      <c r="B98" s="15">
        <v>35</v>
      </c>
      <c r="C98" s="16">
        <v>37</v>
      </c>
      <c r="D98" s="17">
        <v>72</v>
      </c>
    </row>
    <row r="99" spans="1:4" ht="18" customHeight="1" x14ac:dyDescent="0.2">
      <c r="A99" s="14">
        <v>77</v>
      </c>
      <c r="B99" s="15">
        <v>20</v>
      </c>
      <c r="C99" s="16">
        <v>52</v>
      </c>
      <c r="D99" s="17">
        <v>72</v>
      </c>
    </row>
    <row r="100" spans="1:4" ht="18" customHeight="1" x14ac:dyDescent="0.2">
      <c r="A100" s="14">
        <v>78</v>
      </c>
      <c r="B100" s="15">
        <v>28</v>
      </c>
      <c r="C100" s="16">
        <v>42</v>
      </c>
      <c r="D100" s="17">
        <v>70</v>
      </c>
    </row>
    <row r="101" spans="1:4" ht="18" customHeight="1" x14ac:dyDescent="0.2">
      <c r="A101" s="14">
        <v>79</v>
      </c>
      <c r="B101" s="15">
        <v>32</v>
      </c>
      <c r="C101" s="16">
        <v>35</v>
      </c>
      <c r="D101" s="17">
        <v>67</v>
      </c>
    </row>
    <row r="102" spans="1:4" ht="18" customHeight="1" x14ac:dyDescent="0.2">
      <c r="A102" s="18" t="s">
        <v>65</v>
      </c>
      <c r="B102" s="15">
        <v>151</v>
      </c>
      <c r="C102" s="16">
        <v>207</v>
      </c>
      <c r="D102" s="17">
        <v>358</v>
      </c>
    </row>
    <row r="103" spans="1:4" ht="18" customHeight="1" x14ac:dyDescent="0.2">
      <c r="A103" s="14">
        <v>80</v>
      </c>
      <c r="B103" s="15">
        <v>18</v>
      </c>
      <c r="C103" s="16">
        <v>33</v>
      </c>
      <c r="D103" s="17">
        <v>51</v>
      </c>
    </row>
    <row r="104" spans="1:4" ht="18" customHeight="1" x14ac:dyDescent="0.2">
      <c r="A104" s="14">
        <v>81</v>
      </c>
      <c r="B104" s="15">
        <v>11</v>
      </c>
      <c r="C104" s="16">
        <v>22</v>
      </c>
      <c r="D104" s="17">
        <v>33</v>
      </c>
    </row>
    <row r="105" spans="1:4" ht="18" customHeight="1" x14ac:dyDescent="0.2">
      <c r="A105" s="14">
        <v>82</v>
      </c>
      <c r="B105" s="15">
        <v>24</v>
      </c>
      <c r="C105" s="16">
        <v>21</v>
      </c>
      <c r="D105" s="17">
        <v>45</v>
      </c>
    </row>
    <row r="106" spans="1:4" ht="18" customHeight="1" x14ac:dyDescent="0.2">
      <c r="A106" s="14">
        <v>83</v>
      </c>
      <c r="B106" s="15">
        <v>20</v>
      </c>
      <c r="C106" s="16">
        <v>25</v>
      </c>
      <c r="D106" s="17">
        <v>45</v>
      </c>
    </row>
    <row r="107" spans="1:4" ht="18" customHeight="1" x14ac:dyDescent="0.2">
      <c r="A107" s="14">
        <v>84</v>
      </c>
      <c r="B107" s="15">
        <v>15</v>
      </c>
      <c r="C107" s="16">
        <v>23</v>
      </c>
      <c r="D107" s="17">
        <v>38</v>
      </c>
    </row>
    <row r="108" spans="1:4" ht="18" customHeight="1" x14ac:dyDescent="0.2">
      <c r="A108" s="18" t="s">
        <v>66</v>
      </c>
      <c r="B108" s="15">
        <v>88</v>
      </c>
      <c r="C108" s="16">
        <v>124</v>
      </c>
      <c r="D108" s="17">
        <v>212</v>
      </c>
    </row>
    <row r="109" spans="1:4" ht="18" customHeight="1" x14ac:dyDescent="0.2">
      <c r="A109" s="14">
        <v>85</v>
      </c>
      <c r="B109" s="15">
        <v>10</v>
      </c>
      <c r="C109" s="16">
        <v>18</v>
      </c>
      <c r="D109" s="17">
        <v>28</v>
      </c>
    </row>
    <row r="110" spans="1:4" ht="18" customHeight="1" x14ac:dyDescent="0.2">
      <c r="A110" s="14">
        <v>86</v>
      </c>
      <c r="B110" s="15">
        <v>11</v>
      </c>
      <c r="C110" s="16">
        <v>25</v>
      </c>
      <c r="D110" s="17">
        <v>36</v>
      </c>
    </row>
    <row r="111" spans="1:4" ht="18" customHeight="1" x14ac:dyDescent="0.2">
      <c r="A111" s="14">
        <v>87</v>
      </c>
      <c r="B111" s="15">
        <v>8</v>
      </c>
      <c r="C111" s="16">
        <v>25</v>
      </c>
      <c r="D111" s="17">
        <v>33</v>
      </c>
    </row>
    <row r="112" spans="1:4" ht="18" customHeight="1" x14ac:dyDescent="0.2">
      <c r="A112" s="14">
        <v>88</v>
      </c>
      <c r="B112" s="15">
        <v>3</v>
      </c>
      <c r="C112" s="16">
        <v>14</v>
      </c>
      <c r="D112" s="17">
        <v>17</v>
      </c>
    </row>
    <row r="113" spans="1:4" ht="18" customHeight="1" x14ac:dyDescent="0.2">
      <c r="A113" s="14">
        <v>89</v>
      </c>
      <c r="B113" s="15">
        <v>4</v>
      </c>
      <c r="C113" s="16">
        <v>14</v>
      </c>
      <c r="D113" s="17">
        <v>18</v>
      </c>
    </row>
    <row r="114" spans="1:4" ht="18" customHeight="1" x14ac:dyDescent="0.2">
      <c r="A114" s="18" t="s">
        <v>67</v>
      </c>
      <c r="B114" s="15">
        <v>36</v>
      </c>
      <c r="C114" s="16">
        <v>96</v>
      </c>
      <c r="D114" s="17">
        <v>132</v>
      </c>
    </row>
    <row r="115" spans="1:4" ht="18" customHeight="1" x14ac:dyDescent="0.2">
      <c r="A115" s="14">
        <v>90</v>
      </c>
      <c r="B115" s="15">
        <v>4</v>
      </c>
      <c r="C115" s="16">
        <v>16</v>
      </c>
      <c r="D115" s="17">
        <v>20</v>
      </c>
    </row>
    <row r="116" spans="1:4" ht="18" customHeight="1" x14ac:dyDescent="0.2">
      <c r="A116" s="14">
        <v>91</v>
      </c>
      <c r="B116" s="15">
        <v>6</v>
      </c>
      <c r="C116" s="16">
        <v>12</v>
      </c>
      <c r="D116" s="17">
        <v>18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16</v>
      </c>
      <c r="C120" s="16">
        <v>47</v>
      </c>
      <c r="D120" s="17">
        <v>63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2</v>
      </c>
      <c r="C126" s="16">
        <v>25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19</v>
      </c>
      <c r="C130" s="5">
        <v>874</v>
      </c>
      <c r="D130" s="6">
        <v>1493</v>
      </c>
    </row>
    <row r="131" spans="1:4" ht="18" customHeight="1" x14ac:dyDescent="0.2">
      <c r="A131" s="20" t="s">
        <v>47</v>
      </c>
      <c r="B131" s="7">
        <v>1681</v>
      </c>
      <c r="C131" s="8">
        <v>1924</v>
      </c>
      <c r="D131" s="9">
        <v>360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4</v>
      </c>
      <c r="D5" s="13">
        <v>21</v>
      </c>
    </row>
    <row r="6" spans="1:4" ht="18" customHeight="1" x14ac:dyDescent="0.2">
      <c r="A6" s="14">
        <v>1</v>
      </c>
      <c r="B6" s="15">
        <v>11</v>
      </c>
      <c r="C6" s="16">
        <v>5</v>
      </c>
      <c r="D6" s="17">
        <v>16</v>
      </c>
    </row>
    <row r="7" spans="1:4" ht="18" customHeight="1" x14ac:dyDescent="0.2">
      <c r="A7" s="14">
        <v>2</v>
      </c>
      <c r="B7" s="15">
        <v>11</v>
      </c>
      <c r="C7" s="16">
        <v>11</v>
      </c>
      <c r="D7" s="17">
        <v>22</v>
      </c>
    </row>
    <row r="8" spans="1:4" ht="18" customHeight="1" x14ac:dyDescent="0.2">
      <c r="A8" s="14">
        <v>3</v>
      </c>
      <c r="B8" s="15">
        <v>14</v>
      </c>
      <c r="C8" s="16">
        <v>11</v>
      </c>
      <c r="D8" s="17">
        <v>25</v>
      </c>
    </row>
    <row r="9" spans="1:4" ht="18" customHeight="1" x14ac:dyDescent="0.2">
      <c r="A9" s="14">
        <v>4</v>
      </c>
      <c r="B9" s="15">
        <v>10</v>
      </c>
      <c r="C9" s="16">
        <v>8</v>
      </c>
      <c r="D9" s="17">
        <v>18</v>
      </c>
    </row>
    <row r="10" spans="1:4" ht="18" customHeight="1" x14ac:dyDescent="0.2">
      <c r="A10" s="18" t="s">
        <v>48</v>
      </c>
      <c r="B10" s="15">
        <v>53</v>
      </c>
      <c r="C10" s="16">
        <v>49</v>
      </c>
      <c r="D10" s="17">
        <v>102</v>
      </c>
    </row>
    <row r="11" spans="1:4" ht="18" customHeight="1" x14ac:dyDescent="0.2">
      <c r="A11" s="14">
        <v>5</v>
      </c>
      <c r="B11" s="15">
        <v>9</v>
      </c>
      <c r="C11" s="16">
        <v>6</v>
      </c>
      <c r="D11" s="17">
        <v>15</v>
      </c>
    </row>
    <row r="12" spans="1:4" ht="18" customHeight="1" x14ac:dyDescent="0.2">
      <c r="A12" s="14">
        <v>6</v>
      </c>
      <c r="B12" s="15">
        <v>15</v>
      </c>
      <c r="C12" s="16">
        <v>9</v>
      </c>
      <c r="D12" s="17">
        <v>24</v>
      </c>
    </row>
    <row r="13" spans="1:4" ht="18" customHeight="1" x14ac:dyDescent="0.2">
      <c r="A13" s="14">
        <v>7</v>
      </c>
      <c r="B13" s="15">
        <v>17</v>
      </c>
      <c r="C13" s="16">
        <v>12</v>
      </c>
      <c r="D13" s="17">
        <v>29</v>
      </c>
    </row>
    <row r="14" spans="1:4" ht="18" customHeight="1" x14ac:dyDescent="0.2">
      <c r="A14" s="14">
        <v>8</v>
      </c>
      <c r="B14" s="15">
        <v>11</v>
      </c>
      <c r="C14" s="16">
        <v>14</v>
      </c>
      <c r="D14" s="17">
        <v>25</v>
      </c>
    </row>
    <row r="15" spans="1:4" ht="18" customHeight="1" x14ac:dyDescent="0.2">
      <c r="A15" s="14">
        <v>9</v>
      </c>
      <c r="B15" s="15">
        <v>12</v>
      </c>
      <c r="C15" s="16">
        <v>16</v>
      </c>
      <c r="D15" s="17">
        <v>28</v>
      </c>
    </row>
    <row r="16" spans="1:4" ht="18" customHeight="1" x14ac:dyDescent="0.2">
      <c r="A16" s="18" t="s">
        <v>49</v>
      </c>
      <c r="B16" s="15">
        <v>64</v>
      </c>
      <c r="C16" s="16">
        <v>57</v>
      </c>
      <c r="D16" s="17">
        <v>121</v>
      </c>
    </row>
    <row r="17" spans="1:4" ht="18" customHeight="1" x14ac:dyDescent="0.2">
      <c r="A17" s="14">
        <v>10</v>
      </c>
      <c r="B17" s="15">
        <v>18</v>
      </c>
      <c r="C17" s="16">
        <v>10</v>
      </c>
      <c r="D17" s="17">
        <v>28</v>
      </c>
    </row>
    <row r="18" spans="1:4" ht="18" customHeight="1" x14ac:dyDescent="0.2">
      <c r="A18" s="14">
        <v>11</v>
      </c>
      <c r="B18" s="15">
        <v>14</v>
      </c>
      <c r="C18" s="16">
        <v>10</v>
      </c>
      <c r="D18" s="17">
        <v>24</v>
      </c>
    </row>
    <row r="19" spans="1:4" ht="18" customHeight="1" x14ac:dyDescent="0.2">
      <c r="A19" s="14">
        <v>12</v>
      </c>
      <c r="B19" s="15">
        <v>15</v>
      </c>
      <c r="C19" s="16">
        <v>15</v>
      </c>
      <c r="D19" s="17">
        <v>30</v>
      </c>
    </row>
    <row r="20" spans="1:4" ht="18" customHeight="1" x14ac:dyDescent="0.2">
      <c r="A20" s="14">
        <v>13</v>
      </c>
      <c r="B20" s="15">
        <v>7</v>
      </c>
      <c r="C20" s="16">
        <v>21</v>
      </c>
      <c r="D20" s="17">
        <v>28</v>
      </c>
    </row>
    <row r="21" spans="1:4" ht="18" customHeight="1" x14ac:dyDescent="0.2">
      <c r="A21" s="14">
        <v>14</v>
      </c>
      <c r="B21" s="15">
        <v>19</v>
      </c>
      <c r="C21" s="16">
        <v>15</v>
      </c>
      <c r="D21" s="17">
        <v>34</v>
      </c>
    </row>
    <row r="22" spans="1:4" ht="18" customHeight="1" x14ac:dyDescent="0.2">
      <c r="A22" s="18" t="s">
        <v>50</v>
      </c>
      <c r="B22" s="15">
        <v>73</v>
      </c>
      <c r="C22" s="16">
        <v>71</v>
      </c>
      <c r="D22" s="17">
        <v>144</v>
      </c>
    </row>
    <row r="23" spans="1:4" ht="18" customHeight="1" x14ac:dyDescent="0.2">
      <c r="A23" s="18" t="s">
        <v>51</v>
      </c>
      <c r="B23" s="15">
        <v>190</v>
      </c>
      <c r="C23" s="16">
        <v>177</v>
      </c>
      <c r="D23" s="17">
        <v>367</v>
      </c>
    </row>
    <row r="24" spans="1:4" ht="18" customHeight="1" x14ac:dyDescent="0.2">
      <c r="A24" s="14">
        <v>15</v>
      </c>
      <c r="B24" s="15">
        <v>13</v>
      </c>
      <c r="C24" s="16">
        <v>16</v>
      </c>
      <c r="D24" s="17">
        <v>29</v>
      </c>
    </row>
    <row r="25" spans="1:4" ht="18" customHeight="1" x14ac:dyDescent="0.2">
      <c r="A25" s="14">
        <v>16</v>
      </c>
      <c r="B25" s="15">
        <v>17</v>
      </c>
      <c r="C25" s="16">
        <v>12</v>
      </c>
      <c r="D25" s="17">
        <v>29</v>
      </c>
    </row>
    <row r="26" spans="1:4" ht="18" customHeight="1" x14ac:dyDescent="0.2">
      <c r="A26" s="14">
        <v>17</v>
      </c>
      <c r="B26" s="15">
        <v>18</v>
      </c>
      <c r="C26" s="16">
        <v>25</v>
      </c>
      <c r="D26" s="17">
        <v>43</v>
      </c>
    </row>
    <row r="27" spans="1:4" ht="18" customHeight="1" x14ac:dyDescent="0.2">
      <c r="A27" s="14">
        <v>18</v>
      </c>
      <c r="B27" s="15">
        <v>17</v>
      </c>
      <c r="C27" s="16">
        <v>20</v>
      </c>
      <c r="D27" s="17">
        <v>37</v>
      </c>
    </row>
    <row r="28" spans="1:4" ht="18" customHeight="1" x14ac:dyDescent="0.2">
      <c r="A28" s="14">
        <v>19</v>
      </c>
      <c r="B28" s="15">
        <v>18</v>
      </c>
      <c r="C28" s="16">
        <v>15</v>
      </c>
      <c r="D28" s="17">
        <v>33</v>
      </c>
    </row>
    <row r="29" spans="1:4" ht="18" customHeight="1" x14ac:dyDescent="0.2">
      <c r="A29" s="18" t="s">
        <v>52</v>
      </c>
      <c r="B29" s="15">
        <v>83</v>
      </c>
      <c r="C29" s="16">
        <v>88</v>
      </c>
      <c r="D29" s="17">
        <v>171</v>
      </c>
    </row>
    <row r="30" spans="1:4" ht="18" customHeight="1" x14ac:dyDescent="0.2">
      <c r="A30" s="14">
        <v>20</v>
      </c>
      <c r="B30" s="15">
        <v>17</v>
      </c>
      <c r="C30" s="16">
        <v>21</v>
      </c>
      <c r="D30" s="17">
        <v>38</v>
      </c>
    </row>
    <row r="31" spans="1:4" ht="18" customHeight="1" x14ac:dyDescent="0.2">
      <c r="A31" s="14">
        <v>21</v>
      </c>
      <c r="B31" s="15">
        <v>18</v>
      </c>
      <c r="C31" s="16">
        <v>12</v>
      </c>
      <c r="D31" s="17">
        <v>30</v>
      </c>
    </row>
    <row r="32" spans="1:4" ht="18" customHeight="1" x14ac:dyDescent="0.2">
      <c r="A32" s="14">
        <v>22</v>
      </c>
      <c r="B32" s="15">
        <v>16</v>
      </c>
      <c r="C32" s="16">
        <v>18</v>
      </c>
      <c r="D32" s="17">
        <v>34</v>
      </c>
    </row>
    <row r="33" spans="1:4" ht="18" customHeight="1" x14ac:dyDescent="0.2">
      <c r="A33" s="14">
        <v>23</v>
      </c>
      <c r="B33" s="15">
        <v>17</v>
      </c>
      <c r="C33" s="16">
        <v>24</v>
      </c>
      <c r="D33" s="17">
        <v>41</v>
      </c>
    </row>
    <row r="34" spans="1:4" ht="18" customHeight="1" x14ac:dyDescent="0.2">
      <c r="A34" s="14">
        <v>24</v>
      </c>
      <c r="B34" s="15">
        <v>18</v>
      </c>
      <c r="C34" s="16">
        <v>21</v>
      </c>
      <c r="D34" s="17">
        <v>39</v>
      </c>
    </row>
    <row r="35" spans="1:4" ht="18" customHeight="1" x14ac:dyDescent="0.2">
      <c r="A35" s="18" t="s">
        <v>53</v>
      </c>
      <c r="B35" s="15">
        <v>86</v>
      </c>
      <c r="C35" s="16">
        <v>96</v>
      </c>
      <c r="D35" s="17">
        <v>182</v>
      </c>
    </row>
    <row r="36" spans="1:4" ht="18" customHeight="1" x14ac:dyDescent="0.2">
      <c r="A36" s="14">
        <v>25</v>
      </c>
      <c r="B36" s="15">
        <v>17</v>
      </c>
      <c r="C36" s="16">
        <v>10</v>
      </c>
      <c r="D36" s="17">
        <v>27</v>
      </c>
    </row>
    <row r="37" spans="1:4" ht="18" customHeight="1" x14ac:dyDescent="0.2">
      <c r="A37" s="14">
        <v>26</v>
      </c>
      <c r="B37" s="15">
        <v>12</v>
      </c>
      <c r="C37" s="16">
        <v>6</v>
      </c>
      <c r="D37" s="17">
        <v>18</v>
      </c>
    </row>
    <row r="38" spans="1:4" ht="18" customHeight="1" x14ac:dyDescent="0.2">
      <c r="A38" s="14">
        <v>27</v>
      </c>
      <c r="B38" s="15">
        <v>16</v>
      </c>
      <c r="C38" s="16">
        <v>15</v>
      </c>
      <c r="D38" s="17">
        <v>31</v>
      </c>
    </row>
    <row r="39" spans="1:4" ht="18" customHeight="1" x14ac:dyDescent="0.2">
      <c r="A39" s="14">
        <v>28</v>
      </c>
      <c r="B39" s="15">
        <v>19</v>
      </c>
      <c r="C39" s="16">
        <v>10</v>
      </c>
      <c r="D39" s="17">
        <v>29</v>
      </c>
    </row>
    <row r="40" spans="1:4" ht="18" customHeight="1" x14ac:dyDescent="0.2">
      <c r="A40" s="14">
        <v>29</v>
      </c>
      <c r="B40" s="15">
        <v>11</v>
      </c>
      <c r="C40" s="16">
        <v>11</v>
      </c>
      <c r="D40" s="17">
        <v>22</v>
      </c>
    </row>
    <row r="41" spans="1:4" ht="18" customHeight="1" x14ac:dyDescent="0.2">
      <c r="A41" s="18" t="s">
        <v>54</v>
      </c>
      <c r="B41" s="15">
        <v>75</v>
      </c>
      <c r="C41" s="16">
        <v>52</v>
      </c>
      <c r="D41" s="17">
        <v>127</v>
      </c>
    </row>
    <row r="42" spans="1:4" ht="18" customHeight="1" x14ac:dyDescent="0.2">
      <c r="A42" s="14">
        <v>30</v>
      </c>
      <c r="B42" s="15">
        <v>16</v>
      </c>
      <c r="C42" s="16">
        <v>18</v>
      </c>
      <c r="D42" s="17">
        <v>34</v>
      </c>
    </row>
    <row r="43" spans="1:4" ht="18" customHeight="1" x14ac:dyDescent="0.2">
      <c r="A43" s="14">
        <v>31</v>
      </c>
      <c r="B43" s="15">
        <v>23</v>
      </c>
      <c r="C43" s="16">
        <v>10</v>
      </c>
      <c r="D43" s="17">
        <v>33</v>
      </c>
    </row>
    <row r="44" spans="1:4" ht="18" customHeight="1" x14ac:dyDescent="0.2">
      <c r="A44" s="14">
        <v>32</v>
      </c>
      <c r="B44" s="15">
        <v>19</v>
      </c>
      <c r="C44" s="16">
        <v>17</v>
      </c>
      <c r="D44" s="17">
        <v>36</v>
      </c>
    </row>
    <row r="45" spans="1:4" ht="18" customHeight="1" x14ac:dyDescent="0.2">
      <c r="A45" s="14">
        <v>33</v>
      </c>
      <c r="B45" s="15">
        <v>18</v>
      </c>
      <c r="C45" s="16">
        <v>13</v>
      </c>
      <c r="D45" s="17">
        <v>31</v>
      </c>
    </row>
    <row r="46" spans="1:4" ht="18" customHeight="1" x14ac:dyDescent="0.2">
      <c r="A46" s="14">
        <v>34</v>
      </c>
      <c r="B46" s="15">
        <v>15</v>
      </c>
      <c r="C46" s="16">
        <v>20</v>
      </c>
      <c r="D46" s="17">
        <v>35</v>
      </c>
    </row>
    <row r="47" spans="1:4" ht="18" customHeight="1" x14ac:dyDescent="0.2">
      <c r="A47" s="18" t="s">
        <v>55</v>
      </c>
      <c r="B47" s="15">
        <v>91</v>
      </c>
      <c r="C47" s="16">
        <v>78</v>
      </c>
      <c r="D47" s="17">
        <v>169</v>
      </c>
    </row>
    <row r="48" spans="1:4" ht="18" customHeight="1" x14ac:dyDescent="0.2">
      <c r="A48" s="14">
        <v>35</v>
      </c>
      <c r="B48" s="15">
        <v>17</v>
      </c>
      <c r="C48" s="16">
        <v>19</v>
      </c>
      <c r="D48" s="17">
        <v>36</v>
      </c>
    </row>
    <row r="49" spans="1:4" ht="18" customHeight="1" x14ac:dyDescent="0.2">
      <c r="A49" s="14">
        <v>36</v>
      </c>
      <c r="B49" s="15">
        <v>15</v>
      </c>
      <c r="C49" s="16">
        <v>13</v>
      </c>
      <c r="D49" s="17">
        <v>28</v>
      </c>
    </row>
    <row r="50" spans="1:4" ht="18" customHeight="1" x14ac:dyDescent="0.2">
      <c r="A50" s="14">
        <v>37</v>
      </c>
      <c r="B50" s="15">
        <v>24</v>
      </c>
      <c r="C50" s="16">
        <v>14</v>
      </c>
      <c r="D50" s="17">
        <v>38</v>
      </c>
    </row>
    <row r="51" spans="1:4" ht="18" customHeight="1" x14ac:dyDescent="0.2">
      <c r="A51" s="14">
        <v>38</v>
      </c>
      <c r="B51" s="15">
        <v>21</v>
      </c>
      <c r="C51" s="16">
        <v>16</v>
      </c>
      <c r="D51" s="17">
        <v>37</v>
      </c>
    </row>
    <row r="52" spans="1:4" ht="18" customHeight="1" x14ac:dyDescent="0.2">
      <c r="A52" s="14">
        <v>39</v>
      </c>
      <c r="B52" s="15">
        <v>20</v>
      </c>
      <c r="C52" s="16">
        <v>24</v>
      </c>
      <c r="D52" s="17">
        <v>44</v>
      </c>
    </row>
    <row r="53" spans="1:4" ht="18" customHeight="1" x14ac:dyDescent="0.2">
      <c r="A53" s="18" t="s">
        <v>56</v>
      </c>
      <c r="B53" s="15">
        <v>97</v>
      </c>
      <c r="C53" s="16">
        <v>86</v>
      </c>
      <c r="D53" s="17">
        <v>183</v>
      </c>
    </row>
    <row r="54" spans="1:4" ht="18" customHeight="1" x14ac:dyDescent="0.2">
      <c r="A54" s="14">
        <v>40</v>
      </c>
      <c r="B54" s="15">
        <v>22</v>
      </c>
      <c r="C54" s="16">
        <v>18</v>
      </c>
      <c r="D54" s="17">
        <v>40</v>
      </c>
    </row>
    <row r="55" spans="1:4" ht="18" customHeight="1" x14ac:dyDescent="0.2">
      <c r="A55" s="14">
        <v>41</v>
      </c>
      <c r="B55" s="15">
        <v>28</v>
      </c>
      <c r="C55" s="16">
        <v>23</v>
      </c>
      <c r="D55" s="17">
        <v>51</v>
      </c>
    </row>
    <row r="56" spans="1:4" ht="18" customHeight="1" x14ac:dyDescent="0.2">
      <c r="A56" s="14">
        <v>42</v>
      </c>
      <c r="B56" s="15">
        <v>23</v>
      </c>
      <c r="C56" s="16">
        <v>23</v>
      </c>
      <c r="D56" s="17">
        <v>46</v>
      </c>
    </row>
    <row r="57" spans="1:4" ht="18" customHeight="1" x14ac:dyDescent="0.2">
      <c r="A57" s="14">
        <v>43</v>
      </c>
      <c r="B57" s="15">
        <v>34</v>
      </c>
      <c r="C57" s="16">
        <v>24</v>
      </c>
      <c r="D57" s="17">
        <v>58</v>
      </c>
    </row>
    <row r="58" spans="1:4" ht="18" customHeight="1" x14ac:dyDescent="0.2">
      <c r="A58" s="14">
        <v>44</v>
      </c>
      <c r="B58" s="15">
        <v>29</v>
      </c>
      <c r="C58" s="16">
        <v>29</v>
      </c>
      <c r="D58" s="17">
        <v>58</v>
      </c>
    </row>
    <row r="59" spans="1:4" ht="18" customHeight="1" x14ac:dyDescent="0.2">
      <c r="A59" s="18" t="s">
        <v>57</v>
      </c>
      <c r="B59" s="15">
        <v>136</v>
      </c>
      <c r="C59" s="16">
        <v>117</v>
      </c>
      <c r="D59" s="17">
        <v>253</v>
      </c>
    </row>
    <row r="60" spans="1:4" ht="18" customHeight="1" x14ac:dyDescent="0.2">
      <c r="A60" s="14">
        <v>45</v>
      </c>
      <c r="B60" s="15">
        <v>31</v>
      </c>
      <c r="C60" s="16">
        <v>26</v>
      </c>
      <c r="D60" s="17">
        <v>57</v>
      </c>
    </row>
    <row r="61" spans="1:4" ht="18" customHeight="1" x14ac:dyDescent="0.2">
      <c r="A61" s="14">
        <v>46</v>
      </c>
      <c r="B61" s="15">
        <v>34</v>
      </c>
      <c r="C61" s="16">
        <v>45</v>
      </c>
      <c r="D61" s="17">
        <v>79</v>
      </c>
    </row>
    <row r="62" spans="1:4" ht="18" customHeight="1" x14ac:dyDescent="0.2">
      <c r="A62" s="14">
        <v>47</v>
      </c>
      <c r="B62" s="15">
        <v>36</v>
      </c>
      <c r="C62" s="16">
        <v>33</v>
      </c>
      <c r="D62" s="17">
        <v>69</v>
      </c>
    </row>
    <row r="63" spans="1:4" ht="18" customHeight="1" x14ac:dyDescent="0.2">
      <c r="A63" s="14">
        <v>48</v>
      </c>
      <c r="B63" s="15">
        <v>38</v>
      </c>
      <c r="C63" s="16">
        <v>37</v>
      </c>
      <c r="D63" s="17">
        <v>75</v>
      </c>
    </row>
    <row r="64" spans="1:4" ht="18" customHeight="1" x14ac:dyDescent="0.2">
      <c r="A64" s="14">
        <v>49</v>
      </c>
      <c r="B64" s="15">
        <v>23</v>
      </c>
      <c r="C64" s="16">
        <v>32</v>
      </c>
      <c r="D64" s="17">
        <v>55</v>
      </c>
    </row>
    <row r="65" spans="1:4" ht="18" customHeight="1" x14ac:dyDescent="0.2">
      <c r="A65" s="18" t="s">
        <v>58</v>
      </c>
      <c r="B65" s="15">
        <v>162</v>
      </c>
      <c r="C65" s="16">
        <v>173</v>
      </c>
      <c r="D65" s="17">
        <v>335</v>
      </c>
    </row>
    <row r="66" spans="1:4" ht="18" customHeight="1" x14ac:dyDescent="0.2">
      <c r="A66" s="14">
        <v>50</v>
      </c>
      <c r="B66" s="15">
        <v>42</v>
      </c>
      <c r="C66" s="16">
        <v>27</v>
      </c>
      <c r="D66" s="17">
        <v>69</v>
      </c>
    </row>
    <row r="67" spans="1:4" ht="18" customHeight="1" x14ac:dyDescent="0.2">
      <c r="A67" s="14">
        <v>51</v>
      </c>
      <c r="B67" s="15">
        <v>31</v>
      </c>
      <c r="C67" s="16">
        <v>26</v>
      </c>
      <c r="D67" s="17">
        <v>57</v>
      </c>
    </row>
    <row r="68" spans="1:4" ht="18" customHeight="1" x14ac:dyDescent="0.2">
      <c r="A68" s="14">
        <v>52</v>
      </c>
      <c r="B68" s="15">
        <v>32</v>
      </c>
      <c r="C68" s="16">
        <v>23</v>
      </c>
      <c r="D68" s="17">
        <v>55</v>
      </c>
    </row>
    <row r="69" spans="1:4" ht="18" customHeight="1" x14ac:dyDescent="0.2">
      <c r="A69" s="14">
        <v>53</v>
      </c>
      <c r="B69" s="15">
        <v>15</v>
      </c>
      <c r="C69" s="16">
        <v>12</v>
      </c>
      <c r="D69" s="17">
        <v>27</v>
      </c>
    </row>
    <row r="70" spans="1:4" ht="18" customHeight="1" x14ac:dyDescent="0.2">
      <c r="A70" s="14">
        <v>54</v>
      </c>
      <c r="B70" s="15">
        <v>29</v>
      </c>
      <c r="C70" s="16">
        <v>20</v>
      </c>
      <c r="D70" s="17">
        <v>49</v>
      </c>
    </row>
    <row r="71" spans="1:4" ht="18" customHeight="1" x14ac:dyDescent="0.2">
      <c r="A71" s="18" t="s">
        <v>59</v>
      </c>
      <c r="B71" s="15">
        <v>149</v>
      </c>
      <c r="C71" s="16">
        <v>108</v>
      </c>
      <c r="D71" s="17">
        <v>257</v>
      </c>
    </row>
    <row r="72" spans="1:4" ht="18" customHeight="1" x14ac:dyDescent="0.2">
      <c r="A72" s="14">
        <v>55</v>
      </c>
      <c r="B72" s="15">
        <v>21</v>
      </c>
      <c r="C72" s="16">
        <v>26</v>
      </c>
      <c r="D72" s="17">
        <v>47</v>
      </c>
    </row>
    <row r="73" spans="1:4" ht="18" customHeight="1" x14ac:dyDescent="0.2">
      <c r="A73" s="14">
        <v>56</v>
      </c>
      <c r="B73" s="15">
        <v>26</v>
      </c>
      <c r="C73" s="16">
        <v>22</v>
      </c>
      <c r="D73" s="17">
        <v>48</v>
      </c>
    </row>
    <row r="74" spans="1:4" ht="18" customHeight="1" x14ac:dyDescent="0.2">
      <c r="A74" s="14">
        <v>57</v>
      </c>
      <c r="B74" s="15">
        <v>16</v>
      </c>
      <c r="C74" s="16">
        <v>19</v>
      </c>
      <c r="D74" s="17">
        <v>35</v>
      </c>
    </row>
    <row r="75" spans="1:4" ht="18" customHeight="1" x14ac:dyDescent="0.2">
      <c r="A75" s="14">
        <v>58</v>
      </c>
      <c r="B75" s="15">
        <v>27</v>
      </c>
      <c r="C75" s="16">
        <v>25</v>
      </c>
      <c r="D75" s="17">
        <v>52</v>
      </c>
    </row>
    <row r="76" spans="1:4" ht="18" customHeight="1" x14ac:dyDescent="0.2">
      <c r="A76" s="14">
        <v>59</v>
      </c>
      <c r="B76" s="15">
        <v>26</v>
      </c>
      <c r="C76" s="16">
        <v>24</v>
      </c>
      <c r="D76" s="17">
        <v>50</v>
      </c>
    </row>
    <row r="77" spans="1:4" ht="18" customHeight="1" x14ac:dyDescent="0.2">
      <c r="A77" s="18" t="s">
        <v>60</v>
      </c>
      <c r="B77" s="15">
        <v>116</v>
      </c>
      <c r="C77" s="16">
        <v>116</v>
      </c>
      <c r="D77" s="17">
        <v>232</v>
      </c>
    </row>
    <row r="78" spans="1:4" ht="18" customHeight="1" x14ac:dyDescent="0.2">
      <c r="A78" s="14">
        <v>60</v>
      </c>
      <c r="B78" s="15">
        <v>15</v>
      </c>
      <c r="C78" s="16">
        <v>25</v>
      </c>
      <c r="D78" s="17">
        <v>40</v>
      </c>
    </row>
    <row r="79" spans="1:4" ht="18" customHeight="1" x14ac:dyDescent="0.2">
      <c r="A79" s="14">
        <v>61</v>
      </c>
      <c r="B79" s="15">
        <v>20</v>
      </c>
      <c r="C79" s="16">
        <v>26</v>
      </c>
      <c r="D79" s="17">
        <v>46</v>
      </c>
    </row>
    <row r="80" spans="1:4" ht="18" customHeight="1" x14ac:dyDescent="0.2">
      <c r="A80" s="14">
        <v>62</v>
      </c>
      <c r="B80" s="15">
        <v>23</v>
      </c>
      <c r="C80" s="16">
        <v>28</v>
      </c>
      <c r="D80" s="17">
        <v>51</v>
      </c>
    </row>
    <row r="81" spans="1:4" ht="18" customHeight="1" x14ac:dyDescent="0.2">
      <c r="A81" s="14">
        <v>63</v>
      </c>
      <c r="B81" s="15">
        <v>23</v>
      </c>
      <c r="C81" s="16">
        <v>24</v>
      </c>
      <c r="D81" s="17">
        <v>47</v>
      </c>
    </row>
    <row r="82" spans="1:4" ht="18" customHeight="1" x14ac:dyDescent="0.2">
      <c r="A82" s="14">
        <v>64</v>
      </c>
      <c r="B82" s="15">
        <v>32</v>
      </c>
      <c r="C82" s="16">
        <v>29</v>
      </c>
      <c r="D82" s="17">
        <v>61</v>
      </c>
    </row>
    <row r="83" spans="1:4" ht="18" customHeight="1" x14ac:dyDescent="0.2">
      <c r="A83" s="18" t="s">
        <v>61</v>
      </c>
      <c r="B83" s="15">
        <v>113</v>
      </c>
      <c r="C83" s="16">
        <v>132</v>
      </c>
      <c r="D83" s="17">
        <v>245</v>
      </c>
    </row>
    <row r="84" spans="1:4" ht="18" customHeight="1" x14ac:dyDescent="0.2">
      <c r="A84" s="18" t="s">
        <v>62</v>
      </c>
      <c r="B84" s="15">
        <v>1108</v>
      </c>
      <c r="C84" s="16">
        <v>1046</v>
      </c>
      <c r="D84" s="17">
        <v>2154</v>
      </c>
    </row>
    <row r="85" spans="1:4" ht="18" customHeight="1" x14ac:dyDescent="0.2">
      <c r="A85" s="14">
        <v>65</v>
      </c>
      <c r="B85" s="15">
        <v>22</v>
      </c>
      <c r="C85" s="16">
        <v>21</v>
      </c>
      <c r="D85" s="17">
        <v>43</v>
      </c>
    </row>
    <row r="86" spans="1:4" ht="18" customHeight="1" x14ac:dyDescent="0.2">
      <c r="A86" s="14">
        <v>66</v>
      </c>
      <c r="B86" s="15">
        <v>28</v>
      </c>
      <c r="C86" s="16">
        <v>31</v>
      </c>
      <c r="D86" s="17">
        <v>59</v>
      </c>
    </row>
    <row r="87" spans="1:4" ht="18" customHeight="1" x14ac:dyDescent="0.2">
      <c r="A87" s="14">
        <v>67</v>
      </c>
      <c r="B87" s="15">
        <v>26</v>
      </c>
      <c r="C87" s="16">
        <v>28</v>
      </c>
      <c r="D87" s="17">
        <v>54</v>
      </c>
    </row>
    <row r="88" spans="1:4" ht="18" customHeight="1" x14ac:dyDescent="0.2">
      <c r="A88" s="14">
        <v>68</v>
      </c>
      <c r="B88" s="15">
        <v>32</v>
      </c>
      <c r="C88" s="16">
        <v>47</v>
      </c>
      <c r="D88" s="17">
        <v>79</v>
      </c>
    </row>
    <row r="89" spans="1:4" ht="18" customHeight="1" x14ac:dyDescent="0.2">
      <c r="A89" s="14">
        <v>69</v>
      </c>
      <c r="B89" s="15">
        <v>29</v>
      </c>
      <c r="C89" s="16">
        <v>39</v>
      </c>
      <c r="D89" s="17">
        <v>68</v>
      </c>
    </row>
    <row r="90" spans="1:4" ht="18" customHeight="1" x14ac:dyDescent="0.2">
      <c r="A90" s="18" t="s">
        <v>63</v>
      </c>
      <c r="B90" s="15">
        <v>137</v>
      </c>
      <c r="C90" s="16">
        <v>166</v>
      </c>
      <c r="D90" s="17">
        <v>303</v>
      </c>
    </row>
    <row r="91" spans="1:4" ht="18" customHeight="1" x14ac:dyDescent="0.2">
      <c r="A91" s="14">
        <v>70</v>
      </c>
      <c r="B91" s="15">
        <v>37</v>
      </c>
      <c r="C91" s="16">
        <v>53</v>
      </c>
      <c r="D91" s="17">
        <v>90</v>
      </c>
    </row>
    <row r="92" spans="1:4" ht="18" customHeight="1" x14ac:dyDescent="0.2">
      <c r="A92" s="14">
        <v>71</v>
      </c>
      <c r="B92" s="15">
        <v>35</v>
      </c>
      <c r="C92" s="16">
        <v>52</v>
      </c>
      <c r="D92" s="17">
        <v>87</v>
      </c>
    </row>
    <row r="93" spans="1:4" ht="18" customHeight="1" x14ac:dyDescent="0.2">
      <c r="A93" s="14">
        <v>72</v>
      </c>
      <c r="B93" s="15">
        <v>51</v>
      </c>
      <c r="C93" s="16">
        <v>49</v>
      </c>
      <c r="D93" s="17">
        <v>100</v>
      </c>
    </row>
    <row r="94" spans="1:4" ht="18" customHeight="1" x14ac:dyDescent="0.2">
      <c r="A94" s="14">
        <v>73</v>
      </c>
      <c r="B94" s="15">
        <v>30</v>
      </c>
      <c r="C94" s="16">
        <v>28</v>
      </c>
      <c r="D94" s="17">
        <v>58</v>
      </c>
    </row>
    <row r="95" spans="1:4" ht="18" customHeight="1" x14ac:dyDescent="0.2">
      <c r="A95" s="14">
        <v>74</v>
      </c>
      <c r="B95" s="15">
        <v>23</v>
      </c>
      <c r="C95" s="16">
        <v>34</v>
      </c>
      <c r="D95" s="17">
        <v>57</v>
      </c>
    </row>
    <row r="96" spans="1:4" ht="18" customHeight="1" x14ac:dyDescent="0.2">
      <c r="A96" s="18" t="s">
        <v>64</v>
      </c>
      <c r="B96" s="15">
        <v>176</v>
      </c>
      <c r="C96" s="16">
        <v>216</v>
      </c>
      <c r="D96" s="17">
        <v>392</v>
      </c>
    </row>
    <row r="97" spans="1:4" ht="18" customHeight="1" x14ac:dyDescent="0.2">
      <c r="A97" s="14">
        <v>75</v>
      </c>
      <c r="B97" s="15">
        <v>33</v>
      </c>
      <c r="C97" s="16">
        <v>38</v>
      </c>
      <c r="D97" s="17">
        <v>71</v>
      </c>
    </row>
    <row r="98" spans="1:4" ht="18" customHeight="1" x14ac:dyDescent="0.2">
      <c r="A98" s="14">
        <v>76</v>
      </c>
      <c r="B98" s="15">
        <v>38</v>
      </c>
      <c r="C98" s="16">
        <v>33</v>
      </c>
      <c r="D98" s="17">
        <v>71</v>
      </c>
    </row>
    <row r="99" spans="1:4" ht="18" customHeight="1" x14ac:dyDescent="0.2">
      <c r="A99" s="14">
        <v>77</v>
      </c>
      <c r="B99" s="15">
        <v>40</v>
      </c>
      <c r="C99" s="16">
        <v>46</v>
      </c>
      <c r="D99" s="17">
        <v>86</v>
      </c>
    </row>
    <row r="100" spans="1:4" ht="18" customHeight="1" x14ac:dyDescent="0.2">
      <c r="A100" s="14">
        <v>78</v>
      </c>
      <c r="B100" s="15">
        <v>34</v>
      </c>
      <c r="C100" s="16">
        <v>30</v>
      </c>
      <c r="D100" s="17">
        <v>64</v>
      </c>
    </row>
    <row r="101" spans="1:4" ht="18" customHeight="1" x14ac:dyDescent="0.2">
      <c r="A101" s="14">
        <v>79</v>
      </c>
      <c r="B101" s="15">
        <v>18</v>
      </c>
      <c r="C101" s="16">
        <v>30</v>
      </c>
      <c r="D101" s="17">
        <v>48</v>
      </c>
    </row>
    <row r="102" spans="1:4" ht="18" customHeight="1" x14ac:dyDescent="0.2">
      <c r="A102" s="18" t="s">
        <v>65</v>
      </c>
      <c r="B102" s="15">
        <v>163</v>
      </c>
      <c r="C102" s="16">
        <v>177</v>
      </c>
      <c r="D102" s="17">
        <v>340</v>
      </c>
    </row>
    <row r="103" spans="1:4" ht="18" customHeight="1" x14ac:dyDescent="0.2">
      <c r="A103" s="14">
        <v>80</v>
      </c>
      <c r="B103" s="15">
        <v>11</v>
      </c>
      <c r="C103" s="16">
        <v>23</v>
      </c>
      <c r="D103" s="17">
        <v>34</v>
      </c>
    </row>
    <row r="104" spans="1:4" ht="18" customHeight="1" x14ac:dyDescent="0.2">
      <c r="A104" s="14">
        <v>81</v>
      </c>
      <c r="B104" s="15">
        <v>22</v>
      </c>
      <c r="C104" s="16">
        <v>26</v>
      </c>
      <c r="D104" s="17">
        <v>48</v>
      </c>
    </row>
    <row r="105" spans="1:4" ht="18" customHeight="1" x14ac:dyDescent="0.2">
      <c r="A105" s="14">
        <v>82</v>
      </c>
      <c r="B105" s="15">
        <v>21</v>
      </c>
      <c r="C105" s="16">
        <v>24</v>
      </c>
      <c r="D105" s="17">
        <v>45</v>
      </c>
    </row>
    <row r="106" spans="1:4" ht="18" customHeight="1" x14ac:dyDescent="0.2">
      <c r="A106" s="14">
        <v>83</v>
      </c>
      <c r="B106" s="15">
        <v>14</v>
      </c>
      <c r="C106" s="16">
        <v>28</v>
      </c>
      <c r="D106" s="17">
        <v>42</v>
      </c>
    </row>
    <row r="107" spans="1:4" ht="18" customHeight="1" x14ac:dyDescent="0.2">
      <c r="A107" s="14">
        <v>84</v>
      </c>
      <c r="B107" s="15">
        <v>17</v>
      </c>
      <c r="C107" s="16">
        <v>32</v>
      </c>
      <c r="D107" s="17">
        <v>49</v>
      </c>
    </row>
    <row r="108" spans="1:4" ht="18" customHeight="1" x14ac:dyDescent="0.2">
      <c r="A108" s="18" t="s">
        <v>66</v>
      </c>
      <c r="B108" s="15">
        <v>85</v>
      </c>
      <c r="C108" s="16">
        <v>133</v>
      </c>
      <c r="D108" s="17">
        <v>218</v>
      </c>
    </row>
    <row r="109" spans="1:4" ht="18" customHeight="1" x14ac:dyDescent="0.2">
      <c r="A109" s="14">
        <v>85</v>
      </c>
      <c r="B109" s="15">
        <v>11</v>
      </c>
      <c r="C109" s="16">
        <v>14</v>
      </c>
      <c r="D109" s="17">
        <v>25</v>
      </c>
    </row>
    <row r="110" spans="1:4" ht="18" customHeight="1" x14ac:dyDescent="0.2">
      <c r="A110" s="14">
        <v>86</v>
      </c>
      <c r="B110" s="15">
        <v>8</v>
      </c>
      <c r="C110" s="16">
        <v>23</v>
      </c>
      <c r="D110" s="17">
        <v>31</v>
      </c>
    </row>
    <row r="111" spans="1:4" ht="18" customHeight="1" x14ac:dyDescent="0.2">
      <c r="A111" s="14">
        <v>87</v>
      </c>
      <c r="B111" s="15">
        <v>12</v>
      </c>
      <c r="C111" s="16">
        <v>20</v>
      </c>
      <c r="D111" s="17">
        <v>32</v>
      </c>
    </row>
    <row r="112" spans="1:4" ht="18" customHeight="1" x14ac:dyDescent="0.2">
      <c r="A112" s="14">
        <v>88</v>
      </c>
      <c r="B112" s="15">
        <v>10</v>
      </c>
      <c r="C112" s="16">
        <v>24</v>
      </c>
      <c r="D112" s="17">
        <v>34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67</v>
      </c>
      <c r="B114" s="15">
        <v>45</v>
      </c>
      <c r="C114" s="16">
        <v>92</v>
      </c>
      <c r="D114" s="17">
        <v>137</v>
      </c>
    </row>
    <row r="115" spans="1:4" ht="18" customHeight="1" x14ac:dyDescent="0.2">
      <c r="A115" s="14">
        <v>90</v>
      </c>
      <c r="B115" s="15">
        <v>7</v>
      </c>
      <c r="C115" s="16">
        <v>13</v>
      </c>
      <c r="D115" s="17">
        <v>20</v>
      </c>
    </row>
    <row r="116" spans="1:4" ht="18" customHeight="1" x14ac:dyDescent="0.2">
      <c r="A116" s="14">
        <v>91</v>
      </c>
      <c r="B116" s="15">
        <v>7</v>
      </c>
      <c r="C116" s="16">
        <v>9</v>
      </c>
      <c r="D116" s="17">
        <v>16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5</v>
      </c>
      <c r="C118" s="16">
        <v>8</v>
      </c>
      <c r="D118" s="17">
        <v>13</v>
      </c>
    </row>
    <row r="119" spans="1:4" ht="18" customHeight="1" x14ac:dyDescent="0.2">
      <c r="A119" s="14">
        <v>94</v>
      </c>
      <c r="B119" s="15">
        <v>4</v>
      </c>
      <c r="C119" s="16">
        <v>9</v>
      </c>
      <c r="D119" s="17">
        <v>13</v>
      </c>
    </row>
    <row r="120" spans="1:4" ht="18" customHeight="1" x14ac:dyDescent="0.2">
      <c r="A120" s="18" t="s">
        <v>68</v>
      </c>
      <c r="B120" s="15">
        <v>27</v>
      </c>
      <c r="C120" s="16">
        <v>48</v>
      </c>
      <c r="D120" s="17">
        <v>75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</v>
      </c>
      <c r="C126" s="16">
        <v>16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635</v>
      </c>
      <c r="C130" s="5">
        <v>853</v>
      </c>
      <c r="D130" s="6">
        <v>1488</v>
      </c>
    </row>
    <row r="131" spans="1:4" ht="18" customHeight="1" x14ac:dyDescent="0.2">
      <c r="A131" s="20" t="s">
        <v>47</v>
      </c>
      <c r="B131" s="7">
        <v>1933</v>
      </c>
      <c r="C131" s="8">
        <v>2076</v>
      </c>
      <c r="D131" s="9">
        <v>400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2</v>
      </c>
      <c r="D5" s="13">
        <v>6</v>
      </c>
    </row>
    <row r="6" spans="1:4" ht="18" customHeight="1" x14ac:dyDescent="0.2">
      <c r="A6" s="14">
        <v>1</v>
      </c>
      <c r="B6" s="15">
        <v>5</v>
      </c>
      <c r="C6" s="16">
        <v>1</v>
      </c>
      <c r="D6" s="17">
        <v>6</v>
      </c>
    </row>
    <row r="7" spans="1:4" ht="18" customHeight="1" x14ac:dyDescent="0.2">
      <c r="A7" s="14">
        <v>2</v>
      </c>
      <c r="B7" s="15">
        <v>7</v>
      </c>
      <c r="C7" s="16">
        <v>1</v>
      </c>
      <c r="D7" s="17">
        <v>8</v>
      </c>
    </row>
    <row r="8" spans="1:4" ht="18" customHeight="1" x14ac:dyDescent="0.2">
      <c r="A8" s="14">
        <v>3</v>
      </c>
      <c r="B8" s="15">
        <v>3</v>
      </c>
      <c r="C8" s="16">
        <v>8</v>
      </c>
      <c r="D8" s="17">
        <v>11</v>
      </c>
    </row>
    <row r="9" spans="1:4" ht="18" customHeight="1" x14ac:dyDescent="0.2">
      <c r="A9" s="14">
        <v>4</v>
      </c>
      <c r="B9" s="15">
        <v>4</v>
      </c>
      <c r="C9" s="16">
        <v>6</v>
      </c>
      <c r="D9" s="17">
        <v>10</v>
      </c>
    </row>
    <row r="10" spans="1:4" ht="18" customHeight="1" x14ac:dyDescent="0.2">
      <c r="A10" s="18" t="s">
        <v>48</v>
      </c>
      <c r="B10" s="15">
        <v>23</v>
      </c>
      <c r="C10" s="16">
        <v>18</v>
      </c>
      <c r="D10" s="17">
        <v>41</v>
      </c>
    </row>
    <row r="11" spans="1:4" ht="18" customHeight="1" x14ac:dyDescent="0.2">
      <c r="A11" s="14">
        <v>5</v>
      </c>
      <c r="B11" s="15">
        <v>3</v>
      </c>
      <c r="C11" s="16">
        <v>4</v>
      </c>
      <c r="D11" s="17">
        <v>7</v>
      </c>
    </row>
    <row r="12" spans="1:4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4" ht="18" customHeight="1" x14ac:dyDescent="0.2">
      <c r="A13" s="14">
        <v>7</v>
      </c>
      <c r="B13" s="15">
        <v>5</v>
      </c>
      <c r="C13" s="16">
        <v>7</v>
      </c>
      <c r="D13" s="17">
        <v>12</v>
      </c>
    </row>
    <row r="14" spans="1:4" ht="18" customHeight="1" x14ac:dyDescent="0.2">
      <c r="A14" s="14">
        <v>8</v>
      </c>
      <c r="B14" s="15">
        <v>9</v>
      </c>
      <c r="C14" s="16">
        <v>5</v>
      </c>
      <c r="D14" s="17">
        <v>14</v>
      </c>
    </row>
    <row r="15" spans="1:4" ht="18" customHeight="1" x14ac:dyDescent="0.2">
      <c r="A15" s="14">
        <v>9</v>
      </c>
      <c r="B15" s="15">
        <v>5</v>
      </c>
      <c r="C15" s="16">
        <v>7</v>
      </c>
      <c r="D15" s="17">
        <v>12</v>
      </c>
    </row>
    <row r="16" spans="1:4" ht="18" customHeight="1" x14ac:dyDescent="0.2">
      <c r="A16" s="18" t="s">
        <v>49</v>
      </c>
      <c r="B16" s="15">
        <v>29</v>
      </c>
      <c r="C16" s="16">
        <v>29</v>
      </c>
      <c r="D16" s="17">
        <v>58</v>
      </c>
    </row>
    <row r="17" spans="1:4" ht="18" customHeight="1" x14ac:dyDescent="0.2">
      <c r="A17" s="14">
        <v>10</v>
      </c>
      <c r="B17" s="15">
        <v>6</v>
      </c>
      <c r="C17" s="16">
        <v>9</v>
      </c>
      <c r="D17" s="17">
        <v>15</v>
      </c>
    </row>
    <row r="18" spans="1:4" ht="18" customHeight="1" x14ac:dyDescent="0.2">
      <c r="A18" s="14">
        <v>11</v>
      </c>
      <c r="B18" s="15">
        <v>6</v>
      </c>
      <c r="C18" s="16">
        <v>1</v>
      </c>
      <c r="D18" s="17">
        <v>7</v>
      </c>
    </row>
    <row r="19" spans="1:4" ht="18" customHeight="1" x14ac:dyDescent="0.2">
      <c r="A19" s="14">
        <v>12</v>
      </c>
      <c r="B19" s="15">
        <v>8</v>
      </c>
      <c r="C19" s="16">
        <v>6</v>
      </c>
      <c r="D19" s="17">
        <v>14</v>
      </c>
    </row>
    <row r="20" spans="1:4" ht="18" customHeight="1" x14ac:dyDescent="0.2">
      <c r="A20" s="14">
        <v>13</v>
      </c>
      <c r="B20" s="15">
        <v>12</v>
      </c>
      <c r="C20" s="16">
        <v>4</v>
      </c>
      <c r="D20" s="17">
        <v>16</v>
      </c>
    </row>
    <row r="21" spans="1:4" ht="18" customHeight="1" x14ac:dyDescent="0.2">
      <c r="A21" s="14">
        <v>14</v>
      </c>
      <c r="B21" s="15">
        <v>4</v>
      </c>
      <c r="C21" s="16">
        <v>6</v>
      </c>
      <c r="D21" s="17">
        <v>10</v>
      </c>
    </row>
    <row r="22" spans="1:4" ht="18" customHeight="1" x14ac:dyDescent="0.2">
      <c r="A22" s="18" t="s">
        <v>50</v>
      </c>
      <c r="B22" s="15">
        <v>36</v>
      </c>
      <c r="C22" s="16">
        <v>26</v>
      </c>
      <c r="D22" s="17">
        <v>62</v>
      </c>
    </row>
    <row r="23" spans="1:4" ht="18" customHeight="1" x14ac:dyDescent="0.2">
      <c r="A23" s="18" t="s">
        <v>51</v>
      </c>
      <c r="B23" s="15">
        <v>88</v>
      </c>
      <c r="C23" s="16">
        <v>73</v>
      </c>
      <c r="D23" s="17">
        <v>161</v>
      </c>
    </row>
    <row r="24" spans="1:4" ht="18" customHeight="1" x14ac:dyDescent="0.2">
      <c r="A24" s="14">
        <v>15</v>
      </c>
      <c r="B24" s="15">
        <v>7</v>
      </c>
      <c r="C24" s="16">
        <v>7</v>
      </c>
      <c r="D24" s="17">
        <v>14</v>
      </c>
    </row>
    <row r="25" spans="1:4" ht="18" customHeight="1" x14ac:dyDescent="0.2">
      <c r="A25" s="14">
        <v>16</v>
      </c>
      <c r="B25" s="15">
        <v>3</v>
      </c>
      <c r="C25" s="16">
        <v>6</v>
      </c>
      <c r="D25" s="17">
        <v>9</v>
      </c>
    </row>
    <row r="26" spans="1:4" ht="18" customHeight="1" x14ac:dyDescent="0.2">
      <c r="A26" s="14">
        <v>17</v>
      </c>
      <c r="B26" s="15">
        <v>8</v>
      </c>
      <c r="C26" s="16">
        <v>8</v>
      </c>
      <c r="D26" s="17">
        <v>16</v>
      </c>
    </row>
    <row r="27" spans="1:4" ht="18" customHeight="1" x14ac:dyDescent="0.2">
      <c r="A27" s="14">
        <v>18</v>
      </c>
      <c r="B27" s="15">
        <v>8</v>
      </c>
      <c r="C27" s="16">
        <v>3</v>
      </c>
      <c r="D27" s="17">
        <v>11</v>
      </c>
    </row>
    <row r="28" spans="1:4" ht="18" customHeight="1" x14ac:dyDescent="0.2">
      <c r="A28" s="14">
        <v>19</v>
      </c>
      <c r="B28" s="15">
        <v>8</v>
      </c>
      <c r="C28" s="16">
        <v>11</v>
      </c>
      <c r="D28" s="17">
        <v>19</v>
      </c>
    </row>
    <row r="29" spans="1:4" ht="18" customHeight="1" x14ac:dyDescent="0.2">
      <c r="A29" s="18" t="s">
        <v>52</v>
      </c>
      <c r="B29" s="15">
        <v>34</v>
      </c>
      <c r="C29" s="16">
        <v>35</v>
      </c>
      <c r="D29" s="17">
        <v>69</v>
      </c>
    </row>
    <row r="30" spans="1:4" ht="18" customHeight="1" x14ac:dyDescent="0.2">
      <c r="A30" s="14">
        <v>20</v>
      </c>
      <c r="B30" s="15">
        <v>6</v>
      </c>
      <c r="C30" s="16">
        <v>4</v>
      </c>
      <c r="D30" s="17">
        <v>10</v>
      </c>
    </row>
    <row r="31" spans="1:4" ht="18" customHeight="1" x14ac:dyDescent="0.2">
      <c r="A31" s="14">
        <v>21</v>
      </c>
      <c r="B31" s="15">
        <v>11</v>
      </c>
      <c r="C31" s="16">
        <v>3</v>
      </c>
      <c r="D31" s="17">
        <v>14</v>
      </c>
    </row>
    <row r="32" spans="1:4" ht="18" customHeight="1" x14ac:dyDescent="0.2">
      <c r="A32" s="14">
        <v>22</v>
      </c>
      <c r="B32" s="15">
        <v>9</v>
      </c>
      <c r="C32" s="16">
        <v>6</v>
      </c>
      <c r="D32" s="17">
        <v>15</v>
      </c>
    </row>
    <row r="33" spans="1:4" ht="18" customHeight="1" x14ac:dyDescent="0.2">
      <c r="A33" s="14">
        <v>23</v>
      </c>
      <c r="B33" s="15">
        <v>14</v>
      </c>
      <c r="C33" s="16">
        <v>6</v>
      </c>
      <c r="D33" s="17">
        <v>20</v>
      </c>
    </row>
    <row r="34" spans="1:4" ht="18" customHeight="1" x14ac:dyDescent="0.2">
      <c r="A34" s="14">
        <v>24</v>
      </c>
      <c r="B34" s="15">
        <v>12</v>
      </c>
      <c r="C34" s="16">
        <v>3</v>
      </c>
      <c r="D34" s="17">
        <v>15</v>
      </c>
    </row>
    <row r="35" spans="1:4" ht="18" customHeight="1" x14ac:dyDescent="0.2">
      <c r="A35" s="18" t="s">
        <v>53</v>
      </c>
      <c r="B35" s="15">
        <v>52</v>
      </c>
      <c r="C35" s="16">
        <v>22</v>
      </c>
      <c r="D35" s="17">
        <v>74</v>
      </c>
    </row>
    <row r="36" spans="1:4" ht="18" customHeight="1" x14ac:dyDescent="0.2">
      <c r="A36" s="14">
        <v>25</v>
      </c>
      <c r="B36" s="15">
        <v>5</v>
      </c>
      <c r="C36" s="16">
        <v>4</v>
      </c>
      <c r="D36" s="17">
        <v>9</v>
      </c>
    </row>
    <row r="37" spans="1:4" ht="18" customHeight="1" x14ac:dyDescent="0.2">
      <c r="A37" s="14">
        <v>26</v>
      </c>
      <c r="B37" s="15">
        <v>8</v>
      </c>
      <c r="C37" s="16">
        <v>7</v>
      </c>
      <c r="D37" s="17">
        <v>15</v>
      </c>
    </row>
    <row r="38" spans="1:4" ht="18" customHeight="1" x14ac:dyDescent="0.2">
      <c r="A38" s="14">
        <v>27</v>
      </c>
      <c r="B38" s="15">
        <v>7</v>
      </c>
      <c r="C38" s="16">
        <v>9</v>
      </c>
      <c r="D38" s="17">
        <v>16</v>
      </c>
    </row>
    <row r="39" spans="1:4" ht="18" customHeight="1" x14ac:dyDescent="0.2">
      <c r="A39" s="14">
        <v>28</v>
      </c>
      <c r="B39" s="15">
        <v>9</v>
      </c>
      <c r="C39" s="16">
        <v>5</v>
      </c>
      <c r="D39" s="17">
        <v>14</v>
      </c>
    </row>
    <row r="40" spans="1:4" ht="18" customHeight="1" x14ac:dyDescent="0.2">
      <c r="A40" s="14">
        <v>29</v>
      </c>
      <c r="B40" s="15">
        <v>9</v>
      </c>
      <c r="C40" s="16">
        <v>11</v>
      </c>
      <c r="D40" s="17">
        <v>20</v>
      </c>
    </row>
    <row r="41" spans="1:4" ht="18" customHeight="1" x14ac:dyDescent="0.2">
      <c r="A41" s="18" t="s">
        <v>54</v>
      </c>
      <c r="B41" s="15">
        <v>38</v>
      </c>
      <c r="C41" s="16">
        <v>36</v>
      </c>
      <c r="D41" s="17">
        <v>74</v>
      </c>
    </row>
    <row r="42" spans="1:4" ht="18" customHeight="1" x14ac:dyDescent="0.2">
      <c r="A42" s="14">
        <v>30</v>
      </c>
      <c r="B42" s="15">
        <v>7</v>
      </c>
      <c r="C42" s="16">
        <v>3</v>
      </c>
      <c r="D42" s="17">
        <v>10</v>
      </c>
    </row>
    <row r="43" spans="1:4" ht="18" customHeight="1" x14ac:dyDescent="0.2">
      <c r="A43" s="14">
        <v>31</v>
      </c>
      <c r="B43" s="15">
        <v>7</v>
      </c>
      <c r="C43" s="16">
        <v>9</v>
      </c>
      <c r="D43" s="17">
        <v>16</v>
      </c>
    </row>
    <row r="44" spans="1:4" ht="18" customHeight="1" x14ac:dyDescent="0.2">
      <c r="A44" s="14">
        <v>32</v>
      </c>
      <c r="B44" s="15">
        <v>10</v>
      </c>
      <c r="C44" s="16">
        <v>4</v>
      </c>
      <c r="D44" s="17">
        <v>14</v>
      </c>
    </row>
    <row r="45" spans="1:4" ht="18" customHeight="1" x14ac:dyDescent="0.2">
      <c r="A45" s="14">
        <v>33</v>
      </c>
      <c r="B45" s="15">
        <v>12</v>
      </c>
      <c r="C45" s="16">
        <v>8</v>
      </c>
      <c r="D45" s="17">
        <v>20</v>
      </c>
    </row>
    <row r="46" spans="1:4" ht="18" customHeight="1" x14ac:dyDescent="0.2">
      <c r="A46" s="14">
        <v>34</v>
      </c>
      <c r="B46" s="15">
        <v>8</v>
      </c>
      <c r="C46" s="16">
        <v>11</v>
      </c>
      <c r="D46" s="17">
        <v>19</v>
      </c>
    </row>
    <row r="47" spans="1:4" ht="18" customHeight="1" x14ac:dyDescent="0.2">
      <c r="A47" s="18" t="s">
        <v>55</v>
      </c>
      <c r="B47" s="15">
        <v>44</v>
      </c>
      <c r="C47" s="16">
        <v>35</v>
      </c>
      <c r="D47" s="17">
        <v>79</v>
      </c>
    </row>
    <row r="48" spans="1:4" ht="18" customHeight="1" x14ac:dyDescent="0.2">
      <c r="A48" s="14">
        <v>35</v>
      </c>
      <c r="B48" s="15">
        <v>12</v>
      </c>
      <c r="C48" s="16">
        <v>5</v>
      </c>
      <c r="D48" s="17">
        <v>17</v>
      </c>
    </row>
    <row r="49" spans="1:4" ht="18" customHeight="1" x14ac:dyDescent="0.2">
      <c r="A49" s="14">
        <v>36</v>
      </c>
      <c r="B49" s="15">
        <v>8</v>
      </c>
      <c r="C49" s="16">
        <v>4</v>
      </c>
      <c r="D49" s="17">
        <v>12</v>
      </c>
    </row>
    <row r="50" spans="1:4" ht="18" customHeight="1" x14ac:dyDescent="0.2">
      <c r="A50" s="14">
        <v>37</v>
      </c>
      <c r="B50" s="15">
        <v>9</v>
      </c>
      <c r="C50" s="16">
        <v>6</v>
      </c>
      <c r="D50" s="17">
        <v>15</v>
      </c>
    </row>
    <row r="51" spans="1:4" ht="18" customHeight="1" x14ac:dyDescent="0.2">
      <c r="A51" s="14">
        <v>38</v>
      </c>
      <c r="B51" s="15">
        <v>7</v>
      </c>
      <c r="C51" s="16">
        <v>9</v>
      </c>
      <c r="D51" s="17">
        <v>16</v>
      </c>
    </row>
    <row r="52" spans="1:4" ht="18" customHeight="1" x14ac:dyDescent="0.2">
      <c r="A52" s="14">
        <v>39</v>
      </c>
      <c r="B52" s="15">
        <v>6</v>
      </c>
      <c r="C52" s="16">
        <v>8</v>
      </c>
      <c r="D52" s="17">
        <v>14</v>
      </c>
    </row>
    <row r="53" spans="1:4" ht="18" customHeight="1" x14ac:dyDescent="0.2">
      <c r="A53" s="18" t="s">
        <v>56</v>
      </c>
      <c r="B53" s="15">
        <v>42</v>
      </c>
      <c r="C53" s="16">
        <v>32</v>
      </c>
      <c r="D53" s="17">
        <v>74</v>
      </c>
    </row>
    <row r="54" spans="1:4" ht="18" customHeight="1" x14ac:dyDescent="0.2">
      <c r="A54" s="14">
        <v>40</v>
      </c>
      <c r="B54" s="15">
        <v>21</v>
      </c>
      <c r="C54" s="16">
        <v>8</v>
      </c>
      <c r="D54" s="17">
        <v>29</v>
      </c>
    </row>
    <row r="55" spans="1:4" ht="18" customHeight="1" x14ac:dyDescent="0.2">
      <c r="A55" s="14">
        <v>41</v>
      </c>
      <c r="B55" s="15">
        <v>7</v>
      </c>
      <c r="C55" s="16">
        <v>12</v>
      </c>
      <c r="D55" s="17">
        <v>19</v>
      </c>
    </row>
    <row r="56" spans="1:4" ht="18" customHeight="1" x14ac:dyDescent="0.2">
      <c r="A56" s="14">
        <v>42</v>
      </c>
      <c r="B56" s="15">
        <v>11</v>
      </c>
      <c r="C56" s="16">
        <v>9</v>
      </c>
      <c r="D56" s="17">
        <v>20</v>
      </c>
    </row>
    <row r="57" spans="1:4" ht="18" customHeight="1" x14ac:dyDescent="0.2">
      <c r="A57" s="14">
        <v>43</v>
      </c>
      <c r="B57" s="15">
        <v>12</v>
      </c>
      <c r="C57" s="16">
        <v>10</v>
      </c>
      <c r="D57" s="17">
        <v>22</v>
      </c>
    </row>
    <row r="58" spans="1:4" ht="18" customHeight="1" x14ac:dyDescent="0.2">
      <c r="A58" s="14">
        <v>44</v>
      </c>
      <c r="B58" s="15">
        <v>18</v>
      </c>
      <c r="C58" s="16">
        <v>11</v>
      </c>
      <c r="D58" s="17">
        <v>29</v>
      </c>
    </row>
    <row r="59" spans="1:4" ht="18" customHeight="1" x14ac:dyDescent="0.2">
      <c r="A59" s="18" t="s">
        <v>57</v>
      </c>
      <c r="B59" s="15">
        <v>69</v>
      </c>
      <c r="C59" s="16">
        <v>50</v>
      </c>
      <c r="D59" s="17">
        <v>119</v>
      </c>
    </row>
    <row r="60" spans="1:4" ht="18" customHeight="1" x14ac:dyDescent="0.2">
      <c r="A60" s="14">
        <v>45</v>
      </c>
      <c r="B60" s="15">
        <v>17</v>
      </c>
      <c r="C60" s="16">
        <v>17</v>
      </c>
      <c r="D60" s="17">
        <v>34</v>
      </c>
    </row>
    <row r="61" spans="1:4" ht="18" customHeight="1" x14ac:dyDescent="0.2">
      <c r="A61" s="14">
        <v>46</v>
      </c>
      <c r="B61" s="15">
        <v>12</v>
      </c>
      <c r="C61" s="16">
        <v>15</v>
      </c>
      <c r="D61" s="17">
        <v>27</v>
      </c>
    </row>
    <row r="62" spans="1:4" ht="18" customHeight="1" x14ac:dyDescent="0.2">
      <c r="A62" s="14">
        <v>47</v>
      </c>
      <c r="B62" s="15">
        <v>14</v>
      </c>
      <c r="C62" s="16">
        <v>8</v>
      </c>
      <c r="D62" s="17">
        <v>22</v>
      </c>
    </row>
    <row r="63" spans="1:4" ht="18" customHeight="1" x14ac:dyDescent="0.2">
      <c r="A63" s="14">
        <v>48</v>
      </c>
      <c r="B63" s="15">
        <v>10</v>
      </c>
      <c r="C63" s="16">
        <v>15</v>
      </c>
      <c r="D63" s="17">
        <v>25</v>
      </c>
    </row>
    <row r="64" spans="1:4" ht="18" customHeight="1" x14ac:dyDescent="0.2">
      <c r="A64" s="14">
        <v>49</v>
      </c>
      <c r="B64" s="15">
        <v>15</v>
      </c>
      <c r="C64" s="16">
        <v>12</v>
      </c>
      <c r="D64" s="17">
        <v>27</v>
      </c>
    </row>
    <row r="65" spans="1:4" ht="18" customHeight="1" x14ac:dyDescent="0.2">
      <c r="A65" s="18" t="s">
        <v>58</v>
      </c>
      <c r="B65" s="15">
        <v>68</v>
      </c>
      <c r="C65" s="16">
        <v>67</v>
      </c>
      <c r="D65" s="17">
        <v>135</v>
      </c>
    </row>
    <row r="66" spans="1:4" ht="18" customHeight="1" x14ac:dyDescent="0.2">
      <c r="A66" s="14">
        <v>50</v>
      </c>
      <c r="B66" s="15">
        <v>15</v>
      </c>
      <c r="C66" s="16">
        <v>7</v>
      </c>
      <c r="D66" s="17">
        <v>22</v>
      </c>
    </row>
    <row r="67" spans="1:4" ht="18" customHeight="1" x14ac:dyDescent="0.2">
      <c r="A67" s="14">
        <v>51</v>
      </c>
      <c r="B67" s="15">
        <v>10</v>
      </c>
      <c r="C67" s="16">
        <v>9</v>
      </c>
      <c r="D67" s="17">
        <v>19</v>
      </c>
    </row>
    <row r="68" spans="1:4" ht="18" customHeight="1" x14ac:dyDescent="0.2">
      <c r="A68" s="14">
        <v>52</v>
      </c>
      <c r="B68" s="15">
        <v>12</v>
      </c>
      <c r="C68" s="16">
        <v>9</v>
      </c>
      <c r="D68" s="17">
        <v>21</v>
      </c>
    </row>
    <row r="69" spans="1:4" ht="18" customHeight="1" x14ac:dyDescent="0.2">
      <c r="A69" s="14">
        <v>53</v>
      </c>
      <c r="B69" s="15">
        <v>8</v>
      </c>
      <c r="C69" s="16">
        <v>13</v>
      </c>
      <c r="D69" s="17">
        <v>21</v>
      </c>
    </row>
    <row r="70" spans="1:4" ht="18" customHeight="1" x14ac:dyDescent="0.2">
      <c r="A70" s="14">
        <v>54</v>
      </c>
      <c r="B70" s="15">
        <v>15</v>
      </c>
      <c r="C70" s="16">
        <v>14</v>
      </c>
      <c r="D70" s="17">
        <v>29</v>
      </c>
    </row>
    <row r="71" spans="1:4" ht="18" customHeight="1" x14ac:dyDescent="0.2">
      <c r="A71" s="18" t="s">
        <v>59</v>
      </c>
      <c r="B71" s="15">
        <v>60</v>
      </c>
      <c r="C71" s="16">
        <v>52</v>
      </c>
      <c r="D71" s="17">
        <v>112</v>
      </c>
    </row>
    <row r="72" spans="1:4" ht="18" customHeight="1" x14ac:dyDescent="0.2">
      <c r="A72" s="14">
        <v>55</v>
      </c>
      <c r="B72" s="15">
        <v>4</v>
      </c>
      <c r="C72" s="16">
        <v>15</v>
      </c>
      <c r="D72" s="17">
        <v>19</v>
      </c>
    </row>
    <row r="73" spans="1:4" ht="18" customHeight="1" x14ac:dyDescent="0.2">
      <c r="A73" s="14">
        <v>56</v>
      </c>
      <c r="B73" s="15">
        <v>9</v>
      </c>
      <c r="C73" s="16">
        <v>9</v>
      </c>
      <c r="D73" s="17">
        <v>18</v>
      </c>
    </row>
    <row r="74" spans="1:4" ht="18" customHeight="1" x14ac:dyDescent="0.2">
      <c r="A74" s="14">
        <v>57</v>
      </c>
      <c r="B74" s="15">
        <v>8</v>
      </c>
      <c r="C74" s="16">
        <v>15</v>
      </c>
      <c r="D74" s="17">
        <v>23</v>
      </c>
    </row>
    <row r="75" spans="1:4" ht="18" customHeight="1" x14ac:dyDescent="0.2">
      <c r="A75" s="14">
        <v>58</v>
      </c>
      <c r="B75" s="15">
        <v>17</v>
      </c>
      <c r="C75" s="16">
        <v>8</v>
      </c>
      <c r="D75" s="17">
        <v>25</v>
      </c>
    </row>
    <row r="76" spans="1:4" ht="18" customHeight="1" x14ac:dyDescent="0.2">
      <c r="A76" s="14">
        <v>59</v>
      </c>
      <c r="B76" s="15">
        <v>13</v>
      </c>
      <c r="C76" s="16">
        <v>15</v>
      </c>
      <c r="D76" s="17">
        <v>28</v>
      </c>
    </row>
    <row r="77" spans="1:4" ht="18" customHeight="1" x14ac:dyDescent="0.2">
      <c r="A77" s="18" t="s">
        <v>60</v>
      </c>
      <c r="B77" s="15">
        <v>51</v>
      </c>
      <c r="C77" s="16">
        <v>62</v>
      </c>
      <c r="D77" s="17">
        <v>113</v>
      </c>
    </row>
    <row r="78" spans="1:4" ht="18" customHeight="1" x14ac:dyDescent="0.2">
      <c r="A78" s="14">
        <v>60</v>
      </c>
      <c r="B78" s="15">
        <v>15</v>
      </c>
      <c r="C78" s="16">
        <v>8</v>
      </c>
      <c r="D78" s="17">
        <v>23</v>
      </c>
    </row>
    <row r="79" spans="1:4" ht="18" customHeight="1" x14ac:dyDescent="0.2">
      <c r="A79" s="14">
        <v>61</v>
      </c>
      <c r="B79" s="15">
        <v>11</v>
      </c>
      <c r="C79" s="16">
        <v>17</v>
      </c>
      <c r="D79" s="17">
        <v>28</v>
      </c>
    </row>
    <row r="80" spans="1:4" ht="18" customHeight="1" x14ac:dyDescent="0.2">
      <c r="A80" s="14">
        <v>62</v>
      </c>
      <c r="B80" s="15">
        <v>11</v>
      </c>
      <c r="C80" s="16">
        <v>13</v>
      </c>
      <c r="D80" s="17">
        <v>24</v>
      </c>
    </row>
    <row r="81" spans="1:4" ht="18" customHeight="1" x14ac:dyDescent="0.2">
      <c r="A81" s="14">
        <v>63</v>
      </c>
      <c r="B81" s="15">
        <v>15</v>
      </c>
      <c r="C81" s="16">
        <v>10</v>
      </c>
      <c r="D81" s="17">
        <v>25</v>
      </c>
    </row>
    <row r="82" spans="1:4" ht="18" customHeight="1" x14ac:dyDescent="0.2">
      <c r="A82" s="14">
        <v>64</v>
      </c>
      <c r="B82" s="15">
        <v>15</v>
      </c>
      <c r="C82" s="16">
        <v>14</v>
      </c>
      <c r="D82" s="17">
        <v>29</v>
      </c>
    </row>
    <row r="83" spans="1:4" ht="18" customHeight="1" x14ac:dyDescent="0.2">
      <c r="A83" s="18" t="s">
        <v>61</v>
      </c>
      <c r="B83" s="15">
        <v>67</v>
      </c>
      <c r="C83" s="16">
        <v>62</v>
      </c>
      <c r="D83" s="17">
        <v>129</v>
      </c>
    </row>
    <row r="84" spans="1:4" ht="18" customHeight="1" x14ac:dyDescent="0.2">
      <c r="A84" s="18" t="s">
        <v>62</v>
      </c>
      <c r="B84" s="15">
        <v>525</v>
      </c>
      <c r="C84" s="16">
        <v>453</v>
      </c>
      <c r="D84" s="17">
        <v>978</v>
      </c>
    </row>
    <row r="85" spans="1:4" ht="18" customHeight="1" x14ac:dyDescent="0.2">
      <c r="A85" s="14">
        <v>65</v>
      </c>
      <c r="B85" s="15">
        <v>9</v>
      </c>
      <c r="C85" s="16">
        <v>14</v>
      </c>
      <c r="D85" s="17">
        <v>23</v>
      </c>
    </row>
    <row r="86" spans="1:4" ht="18" customHeight="1" x14ac:dyDescent="0.2">
      <c r="A86" s="14">
        <v>66</v>
      </c>
      <c r="B86" s="15">
        <v>14</v>
      </c>
      <c r="C86" s="16">
        <v>17</v>
      </c>
      <c r="D86" s="17">
        <v>31</v>
      </c>
    </row>
    <row r="87" spans="1:4" ht="18" customHeight="1" x14ac:dyDescent="0.2">
      <c r="A87" s="14">
        <v>67</v>
      </c>
      <c r="B87" s="15">
        <v>18</v>
      </c>
      <c r="C87" s="16">
        <v>22</v>
      </c>
      <c r="D87" s="17">
        <v>40</v>
      </c>
    </row>
    <row r="88" spans="1:4" ht="18" customHeight="1" x14ac:dyDescent="0.2">
      <c r="A88" s="14">
        <v>68</v>
      </c>
      <c r="B88" s="15">
        <v>26</v>
      </c>
      <c r="C88" s="16">
        <v>15</v>
      </c>
      <c r="D88" s="17">
        <v>41</v>
      </c>
    </row>
    <row r="89" spans="1:4" ht="18" customHeight="1" x14ac:dyDescent="0.2">
      <c r="A89" s="14">
        <v>69</v>
      </c>
      <c r="B89" s="15">
        <v>19</v>
      </c>
      <c r="C89" s="16">
        <v>25</v>
      </c>
      <c r="D89" s="17">
        <v>44</v>
      </c>
    </row>
    <row r="90" spans="1:4" ht="18" customHeight="1" x14ac:dyDescent="0.2">
      <c r="A90" s="18" t="s">
        <v>63</v>
      </c>
      <c r="B90" s="15">
        <v>86</v>
      </c>
      <c r="C90" s="16">
        <v>93</v>
      </c>
      <c r="D90" s="17">
        <v>179</v>
      </c>
    </row>
    <row r="91" spans="1:4" ht="18" customHeight="1" x14ac:dyDescent="0.2">
      <c r="A91" s="14">
        <v>70</v>
      </c>
      <c r="B91" s="15">
        <v>24</v>
      </c>
      <c r="C91" s="16">
        <v>26</v>
      </c>
      <c r="D91" s="17">
        <v>50</v>
      </c>
    </row>
    <row r="92" spans="1:4" ht="18" customHeight="1" x14ac:dyDescent="0.2">
      <c r="A92" s="14">
        <v>71</v>
      </c>
      <c r="B92" s="15">
        <v>23</v>
      </c>
      <c r="C92" s="16">
        <v>29</v>
      </c>
      <c r="D92" s="17">
        <v>52</v>
      </c>
    </row>
    <row r="93" spans="1:4" ht="18" customHeight="1" x14ac:dyDescent="0.2">
      <c r="A93" s="14">
        <v>72</v>
      </c>
      <c r="B93" s="15">
        <v>34</v>
      </c>
      <c r="C93" s="16">
        <v>39</v>
      </c>
      <c r="D93" s="17">
        <v>73</v>
      </c>
    </row>
    <row r="94" spans="1:4" ht="18" customHeight="1" x14ac:dyDescent="0.2">
      <c r="A94" s="14">
        <v>73</v>
      </c>
      <c r="B94" s="15">
        <v>11</v>
      </c>
      <c r="C94" s="16">
        <v>17</v>
      </c>
      <c r="D94" s="17">
        <v>28</v>
      </c>
    </row>
    <row r="95" spans="1:4" ht="18" customHeight="1" x14ac:dyDescent="0.2">
      <c r="A95" s="14">
        <v>74</v>
      </c>
      <c r="B95" s="15">
        <v>12</v>
      </c>
      <c r="C95" s="16">
        <v>20</v>
      </c>
      <c r="D95" s="17">
        <v>32</v>
      </c>
    </row>
    <row r="96" spans="1:4" ht="18" customHeight="1" x14ac:dyDescent="0.2">
      <c r="A96" s="18" t="s">
        <v>64</v>
      </c>
      <c r="B96" s="15">
        <v>104</v>
      </c>
      <c r="C96" s="16">
        <v>131</v>
      </c>
      <c r="D96" s="17">
        <v>235</v>
      </c>
    </row>
    <row r="97" spans="1:4" ht="18" customHeight="1" x14ac:dyDescent="0.2">
      <c r="A97" s="14">
        <v>75</v>
      </c>
      <c r="B97" s="15">
        <v>21</v>
      </c>
      <c r="C97" s="16">
        <v>13</v>
      </c>
      <c r="D97" s="17">
        <v>34</v>
      </c>
    </row>
    <row r="98" spans="1:4" ht="18" customHeight="1" x14ac:dyDescent="0.2">
      <c r="A98" s="14">
        <v>76</v>
      </c>
      <c r="B98" s="15">
        <v>14</v>
      </c>
      <c r="C98" s="16">
        <v>15</v>
      </c>
      <c r="D98" s="17">
        <v>29</v>
      </c>
    </row>
    <row r="99" spans="1:4" ht="18" customHeight="1" x14ac:dyDescent="0.2">
      <c r="A99" s="14">
        <v>77</v>
      </c>
      <c r="B99" s="15">
        <v>20</v>
      </c>
      <c r="C99" s="16">
        <v>15</v>
      </c>
      <c r="D99" s="17">
        <v>35</v>
      </c>
    </row>
    <row r="100" spans="1:4" ht="18" customHeight="1" x14ac:dyDescent="0.2">
      <c r="A100" s="14">
        <v>78</v>
      </c>
      <c r="B100" s="15">
        <v>11</v>
      </c>
      <c r="C100" s="16">
        <v>17</v>
      </c>
      <c r="D100" s="17">
        <v>28</v>
      </c>
    </row>
    <row r="101" spans="1:4" ht="18" customHeight="1" x14ac:dyDescent="0.2">
      <c r="A101" s="14">
        <v>79</v>
      </c>
      <c r="B101" s="15">
        <v>12</v>
      </c>
      <c r="C101" s="16">
        <v>18</v>
      </c>
      <c r="D101" s="17">
        <v>30</v>
      </c>
    </row>
    <row r="102" spans="1:4" ht="18" customHeight="1" x14ac:dyDescent="0.2">
      <c r="A102" s="18" t="s">
        <v>65</v>
      </c>
      <c r="B102" s="15">
        <v>78</v>
      </c>
      <c r="C102" s="16">
        <v>78</v>
      </c>
      <c r="D102" s="17">
        <v>156</v>
      </c>
    </row>
    <row r="103" spans="1:4" ht="18" customHeight="1" x14ac:dyDescent="0.2">
      <c r="A103" s="14">
        <v>80</v>
      </c>
      <c r="B103" s="15">
        <v>10</v>
      </c>
      <c r="C103" s="16">
        <v>11</v>
      </c>
      <c r="D103" s="17">
        <v>21</v>
      </c>
    </row>
    <row r="104" spans="1:4" ht="18" customHeight="1" x14ac:dyDescent="0.2">
      <c r="A104" s="14">
        <v>81</v>
      </c>
      <c r="B104" s="15">
        <v>7</v>
      </c>
      <c r="C104" s="16">
        <v>12</v>
      </c>
      <c r="D104" s="17">
        <v>19</v>
      </c>
    </row>
    <row r="105" spans="1:4" ht="18" customHeight="1" x14ac:dyDescent="0.2">
      <c r="A105" s="14">
        <v>82</v>
      </c>
      <c r="B105" s="15">
        <v>13</v>
      </c>
      <c r="C105" s="16">
        <v>12</v>
      </c>
      <c r="D105" s="17">
        <v>25</v>
      </c>
    </row>
    <row r="106" spans="1:4" ht="18" customHeight="1" x14ac:dyDescent="0.2">
      <c r="A106" s="14">
        <v>83</v>
      </c>
      <c r="B106" s="15">
        <v>9</v>
      </c>
      <c r="C106" s="16">
        <v>19</v>
      </c>
      <c r="D106" s="17">
        <v>28</v>
      </c>
    </row>
    <row r="107" spans="1:4" ht="18" customHeight="1" x14ac:dyDescent="0.2">
      <c r="A107" s="14">
        <v>84</v>
      </c>
      <c r="B107" s="15">
        <v>5</v>
      </c>
      <c r="C107" s="16">
        <v>9</v>
      </c>
      <c r="D107" s="17">
        <v>14</v>
      </c>
    </row>
    <row r="108" spans="1:4" ht="18" customHeight="1" x14ac:dyDescent="0.2">
      <c r="A108" s="18" t="s">
        <v>66</v>
      </c>
      <c r="B108" s="15">
        <v>44</v>
      </c>
      <c r="C108" s="16">
        <v>63</v>
      </c>
      <c r="D108" s="17">
        <v>107</v>
      </c>
    </row>
    <row r="109" spans="1:4" ht="18" customHeight="1" x14ac:dyDescent="0.2">
      <c r="A109" s="14">
        <v>85</v>
      </c>
      <c r="B109" s="15">
        <v>8</v>
      </c>
      <c r="C109" s="16">
        <v>12</v>
      </c>
      <c r="D109" s="17">
        <v>20</v>
      </c>
    </row>
    <row r="110" spans="1:4" ht="18" customHeight="1" x14ac:dyDescent="0.2">
      <c r="A110" s="14">
        <v>86</v>
      </c>
      <c r="B110" s="15">
        <v>5</v>
      </c>
      <c r="C110" s="16">
        <v>10</v>
      </c>
      <c r="D110" s="17">
        <v>15</v>
      </c>
    </row>
    <row r="111" spans="1:4" ht="18" customHeight="1" x14ac:dyDescent="0.2">
      <c r="A111" s="14">
        <v>87</v>
      </c>
      <c r="B111" s="15">
        <v>6</v>
      </c>
      <c r="C111" s="16">
        <v>8</v>
      </c>
      <c r="D111" s="17">
        <v>14</v>
      </c>
    </row>
    <row r="112" spans="1:4" ht="18" customHeight="1" x14ac:dyDescent="0.2">
      <c r="A112" s="14">
        <v>88</v>
      </c>
      <c r="B112" s="15">
        <v>4</v>
      </c>
      <c r="C112" s="16">
        <v>12</v>
      </c>
      <c r="D112" s="17">
        <v>16</v>
      </c>
    </row>
    <row r="113" spans="1:4" ht="18" customHeight="1" x14ac:dyDescent="0.2">
      <c r="A113" s="14">
        <v>89</v>
      </c>
      <c r="B113" s="15">
        <v>2</v>
      </c>
      <c r="C113" s="16">
        <v>5</v>
      </c>
      <c r="D113" s="17">
        <v>7</v>
      </c>
    </row>
    <row r="114" spans="1:4" ht="18" customHeight="1" x14ac:dyDescent="0.2">
      <c r="A114" s="18" t="s">
        <v>67</v>
      </c>
      <c r="B114" s="15">
        <v>25</v>
      </c>
      <c r="C114" s="16">
        <v>47</v>
      </c>
      <c r="D114" s="17">
        <v>72</v>
      </c>
    </row>
    <row r="115" spans="1:4" ht="18" customHeight="1" x14ac:dyDescent="0.2">
      <c r="A115" s="14">
        <v>90</v>
      </c>
      <c r="B115" s="15">
        <v>3</v>
      </c>
      <c r="C115" s="16">
        <v>4</v>
      </c>
      <c r="D115" s="17">
        <v>7</v>
      </c>
    </row>
    <row r="116" spans="1:4" ht="18" customHeight="1" x14ac:dyDescent="0.2">
      <c r="A116" s="14">
        <v>91</v>
      </c>
      <c r="B116" s="15">
        <v>4</v>
      </c>
      <c r="C116" s="16">
        <v>4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9</v>
      </c>
      <c r="C120" s="16">
        <v>26</v>
      </c>
      <c r="D120" s="17">
        <v>35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8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47</v>
      </c>
      <c r="C130" s="5">
        <v>448</v>
      </c>
      <c r="D130" s="6">
        <v>795</v>
      </c>
    </row>
    <row r="131" spans="1:4" ht="18" customHeight="1" x14ac:dyDescent="0.2">
      <c r="A131" s="20" t="s">
        <v>47</v>
      </c>
      <c r="B131" s="7">
        <v>960</v>
      </c>
      <c r="C131" s="8">
        <v>974</v>
      </c>
      <c r="D131" s="9">
        <v>193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7</v>
      </c>
      <c r="D5" s="13">
        <v>14</v>
      </c>
    </row>
    <row r="6" spans="1:4" ht="18" customHeight="1" x14ac:dyDescent="0.2">
      <c r="A6" s="14">
        <v>1</v>
      </c>
      <c r="B6" s="15">
        <v>14</v>
      </c>
      <c r="C6" s="16">
        <v>4</v>
      </c>
      <c r="D6" s="17">
        <v>18</v>
      </c>
    </row>
    <row r="7" spans="1:4" ht="18" customHeight="1" x14ac:dyDescent="0.2">
      <c r="A7" s="14">
        <v>2</v>
      </c>
      <c r="B7" s="15">
        <v>10</v>
      </c>
      <c r="C7" s="16">
        <v>10</v>
      </c>
      <c r="D7" s="17">
        <v>20</v>
      </c>
    </row>
    <row r="8" spans="1:4" ht="18" customHeight="1" x14ac:dyDescent="0.2">
      <c r="A8" s="14">
        <v>3</v>
      </c>
      <c r="B8" s="15">
        <v>10</v>
      </c>
      <c r="C8" s="16">
        <v>11</v>
      </c>
      <c r="D8" s="17">
        <v>21</v>
      </c>
    </row>
    <row r="9" spans="1:4" ht="18" customHeight="1" x14ac:dyDescent="0.2">
      <c r="A9" s="14">
        <v>4</v>
      </c>
      <c r="B9" s="15">
        <v>18</v>
      </c>
      <c r="C9" s="16">
        <v>4</v>
      </c>
      <c r="D9" s="17">
        <v>22</v>
      </c>
    </row>
    <row r="10" spans="1:4" ht="18" customHeight="1" x14ac:dyDescent="0.2">
      <c r="A10" s="18" t="s">
        <v>48</v>
      </c>
      <c r="B10" s="15">
        <v>59</v>
      </c>
      <c r="C10" s="16">
        <v>36</v>
      </c>
      <c r="D10" s="17">
        <v>95</v>
      </c>
    </row>
    <row r="11" spans="1:4" ht="18" customHeight="1" x14ac:dyDescent="0.2">
      <c r="A11" s="14">
        <v>5</v>
      </c>
      <c r="B11" s="15">
        <v>8</v>
      </c>
      <c r="C11" s="16">
        <v>12</v>
      </c>
      <c r="D11" s="17">
        <v>20</v>
      </c>
    </row>
    <row r="12" spans="1:4" ht="18" customHeight="1" x14ac:dyDescent="0.2">
      <c r="A12" s="14">
        <v>6</v>
      </c>
      <c r="B12" s="15">
        <v>7</v>
      </c>
      <c r="C12" s="16">
        <v>12</v>
      </c>
      <c r="D12" s="17">
        <v>19</v>
      </c>
    </row>
    <row r="13" spans="1:4" ht="18" customHeight="1" x14ac:dyDescent="0.2">
      <c r="A13" s="14">
        <v>7</v>
      </c>
      <c r="B13" s="15">
        <v>8</v>
      </c>
      <c r="C13" s="16">
        <v>7</v>
      </c>
      <c r="D13" s="17">
        <v>15</v>
      </c>
    </row>
    <row r="14" spans="1:4" ht="18" customHeight="1" x14ac:dyDescent="0.2">
      <c r="A14" s="14">
        <v>8</v>
      </c>
      <c r="B14" s="15">
        <v>18</v>
      </c>
      <c r="C14" s="16">
        <v>11</v>
      </c>
      <c r="D14" s="17">
        <v>29</v>
      </c>
    </row>
    <row r="15" spans="1:4" ht="18" customHeight="1" x14ac:dyDescent="0.2">
      <c r="A15" s="14">
        <v>9</v>
      </c>
      <c r="B15" s="15">
        <v>14</v>
      </c>
      <c r="C15" s="16">
        <v>7</v>
      </c>
      <c r="D15" s="17">
        <v>21</v>
      </c>
    </row>
    <row r="16" spans="1:4" ht="18" customHeight="1" x14ac:dyDescent="0.2">
      <c r="A16" s="18" t="s">
        <v>49</v>
      </c>
      <c r="B16" s="15">
        <v>55</v>
      </c>
      <c r="C16" s="16">
        <v>49</v>
      </c>
      <c r="D16" s="17">
        <v>104</v>
      </c>
    </row>
    <row r="17" spans="1:4" ht="18" customHeight="1" x14ac:dyDescent="0.2">
      <c r="A17" s="14">
        <v>10</v>
      </c>
      <c r="B17" s="15">
        <v>8</v>
      </c>
      <c r="C17" s="16">
        <v>18</v>
      </c>
      <c r="D17" s="17">
        <v>26</v>
      </c>
    </row>
    <row r="18" spans="1:4" ht="18" customHeight="1" x14ac:dyDescent="0.2">
      <c r="A18" s="14">
        <v>11</v>
      </c>
      <c r="B18" s="15">
        <v>17</v>
      </c>
      <c r="C18" s="16">
        <v>20</v>
      </c>
      <c r="D18" s="17">
        <v>37</v>
      </c>
    </row>
    <row r="19" spans="1:4" ht="18" customHeight="1" x14ac:dyDescent="0.2">
      <c r="A19" s="14">
        <v>12</v>
      </c>
      <c r="B19" s="15">
        <v>13</v>
      </c>
      <c r="C19" s="16">
        <v>12</v>
      </c>
      <c r="D19" s="17">
        <v>25</v>
      </c>
    </row>
    <row r="20" spans="1:4" ht="18" customHeight="1" x14ac:dyDescent="0.2">
      <c r="A20" s="14">
        <v>13</v>
      </c>
      <c r="B20" s="15">
        <v>14</v>
      </c>
      <c r="C20" s="16">
        <v>14</v>
      </c>
      <c r="D20" s="17">
        <v>28</v>
      </c>
    </row>
    <row r="21" spans="1:4" ht="18" customHeight="1" x14ac:dyDescent="0.2">
      <c r="A21" s="14">
        <v>14</v>
      </c>
      <c r="B21" s="15">
        <v>20</v>
      </c>
      <c r="C21" s="16">
        <v>15</v>
      </c>
      <c r="D21" s="17">
        <v>35</v>
      </c>
    </row>
    <row r="22" spans="1:4" ht="18" customHeight="1" x14ac:dyDescent="0.2">
      <c r="A22" s="18" t="s">
        <v>50</v>
      </c>
      <c r="B22" s="15">
        <v>72</v>
      </c>
      <c r="C22" s="16">
        <v>79</v>
      </c>
      <c r="D22" s="17">
        <v>151</v>
      </c>
    </row>
    <row r="23" spans="1:4" ht="18" customHeight="1" x14ac:dyDescent="0.2">
      <c r="A23" s="18" t="s">
        <v>51</v>
      </c>
      <c r="B23" s="15">
        <v>186</v>
      </c>
      <c r="C23" s="16">
        <v>164</v>
      </c>
      <c r="D23" s="17">
        <v>350</v>
      </c>
    </row>
    <row r="24" spans="1:4" ht="18" customHeight="1" x14ac:dyDescent="0.2">
      <c r="A24" s="14">
        <v>15</v>
      </c>
      <c r="B24" s="15">
        <v>12</v>
      </c>
      <c r="C24" s="16">
        <v>19</v>
      </c>
      <c r="D24" s="17">
        <v>31</v>
      </c>
    </row>
    <row r="25" spans="1:4" ht="18" customHeight="1" x14ac:dyDescent="0.2">
      <c r="A25" s="14">
        <v>16</v>
      </c>
      <c r="B25" s="15">
        <v>17</v>
      </c>
      <c r="C25" s="16">
        <v>21</v>
      </c>
      <c r="D25" s="17">
        <v>38</v>
      </c>
    </row>
    <row r="26" spans="1:4" ht="18" customHeight="1" x14ac:dyDescent="0.2">
      <c r="A26" s="14">
        <v>17</v>
      </c>
      <c r="B26" s="15">
        <v>15</v>
      </c>
      <c r="C26" s="16">
        <v>18</v>
      </c>
      <c r="D26" s="17">
        <v>33</v>
      </c>
    </row>
    <row r="27" spans="1:4" ht="18" customHeight="1" x14ac:dyDescent="0.2">
      <c r="A27" s="14">
        <v>18</v>
      </c>
      <c r="B27" s="15">
        <v>14</v>
      </c>
      <c r="C27" s="16">
        <v>19</v>
      </c>
      <c r="D27" s="17">
        <v>33</v>
      </c>
    </row>
    <row r="28" spans="1:4" ht="18" customHeight="1" x14ac:dyDescent="0.2">
      <c r="A28" s="14">
        <v>19</v>
      </c>
      <c r="B28" s="15">
        <v>18</v>
      </c>
      <c r="C28" s="16">
        <v>14</v>
      </c>
      <c r="D28" s="17">
        <v>32</v>
      </c>
    </row>
    <row r="29" spans="1:4" ht="18" customHeight="1" x14ac:dyDescent="0.2">
      <c r="A29" s="18" t="s">
        <v>52</v>
      </c>
      <c r="B29" s="15">
        <v>76</v>
      </c>
      <c r="C29" s="16">
        <v>91</v>
      </c>
      <c r="D29" s="17">
        <v>167</v>
      </c>
    </row>
    <row r="30" spans="1:4" ht="18" customHeight="1" x14ac:dyDescent="0.2">
      <c r="A30" s="14">
        <v>20</v>
      </c>
      <c r="B30" s="15">
        <v>28</v>
      </c>
      <c r="C30" s="16">
        <v>18</v>
      </c>
      <c r="D30" s="17">
        <v>46</v>
      </c>
    </row>
    <row r="31" spans="1:4" ht="18" customHeight="1" x14ac:dyDescent="0.2">
      <c r="A31" s="14">
        <v>21</v>
      </c>
      <c r="B31" s="15">
        <v>16</v>
      </c>
      <c r="C31" s="16">
        <v>9</v>
      </c>
      <c r="D31" s="17">
        <v>25</v>
      </c>
    </row>
    <row r="32" spans="1:4" ht="18" customHeight="1" x14ac:dyDescent="0.2">
      <c r="A32" s="14">
        <v>22</v>
      </c>
      <c r="B32" s="15">
        <v>26</v>
      </c>
      <c r="C32" s="16">
        <v>10</v>
      </c>
      <c r="D32" s="17">
        <v>36</v>
      </c>
    </row>
    <row r="33" spans="1:4" ht="18" customHeight="1" x14ac:dyDescent="0.2">
      <c r="A33" s="14">
        <v>23</v>
      </c>
      <c r="B33" s="15">
        <v>17</v>
      </c>
      <c r="C33" s="16">
        <v>16</v>
      </c>
      <c r="D33" s="17">
        <v>33</v>
      </c>
    </row>
    <row r="34" spans="1:4" ht="18" customHeight="1" x14ac:dyDescent="0.2">
      <c r="A34" s="14">
        <v>24</v>
      </c>
      <c r="B34" s="15">
        <v>15</v>
      </c>
      <c r="C34" s="16">
        <v>9</v>
      </c>
      <c r="D34" s="17">
        <v>24</v>
      </c>
    </row>
    <row r="35" spans="1:4" ht="18" customHeight="1" x14ac:dyDescent="0.2">
      <c r="A35" s="18" t="s">
        <v>53</v>
      </c>
      <c r="B35" s="15">
        <v>102</v>
      </c>
      <c r="C35" s="16">
        <v>62</v>
      </c>
      <c r="D35" s="17">
        <v>164</v>
      </c>
    </row>
    <row r="36" spans="1:4" ht="18" customHeight="1" x14ac:dyDescent="0.2">
      <c r="A36" s="14">
        <v>25</v>
      </c>
      <c r="B36" s="15">
        <v>13</v>
      </c>
      <c r="C36" s="16">
        <v>16</v>
      </c>
      <c r="D36" s="17">
        <v>29</v>
      </c>
    </row>
    <row r="37" spans="1:4" ht="18" customHeight="1" x14ac:dyDescent="0.2">
      <c r="A37" s="14">
        <v>26</v>
      </c>
      <c r="B37" s="15">
        <v>14</v>
      </c>
      <c r="C37" s="16">
        <v>16</v>
      </c>
      <c r="D37" s="17">
        <v>30</v>
      </c>
    </row>
    <row r="38" spans="1:4" ht="18" customHeight="1" x14ac:dyDescent="0.2">
      <c r="A38" s="14">
        <v>27</v>
      </c>
      <c r="B38" s="15">
        <v>20</v>
      </c>
      <c r="C38" s="16">
        <v>19</v>
      </c>
      <c r="D38" s="17">
        <v>39</v>
      </c>
    </row>
    <row r="39" spans="1:4" ht="18" customHeight="1" x14ac:dyDescent="0.2">
      <c r="A39" s="14">
        <v>28</v>
      </c>
      <c r="B39" s="15">
        <v>13</v>
      </c>
      <c r="C39" s="16">
        <v>19</v>
      </c>
      <c r="D39" s="17">
        <v>32</v>
      </c>
    </row>
    <row r="40" spans="1:4" ht="18" customHeight="1" x14ac:dyDescent="0.2">
      <c r="A40" s="14">
        <v>29</v>
      </c>
      <c r="B40" s="15">
        <v>17</v>
      </c>
      <c r="C40" s="16">
        <v>10</v>
      </c>
      <c r="D40" s="17">
        <v>27</v>
      </c>
    </row>
    <row r="41" spans="1:4" ht="18" customHeight="1" x14ac:dyDescent="0.2">
      <c r="A41" s="18" t="s">
        <v>54</v>
      </c>
      <c r="B41" s="15">
        <v>77</v>
      </c>
      <c r="C41" s="16">
        <v>80</v>
      </c>
      <c r="D41" s="17">
        <v>157</v>
      </c>
    </row>
    <row r="42" spans="1:4" ht="18" customHeight="1" x14ac:dyDescent="0.2">
      <c r="A42" s="14">
        <v>30</v>
      </c>
      <c r="B42" s="15">
        <v>14</v>
      </c>
      <c r="C42" s="16">
        <v>17</v>
      </c>
      <c r="D42" s="17">
        <v>31</v>
      </c>
    </row>
    <row r="43" spans="1:4" ht="18" customHeight="1" x14ac:dyDescent="0.2">
      <c r="A43" s="14">
        <v>31</v>
      </c>
      <c r="B43" s="15">
        <v>20</v>
      </c>
      <c r="C43" s="16">
        <v>27</v>
      </c>
      <c r="D43" s="17">
        <v>47</v>
      </c>
    </row>
    <row r="44" spans="1:4" ht="18" customHeight="1" x14ac:dyDescent="0.2">
      <c r="A44" s="14">
        <v>32</v>
      </c>
      <c r="B44" s="15">
        <v>18</v>
      </c>
      <c r="C44" s="16">
        <v>13</v>
      </c>
      <c r="D44" s="17">
        <v>31</v>
      </c>
    </row>
    <row r="45" spans="1:4" ht="18" customHeight="1" x14ac:dyDescent="0.2">
      <c r="A45" s="14">
        <v>33</v>
      </c>
      <c r="B45" s="15">
        <v>26</v>
      </c>
      <c r="C45" s="16">
        <v>16</v>
      </c>
      <c r="D45" s="17">
        <v>42</v>
      </c>
    </row>
    <row r="46" spans="1:4" ht="18" customHeight="1" x14ac:dyDescent="0.2">
      <c r="A46" s="14">
        <v>34</v>
      </c>
      <c r="B46" s="15">
        <v>19</v>
      </c>
      <c r="C46" s="16">
        <v>16</v>
      </c>
      <c r="D46" s="17">
        <v>35</v>
      </c>
    </row>
    <row r="47" spans="1:4" ht="18" customHeight="1" x14ac:dyDescent="0.2">
      <c r="A47" s="18" t="s">
        <v>55</v>
      </c>
      <c r="B47" s="15">
        <v>97</v>
      </c>
      <c r="C47" s="16">
        <v>89</v>
      </c>
      <c r="D47" s="17">
        <v>186</v>
      </c>
    </row>
    <row r="48" spans="1:4" ht="18" customHeight="1" x14ac:dyDescent="0.2">
      <c r="A48" s="14">
        <v>35</v>
      </c>
      <c r="B48" s="15">
        <v>19</v>
      </c>
      <c r="C48" s="16">
        <v>15</v>
      </c>
      <c r="D48" s="17">
        <v>34</v>
      </c>
    </row>
    <row r="49" spans="1:4" ht="18" customHeight="1" x14ac:dyDescent="0.2">
      <c r="A49" s="14">
        <v>36</v>
      </c>
      <c r="B49" s="15">
        <v>24</v>
      </c>
      <c r="C49" s="16">
        <v>20</v>
      </c>
      <c r="D49" s="17">
        <v>44</v>
      </c>
    </row>
    <row r="50" spans="1:4" ht="18" customHeight="1" x14ac:dyDescent="0.2">
      <c r="A50" s="14">
        <v>37</v>
      </c>
      <c r="B50" s="15">
        <v>19</v>
      </c>
      <c r="C50" s="16">
        <v>17</v>
      </c>
      <c r="D50" s="17">
        <v>36</v>
      </c>
    </row>
    <row r="51" spans="1:4" ht="18" customHeight="1" x14ac:dyDescent="0.2">
      <c r="A51" s="14">
        <v>38</v>
      </c>
      <c r="B51" s="15">
        <v>19</v>
      </c>
      <c r="C51" s="16">
        <v>12</v>
      </c>
      <c r="D51" s="17">
        <v>31</v>
      </c>
    </row>
    <row r="52" spans="1:4" ht="18" customHeight="1" x14ac:dyDescent="0.2">
      <c r="A52" s="14">
        <v>39</v>
      </c>
      <c r="B52" s="15">
        <v>34</v>
      </c>
      <c r="C52" s="16">
        <v>13</v>
      </c>
      <c r="D52" s="17">
        <v>47</v>
      </c>
    </row>
    <row r="53" spans="1:4" ht="18" customHeight="1" x14ac:dyDescent="0.2">
      <c r="A53" s="18" t="s">
        <v>56</v>
      </c>
      <c r="B53" s="15">
        <v>115</v>
      </c>
      <c r="C53" s="16">
        <v>77</v>
      </c>
      <c r="D53" s="17">
        <v>192</v>
      </c>
    </row>
    <row r="54" spans="1:4" ht="18" customHeight="1" x14ac:dyDescent="0.2">
      <c r="A54" s="14">
        <v>40</v>
      </c>
      <c r="B54" s="15">
        <v>20</v>
      </c>
      <c r="C54" s="16">
        <v>14</v>
      </c>
      <c r="D54" s="17">
        <v>34</v>
      </c>
    </row>
    <row r="55" spans="1:4" ht="18" customHeight="1" x14ac:dyDescent="0.2">
      <c r="A55" s="14">
        <v>41</v>
      </c>
      <c r="B55" s="15">
        <v>24</v>
      </c>
      <c r="C55" s="16">
        <v>23</v>
      </c>
      <c r="D55" s="17">
        <v>47</v>
      </c>
    </row>
    <row r="56" spans="1:4" ht="18" customHeight="1" x14ac:dyDescent="0.2">
      <c r="A56" s="14">
        <v>42</v>
      </c>
      <c r="B56" s="15">
        <v>31</v>
      </c>
      <c r="C56" s="16">
        <v>24</v>
      </c>
      <c r="D56" s="17">
        <v>55</v>
      </c>
    </row>
    <row r="57" spans="1:4" ht="18" customHeight="1" x14ac:dyDescent="0.2">
      <c r="A57" s="14">
        <v>43</v>
      </c>
      <c r="B57" s="15">
        <v>27</v>
      </c>
      <c r="C57" s="16">
        <v>23</v>
      </c>
      <c r="D57" s="17">
        <v>50</v>
      </c>
    </row>
    <row r="58" spans="1:4" ht="18" customHeight="1" x14ac:dyDescent="0.2">
      <c r="A58" s="14">
        <v>44</v>
      </c>
      <c r="B58" s="15">
        <v>42</v>
      </c>
      <c r="C58" s="16">
        <v>19</v>
      </c>
      <c r="D58" s="17">
        <v>61</v>
      </c>
    </row>
    <row r="59" spans="1:4" ht="18" customHeight="1" x14ac:dyDescent="0.2">
      <c r="A59" s="18" t="s">
        <v>57</v>
      </c>
      <c r="B59" s="15">
        <v>144</v>
      </c>
      <c r="C59" s="16">
        <v>103</v>
      </c>
      <c r="D59" s="17">
        <v>247</v>
      </c>
    </row>
    <row r="60" spans="1:4" ht="18" customHeight="1" x14ac:dyDescent="0.2">
      <c r="A60" s="14">
        <v>45</v>
      </c>
      <c r="B60" s="15">
        <v>35</v>
      </c>
      <c r="C60" s="16">
        <v>30</v>
      </c>
      <c r="D60" s="17">
        <v>65</v>
      </c>
    </row>
    <row r="61" spans="1:4" ht="18" customHeight="1" x14ac:dyDescent="0.2">
      <c r="A61" s="14">
        <v>46</v>
      </c>
      <c r="B61" s="15">
        <v>39</v>
      </c>
      <c r="C61" s="16">
        <v>28</v>
      </c>
      <c r="D61" s="17">
        <v>67</v>
      </c>
    </row>
    <row r="62" spans="1:4" ht="18" customHeight="1" x14ac:dyDescent="0.2">
      <c r="A62" s="14">
        <v>47</v>
      </c>
      <c r="B62" s="15">
        <v>21</v>
      </c>
      <c r="C62" s="16">
        <v>18</v>
      </c>
      <c r="D62" s="17">
        <v>39</v>
      </c>
    </row>
    <row r="63" spans="1:4" ht="18" customHeight="1" x14ac:dyDescent="0.2">
      <c r="A63" s="14">
        <v>48</v>
      </c>
      <c r="B63" s="15">
        <v>31</v>
      </c>
      <c r="C63" s="16">
        <v>27</v>
      </c>
      <c r="D63" s="17">
        <v>58</v>
      </c>
    </row>
    <row r="64" spans="1:4" ht="18" customHeight="1" x14ac:dyDescent="0.2">
      <c r="A64" s="14">
        <v>49</v>
      </c>
      <c r="B64" s="15">
        <v>30</v>
      </c>
      <c r="C64" s="16">
        <v>21</v>
      </c>
      <c r="D64" s="17">
        <v>51</v>
      </c>
    </row>
    <row r="65" spans="1:4" ht="18" customHeight="1" x14ac:dyDescent="0.2">
      <c r="A65" s="18" t="s">
        <v>58</v>
      </c>
      <c r="B65" s="15">
        <v>156</v>
      </c>
      <c r="C65" s="16">
        <v>124</v>
      </c>
      <c r="D65" s="17">
        <v>280</v>
      </c>
    </row>
    <row r="66" spans="1:4" ht="18" customHeight="1" x14ac:dyDescent="0.2">
      <c r="A66" s="14">
        <v>50</v>
      </c>
      <c r="B66" s="15">
        <v>26</v>
      </c>
      <c r="C66" s="16">
        <v>18</v>
      </c>
      <c r="D66" s="17">
        <v>44</v>
      </c>
    </row>
    <row r="67" spans="1:4" ht="18" customHeight="1" x14ac:dyDescent="0.2">
      <c r="A67" s="14">
        <v>51</v>
      </c>
      <c r="B67" s="15">
        <v>13</v>
      </c>
      <c r="C67" s="16">
        <v>24</v>
      </c>
      <c r="D67" s="17">
        <v>37</v>
      </c>
    </row>
    <row r="68" spans="1:4" ht="18" customHeight="1" x14ac:dyDescent="0.2">
      <c r="A68" s="14">
        <v>52</v>
      </c>
      <c r="B68" s="15">
        <v>29</v>
      </c>
      <c r="C68" s="16">
        <v>21</v>
      </c>
      <c r="D68" s="17">
        <v>50</v>
      </c>
    </row>
    <row r="69" spans="1:4" ht="18" customHeight="1" x14ac:dyDescent="0.2">
      <c r="A69" s="14">
        <v>53</v>
      </c>
      <c r="B69" s="15">
        <v>10</v>
      </c>
      <c r="C69" s="16">
        <v>15</v>
      </c>
      <c r="D69" s="17">
        <v>25</v>
      </c>
    </row>
    <row r="70" spans="1:4" ht="18" customHeight="1" x14ac:dyDescent="0.2">
      <c r="A70" s="14">
        <v>54</v>
      </c>
      <c r="B70" s="15">
        <v>31</v>
      </c>
      <c r="C70" s="16">
        <v>27</v>
      </c>
      <c r="D70" s="17">
        <v>58</v>
      </c>
    </row>
    <row r="71" spans="1:4" ht="18" customHeight="1" x14ac:dyDescent="0.2">
      <c r="A71" s="18" t="s">
        <v>59</v>
      </c>
      <c r="B71" s="15">
        <v>109</v>
      </c>
      <c r="C71" s="16">
        <v>105</v>
      </c>
      <c r="D71" s="17">
        <v>214</v>
      </c>
    </row>
    <row r="72" spans="1:4" ht="18" customHeight="1" x14ac:dyDescent="0.2">
      <c r="A72" s="14">
        <v>55</v>
      </c>
      <c r="B72" s="15">
        <v>23</v>
      </c>
      <c r="C72" s="16">
        <v>20</v>
      </c>
      <c r="D72" s="17">
        <v>43</v>
      </c>
    </row>
    <row r="73" spans="1:4" ht="18" customHeight="1" x14ac:dyDescent="0.2">
      <c r="A73" s="14">
        <v>56</v>
      </c>
      <c r="B73" s="15">
        <v>27</v>
      </c>
      <c r="C73" s="16">
        <v>20</v>
      </c>
      <c r="D73" s="17">
        <v>47</v>
      </c>
    </row>
    <row r="74" spans="1:4" ht="18" customHeight="1" x14ac:dyDescent="0.2">
      <c r="A74" s="14">
        <v>57</v>
      </c>
      <c r="B74" s="15">
        <v>24</v>
      </c>
      <c r="C74" s="16">
        <v>30</v>
      </c>
      <c r="D74" s="17">
        <v>54</v>
      </c>
    </row>
    <row r="75" spans="1:4" ht="18" customHeight="1" x14ac:dyDescent="0.2">
      <c r="A75" s="14">
        <v>58</v>
      </c>
      <c r="B75" s="15">
        <v>24</v>
      </c>
      <c r="C75" s="16">
        <v>19</v>
      </c>
      <c r="D75" s="17">
        <v>43</v>
      </c>
    </row>
    <row r="76" spans="1:4" ht="18" customHeight="1" x14ac:dyDescent="0.2">
      <c r="A76" s="14">
        <v>59</v>
      </c>
      <c r="B76" s="15">
        <v>23</v>
      </c>
      <c r="C76" s="16">
        <v>20</v>
      </c>
      <c r="D76" s="17">
        <v>43</v>
      </c>
    </row>
    <row r="77" spans="1:4" ht="18" customHeight="1" x14ac:dyDescent="0.2">
      <c r="A77" s="18" t="s">
        <v>60</v>
      </c>
      <c r="B77" s="15">
        <v>121</v>
      </c>
      <c r="C77" s="16">
        <v>109</v>
      </c>
      <c r="D77" s="17">
        <v>230</v>
      </c>
    </row>
    <row r="78" spans="1:4" ht="18" customHeight="1" x14ac:dyDescent="0.2">
      <c r="A78" s="14">
        <v>60</v>
      </c>
      <c r="B78" s="15">
        <v>28</v>
      </c>
      <c r="C78" s="16">
        <v>33</v>
      </c>
      <c r="D78" s="17">
        <v>61</v>
      </c>
    </row>
    <row r="79" spans="1:4" ht="18" customHeight="1" x14ac:dyDescent="0.2">
      <c r="A79" s="14">
        <v>61</v>
      </c>
      <c r="B79" s="15">
        <v>19</v>
      </c>
      <c r="C79" s="16">
        <v>28</v>
      </c>
      <c r="D79" s="17">
        <v>47</v>
      </c>
    </row>
    <row r="80" spans="1:4" ht="18" customHeight="1" x14ac:dyDescent="0.2">
      <c r="A80" s="14">
        <v>62</v>
      </c>
      <c r="B80" s="15">
        <v>25</v>
      </c>
      <c r="C80" s="16">
        <v>28</v>
      </c>
      <c r="D80" s="17">
        <v>53</v>
      </c>
    </row>
    <row r="81" spans="1:4" ht="18" customHeight="1" x14ac:dyDescent="0.2">
      <c r="A81" s="14">
        <v>63</v>
      </c>
      <c r="B81" s="15">
        <v>30</v>
      </c>
      <c r="C81" s="16">
        <v>37</v>
      </c>
      <c r="D81" s="17">
        <v>67</v>
      </c>
    </row>
    <row r="82" spans="1:4" ht="18" customHeight="1" x14ac:dyDescent="0.2">
      <c r="A82" s="14">
        <v>64</v>
      </c>
      <c r="B82" s="15">
        <v>31</v>
      </c>
      <c r="C82" s="16">
        <v>33</v>
      </c>
      <c r="D82" s="17">
        <v>64</v>
      </c>
    </row>
    <row r="83" spans="1:4" ht="18" customHeight="1" x14ac:dyDescent="0.2">
      <c r="A83" s="18" t="s">
        <v>61</v>
      </c>
      <c r="B83" s="15">
        <v>133</v>
      </c>
      <c r="C83" s="16">
        <v>159</v>
      </c>
      <c r="D83" s="17">
        <v>292</v>
      </c>
    </row>
    <row r="84" spans="1:4" ht="18" customHeight="1" x14ac:dyDescent="0.2">
      <c r="A84" s="18" t="s">
        <v>62</v>
      </c>
      <c r="B84" s="15">
        <v>1130</v>
      </c>
      <c r="C84" s="16">
        <v>999</v>
      </c>
      <c r="D84" s="17">
        <v>2129</v>
      </c>
    </row>
    <row r="85" spans="1:4" ht="18" customHeight="1" x14ac:dyDescent="0.2">
      <c r="A85" s="14">
        <v>65</v>
      </c>
      <c r="B85" s="15">
        <v>33</v>
      </c>
      <c r="C85" s="16">
        <v>29</v>
      </c>
      <c r="D85" s="17">
        <v>62</v>
      </c>
    </row>
    <row r="86" spans="1:4" ht="18" customHeight="1" x14ac:dyDescent="0.2">
      <c r="A86" s="14">
        <v>66</v>
      </c>
      <c r="B86" s="15">
        <v>26</v>
      </c>
      <c r="C86" s="16">
        <v>37</v>
      </c>
      <c r="D86" s="17">
        <v>63</v>
      </c>
    </row>
    <row r="87" spans="1:4" ht="18" customHeight="1" x14ac:dyDescent="0.2">
      <c r="A87" s="14">
        <v>67</v>
      </c>
      <c r="B87" s="15">
        <v>37</v>
      </c>
      <c r="C87" s="16">
        <v>28</v>
      </c>
      <c r="D87" s="17">
        <v>65</v>
      </c>
    </row>
    <row r="88" spans="1:4" ht="18" customHeight="1" x14ac:dyDescent="0.2">
      <c r="A88" s="14">
        <v>68</v>
      </c>
      <c r="B88" s="15">
        <v>38</v>
      </c>
      <c r="C88" s="16">
        <v>31</v>
      </c>
      <c r="D88" s="17">
        <v>69</v>
      </c>
    </row>
    <row r="89" spans="1:4" ht="18" customHeight="1" x14ac:dyDescent="0.2">
      <c r="A89" s="14">
        <v>69</v>
      </c>
      <c r="B89" s="15">
        <v>46</v>
      </c>
      <c r="C89" s="16">
        <v>45</v>
      </c>
      <c r="D89" s="17">
        <v>91</v>
      </c>
    </row>
    <row r="90" spans="1:4" ht="18" customHeight="1" x14ac:dyDescent="0.2">
      <c r="A90" s="18" t="s">
        <v>63</v>
      </c>
      <c r="B90" s="15">
        <v>180</v>
      </c>
      <c r="C90" s="16">
        <v>170</v>
      </c>
      <c r="D90" s="17">
        <v>350</v>
      </c>
    </row>
    <row r="91" spans="1:4" ht="18" customHeight="1" x14ac:dyDescent="0.2">
      <c r="A91" s="14">
        <v>70</v>
      </c>
      <c r="B91" s="15">
        <v>54</v>
      </c>
      <c r="C91" s="16">
        <v>59</v>
      </c>
      <c r="D91" s="17">
        <v>113</v>
      </c>
    </row>
    <row r="92" spans="1:4" ht="18" customHeight="1" x14ac:dyDescent="0.2">
      <c r="A92" s="14">
        <v>71</v>
      </c>
      <c r="B92" s="15">
        <v>51</v>
      </c>
      <c r="C92" s="16">
        <v>47</v>
      </c>
      <c r="D92" s="17">
        <v>98</v>
      </c>
    </row>
    <row r="93" spans="1:4" ht="18" customHeight="1" x14ac:dyDescent="0.2">
      <c r="A93" s="14">
        <v>72</v>
      </c>
      <c r="B93" s="15">
        <v>52</v>
      </c>
      <c r="C93" s="16">
        <v>59</v>
      </c>
      <c r="D93" s="17">
        <v>111</v>
      </c>
    </row>
    <row r="94" spans="1:4" ht="18" customHeight="1" x14ac:dyDescent="0.2">
      <c r="A94" s="14">
        <v>73</v>
      </c>
      <c r="B94" s="15">
        <v>30</v>
      </c>
      <c r="C94" s="16">
        <v>22</v>
      </c>
      <c r="D94" s="17">
        <v>52</v>
      </c>
    </row>
    <row r="95" spans="1:4" ht="18" customHeight="1" x14ac:dyDescent="0.2">
      <c r="A95" s="14">
        <v>74</v>
      </c>
      <c r="B95" s="15">
        <v>24</v>
      </c>
      <c r="C95" s="16">
        <v>18</v>
      </c>
      <c r="D95" s="17">
        <v>42</v>
      </c>
    </row>
    <row r="96" spans="1:4" ht="18" customHeight="1" x14ac:dyDescent="0.2">
      <c r="A96" s="18" t="s">
        <v>64</v>
      </c>
      <c r="B96" s="15">
        <v>211</v>
      </c>
      <c r="C96" s="16">
        <v>205</v>
      </c>
      <c r="D96" s="17">
        <v>416</v>
      </c>
    </row>
    <row r="97" spans="1:4" ht="18" customHeight="1" x14ac:dyDescent="0.2">
      <c r="A97" s="14">
        <v>75</v>
      </c>
      <c r="B97" s="15">
        <v>29</v>
      </c>
      <c r="C97" s="16">
        <v>26</v>
      </c>
      <c r="D97" s="17">
        <v>55</v>
      </c>
    </row>
    <row r="98" spans="1:4" ht="18" customHeight="1" x14ac:dyDescent="0.2">
      <c r="A98" s="14">
        <v>76</v>
      </c>
      <c r="B98" s="15">
        <v>23</v>
      </c>
      <c r="C98" s="16">
        <v>36</v>
      </c>
      <c r="D98" s="17">
        <v>59</v>
      </c>
    </row>
    <row r="99" spans="1:4" ht="18" customHeight="1" x14ac:dyDescent="0.2">
      <c r="A99" s="14">
        <v>77</v>
      </c>
      <c r="B99" s="15">
        <v>34</v>
      </c>
      <c r="C99" s="16">
        <v>36</v>
      </c>
      <c r="D99" s="17">
        <v>70</v>
      </c>
    </row>
    <row r="100" spans="1:4" ht="18" customHeight="1" x14ac:dyDescent="0.2">
      <c r="A100" s="14">
        <v>78</v>
      </c>
      <c r="B100" s="15">
        <v>20</v>
      </c>
      <c r="C100" s="16">
        <v>38</v>
      </c>
      <c r="D100" s="17">
        <v>58</v>
      </c>
    </row>
    <row r="101" spans="1:4" ht="18" customHeight="1" x14ac:dyDescent="0.2">
      <c r="A101" s="14">
        <v>79</v>
      </c>
      <c r="B101" s="15">
        <v>28</v>
      </c>
      <c r="C101" s="16">
        <v>35</v>
      </c>
      <c r="D101" s="17">
        <v>63</v>
      </c>
    </row>
    <row r="102" spans="1:4" ht="18" customHeight="1" x14ac:dyDescent="0.2">
      <c r="A102" s="18" t="s">
        <v>65</v>
      </c>
      <c r="B102" s="15">
        <v>134</v>
      </c>
      <c r="C102" s="16">
        <v>171</v>
      </c>
      <c r="D102" s="17">
        <v>305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24</v>
      </c>
      <c r="C104" s="16">
        <v>30</v>
      </c>
      <c r="D104" s="17">
        <v>54</v>
      </c>
    </row>
    <row r="105" spans="1:4" ht="18" customHeight="1" x14ac:dyDescent="0.2">
      <c r="A105" s="14">
        <v>82</v>
      </c>
      <c r="B105" s="15">
        <v>14</v>
      </c>
      <c r="C105" s="16">
        <v>26</v>
      </c>
      <c r="D105" s="17">
        <v>40</v>
      </c>
    </row>
    <row r="106" spans="1:4" ht="18" customHeight="1" x14ac:dyDescent="0.2">
      <c r="A106" s="14">
        <v>83</v>
      </c>
      <c r="B106" s="15">
        <v>8</v>
      </c>
      <c r="C106" s="16">
        <v>20</v>
      </c>
      <c r="D106" s="17">
        <v>28</v>
      </c>
    </row>
    <row r="107" spans="1:4" ht="18" customHeight="1" x14ac:dyDescent="0.2">
      <c r="A107" s="14">
        <v>84</v>
      </c>
      <c r="B107" s="15">
        <v>19</v>
      </c>
      <c r="C107" s="16">
        <v>15</v>
      </c>
      <c r="D107" s="17">
        <v>34</v>
      </c>
    </row>
    <row r="108" spans="1:4" ht="18" customHeight="1" x14ac:dyDescent="0.2">
      <c r="A108" s="18" t="s">
        <v>66</v>
      </c>
      <c r="B108" s="15">
        <v>79</v>
      </c>
      <c r="C108" s="16">
        <v>108</v>
      </c>
      <c r="D108" s="17">
        <v>187</v>
      </c>
    </row>
    <row r="109" spans="1:4" ht="18" customHeight="1" x14ac:dyDescent="0.2">
      <c r="A109" s="14">
        <v>85</v>
      </c>
      <c r="B109" s="15">
        <v>16</v>
      </c>
      <c r="C109" s="16">
        <v>23</v>
      </c>
      <c r="D109" s="17">
        <v>39</v>
      </c>
    </row>
    <row r="110" spans="1:4" ht="18" customHeight="1" x14ac:dyDescent="0.2">
      <c r="A110" s="14">
        <v>86</v>
      </c>
      <c r="B110" s="15">
        <v>7</v>
      </c>
      <c r="C110" s="16">
        <v>23</v>
      </c>
      <c r="D110" s="17">
        <v>30</v>
      </c>
    </row>
    <row r="111" spans="1:4" ht="18" customHeight="1" x14ac:dyDescent="0.2">
      <c r="A111" s="14">
        <v>87</v>
      </c>
      <c r="B111" s="15">
        <v>7</v>
      </c>
      <c r="C111" s="16">
        <v>19</v>
      </c>
      <c r="D111" s="17">
        <v>26</v>
      </c>
    </row>
    <row r="112" spans="1:4" ht="18" customHeight="1" x14ac:dyDescent="0.2">
      <c r="A112" s="14">
        <v>88</v>
      </c>
      <c r="B112" s="15">
        <v>3</v>
      </c>
      <c r="C112" s="16">
        <v>23</v>
      </c>
      <c r="D112" s="17">
        <v>26</v>
      </c>
    </row>
    <row r="113" spans="1:4" ht="18" customHeight="1" x14ac:dyDescent="0.2">
      <c r="A113" s="14">
        <v>89</v>
      </c>
      <c r="B113" s="15">
        <v>4</v>
      </c>
      <c r="C113" s="16">
        <v>16</v>
      </c>
      <c r="D113" s="17">
        <v>20</v>
      </c>
    </row>
    <row r="114" spans="1:4" ht="18" customHeight="1" x14ac:dyDescent="0.2">
      <c r="A114" s="18" t="s">
        <v>67</v>
      </c>
      <c r="B114" s="15">
        <v>37</v>
      </c>
      <c r="C114" s="16">
        <v>104</v>
      </c>
      <c r="D114" s="17">
        <v>141</v>
      </c>
    </row>
    <row r="115" spans="1:4" ht="18" customHeight="1" x14ac:dyDescent="0.2">
      <c r="A115" s="14">
        <v>90</v>
      </c>
      <c r="B115" s="15">
        <v>5</v>
      </c>
      <c r="C115" s="16">
        <v>14</v>
      </c>
      <c r="D115" s="17">
        <v>19</v>
      </c>
    </row>
    <row r="116" spans="1:4" ht="18" customHeight="1" x14ac:dyDescent="0.2">
      <c r="A116" s="14">
        <v>91</v>
      </c>
      <c r="B116" s="15">
        <v>7</v>
      </c>
      <c r="C116" s="16">
        <v>9</v>
      </c>
      <c r="D116" s="17">
        <v>16</v>
      </c>
    </row>
    <row r="117" spans="1:4" ht="18" customHeight="1" x14ac:dyDescent="0.2">
      <c r="A117" s="14">
        <v>92</v>
      </c>
      <c r="B117" s="15">
        <v>3</v>
      </c>
      <c r="C117" s="16">
        <v>5</v>
      </c>
      <c r="D117" s="17">
        <v>8</v>
      </c>
    </row>
    <row r="118" spans="1:4" ht="18" customHeight="1" x14ac:dyDescent="0.2">
      <c r="A118" s="14">
        <v>93</v>
      </c>
      <c r="B118" s="15">
        <v>4</v>
      </c>
      <c r="C118" s="16">
        <v>8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13</v>
      </c>
      <c r="D119" s="17">
        <v>15</v>
      </c>
    </row>
    <row r="120" spans="1:4" ht="18" customHeight="1" x14ac:dyDescent="0.2">
      <c r="A120" s="18" t="s">
        <v>68</v>
      </c>
      <c r="B120" s="15">
        <v>21</v>
      </c>
      <c r="C120" s="16">
        <v>49</v>
      </c>
      <c r="D120" s="17">
        <v>70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23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665</v>
      </c>
      <c r="C130" s="5">
        <v>831</v>
      </c>
      <c r="D130" s="6">
        <v>1496</v>
      </c>
    </row>
    <row r="131" spans="1:4" ht="18" customHeight="1" x14ac:dyDescent="0.2">
      <c r="A131" s="20" t="s">
        <v>47</v>
      </c>
      <c r="B131" s="7">
        <v>1981</v>
      </c>
      <c r="C131" s="8">
        <v>1994</v>
      </c>
      <c r="D131" s="9">
        <v>39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6</v>
      </c>
      <c r="D5" s="13">
        <v>11</v>
      </c>
    </row>
    <row r="6" spans="1:4" ht="18" customHeight="1" x14ac:dyDescent="0.2">
      <c r="A6" s="14">
        <v>1</v>
      </c>
      <c r="B6" s="15">
        <v>2</v>
      </c>
      <c r="C6" s="16">
        <v>3</v>
      </c>
      <c r="D6" s="17">
        <v>5</v>
      </c>
    </row>
    <row r="7" spans="1:4" ht="18" customHeight="1" x14ac:dyDescent="0.2">
      <c r="A7" s="14">
        <v>2</v>
      </c>
      <c r="B7" s="15">
        <v>5</v>
      </c>
      <c r="C7" s="16">
        <v>6</v>
      </c>
      <c r="D7" s="17">
        <v>11</v>
      </c>
    </row>
    <row r="8" spans="1:4" ht="18" customHeight="1" x14ac:dyDescent="0.2">
      <c r="A8" s="14">
        <v>3</v>
      </c>
      <c r="B8" s="15">
        <v>3</v>
      </c>
      <c r="C8" s="16">
        <v>4</v>
      </c>
      <c r="D8" s="17">
        <v>7</v>
      </c>
    </row>
    <row r="9" spans="1:4" ht="18" customHeight="1" x14ac:dyDescent="0.2">
      <c r="A9" s="14">
        <v>4</v>
      </c>
      <c r="B9" s="15">
        <v>5</v>
      </c>
      <c r="C9" s="16">
        <v>4</v>
      </c>
      <c r="D9" s="17">
        <v>9</v>
      </c>
    </row>
    <row r="10" spans="1:4" ht="18" customHeight="1" x14ac:dyDescent="0.2">
      <c r="A10" s="18" t="s">
        <v>48</v>
      </c>
      <c r="B10" s="15">
        <v>20</v>
      </c>
      <c r="C10" s="16">
        <v>23</v>
      </c>
      <c r="D10" s="17">
        <v>43</v>
      </c>
    </row>
    <row r="11" spans="1:4" ht="18" customHeight="1" x14ac:dyDescent="0.2">
      <c r="A11" s="14">
        <v>5</v>
      </c>
      <c r="B11" s="15">
        <v>3</v>
      </c>
      <c r="C11" s="16">
        <v>3</v>
      </c>
      <c r="D11" s="17">
        <v>6</v>
      </c>
    </row>
    <row r="12" spans="1:4" ht="18" customHeight="1" x14ac:dyDescent="0.2">
      <c r="A12" s="14">
        <v>6</v>
      </c>
      <c r="B12" s="15">
        <v>3</v>
      </c>
      <c r="C12" s="16">
        <v>5</v>
      </c>
      <c r="D12" s="17">
        <v>8</v>
      </c>
    </row>
    <row r="13" spans="1:4" ht="18" customHeight="1" x14ac:dyDescent="0.2">
      <c r="A13" s="14">
        <v>7</v>
      </c>
      <c r="B13" s="15">
        <v>5</v>
      </c>
      <c r="C13" s="16">
        <v>5</v>
      </c>
      <c r="D13" s="17">
        <v>10</v>
      </c>
    </row>
    <row r="14" spans="1:4" ht="18" customHeight="1" x14ac:dyDescent="0.2">
      <c r="A14" s="14">
        <v>8</v>
      </c>
      <c r="B14" s="15">
        <v>7</v>
      </c>
      <c r="C14" s="16">
        <v>1</v>
      </c>
      <c r="D14" s="17">
        <v>8</v>
      </c>
    </row>
    <row r="15" spans="1:4" ht="18" customHeight="1" x14ac:dyDescent="0.2">
      <c r="A15" s="14">
        <v>9</v>
      </c>
      <c r="B15" s="15">
        <v>10</v>
      </c>
      <c r="C15" s="16">
        <v>5</v>
      </c>
      <c r="D15" s="17">
        <v>15</v>
      </c>
    </row>
    <row r="16" spans="1:4" ht="18" customHeight="1" x14ac:dyDescent="0.2">
      <c r="A16" s="18" t="s">
        <v>49</v>
      </c>
      <c r="B16" s="15">
        <v>28</v>
      </c>
      <c r="C16" s="16">
        <v>19</v>
      </c>
      <c r="D16" s="17">
        <v>47</v>
      </c>
    </row>
    <row r="17" spans="1:4" ht="18" customHeight="1" x14ac:dyDescent="0.2">
      <c r="A17" s="14">
        <v>10</v>
      </c>
      <c r="B17" s="15">
        <v>11</v>
      </c>
      <c r="C17" s="16">
        <v>11</v>
      </c>
      <c r="D17" s="17">
        <v>22</v>
      </c>
    </row>
    <row r="18" spans="1:4" ht="18" customHeight="1" x14ac:dyDescent="0.2">
      <c r="A18" s="14">
        <v>11</v>
      </c>
      <c r="B18" s="15">
        <v>14</v>
      </c>
      <c r="C18" s="16">
        <v>10</v>
      </c>
      <c r="D18" s="17">
        <v>24</v>
      </c>
    </row>
    <row r="19" spans="1:4" ht="18" customHeight="1" x14ac:dyDescent="0.2">
      <c r="A19" s="14">
        <v>12</v>
      </c>
      <c r="B19" s="15">
        <v>4</v>
      </c>
      <c r="C19" s="16">
        <v>6</v>
      </c>
      <c r="D19" s="17">
        <v>10</v>
      </c>
    </row>
    <row r="20" spans="1:4" ht="18" customHeight="1" x14ac:dyDescent="0.2">
      <c r="A20" s="14">
        <v>13</v>
      </c>
      <c r="B20" s="15">
        <v>15</v>
      </c>
      <c r="C20" s="16">
        <v>15</v>
      </c>
      <c r="D20" s="17">
        <v>30</v>
      </c>
    </row>
    <row r="21" spans="1:4" ht="18" customHeight="1" x14ac:dyDescent="0.2">
      <c r="A21" s="14">
        <v>14</v>
      </c>
      <c r="B21" s="15">
        <v>24</v>
      </c>
      <c r="C21" s="16">
        <v>11</v>
      </c>
      <c r="D21" s="17">
        <v>35</v>
      </c>
    </row>
    <row r="22" spans="1:4" ht="18" customHeight="1" x14ac:dyDescent="0.2">
      <c r="A22" s="18" t="s">
        <v>50</v>
      </c>
      <c r="B22" s="15">
        <v>68</v>
      </c>
      <c r="C22" s="16">
        <v>53</v>
      </c>
      <c r="D22" s="17">
        <v>121</v>
      </c>
    </row>
    <row r="23" spans="1:4" ht="18" customHeight="1" x14ac:dyDescent="0.2">
      <c r="A23" s="18" t="s">
        <v>51</v>
      </c>
      <c r="B23" s="15">
        <v>116</v>
      </c>
      <c r="C23" s="16">
        <v>95</v>
      </c>
      <c r="D23" s="17">
        <v>211</v>
      </c>
    </row>
    <row r="24" spans="1:4" ht="18" customHeight="1" x14ac:dyDescent="0.2">
      <c r="A24" s="14">
        <v>15</v>
      </c>
      <c r="B24" s="15">
        <v>12</v>
      </c>
      <c r="C24" s="16">
        <v>16</v>
      </c>
      <c r="D24" s="17">
        <v>28</v>
      </c>
    </row>
    <row r="25" spans="1:4" ht="18" customHeight="1" x14ac:dyDescent="0.2">
      <c r="A25" s="14">
        <v>16</v>
      </c>
      <c r="B25" s="15">
        <v>13</v>
      </c>
      <c r="C25" s="16">
        <v>22</v>
      </c>
      <c r="D25" s="17">
        <v>35</v>
      </c>
    </row>
    <row r="26" spans="1:4" ht="18" customHeight="1" x14ac:dyDescent="0.2">
      <c r="A26" s="14">
        <v>17</v>
      </c>
      <c r="B26" s="15">
        <v>12</v>
      </c>
      <c r="C26" s="16">
        <v>15</v>
      </c>
      <c r="D26" s="17">
        <v>27</v>
      </c>
    </row>
    <row r="27" spans="1:4" ht="18" customHeight="1" x14ac:dyDescent="0.2">
      <c r="A27" s="14">
        <v>18</v>
      </c>
      <c r="B27" s="15">
        <v>22</v>
      </c>
      <c r="C27" s="16">
        <v>15</v>
      </c>
      <c r="D27" s="17">
        <v>37</v>
      </c>
    </row>
    <row r="28" spans="1:4" ht="18" customHeight="1" x14ac:dyDescent="0.2">
      <c r="A28" s="14">
        <v>19</v>
      </c>
      <c r="B28" s="15">
        <v>21</v>
      </c>
      <c r="C28" s="16">
        <v>6</v>
      </c>
      <c r="D28" s="17">
        <v>27</v>
      </c>
    </row>
    <row r="29" spans="1:4" ht="18" customHeight="1" x14ac:dyDescent="0.2">
      <c r="A29" s="18" t="s">
        <v>52</v>
      </c>
      <c r="B29" s="15">
        <v>80</v>
      </c>
      <c r="C29" s="16">
        <v>74</v>
      </c>
      <c r="D29" s="17">
        <v>154</v>
      </c>
    </row>
    <row r="30" spans="1:4" ht="18" customHeight="1" x14ac:dyDescent="0.2">
      <c r="A30" s="14">
        <v>20</v>
      </c>
      <c r="B30" s="15">
        <v>12</v>
      </c>
      <c r="C30" s="16">
        <v>13</v>
      </c>
      <c r="D30" s="17">
        <v>25</v>
      </c>
    </row>
    <row r="31" spans="1:4" ht="18" customHeight="1" x14ac:dyDescent="0.2">
      <c r="A31" s="14">
        <v>21</v>
      </c>
      <c r="B31" s="15">
        <v>18</v>
      </c>
      <c r="C31" s="16">
        <v>9</v>
      </c>
      <c r="D31" s="17">
        <v>27</v>
      </c>
    </row>
    <row r="32" spans="1:4" ht="18" customHeight="1" x14ac:dyDescent="0.2">
      <c r="A32" s="14">
        <v>22</v>
      </c>
      <c r="B32" s="15">
        <v>5</v>
      </c>
      <c r="C32" s="16">
        <v>12</v>
      </c>
      <c r="D32" s="17">
        <v>17</v>
      </c>
    </row>
    <row r="33" spans="1:4" ht="18" customHeight="1" x14ac:dyDescent="0.2">
      <c r="A33" s="14">
        <v>23</v>
      </c>
      <c r="B33" s="15">
        <v>3</v>
      </c>
      <c r="C33" s="16">
        <v>5</v>
      </c>
      <c r="D33" s="17">
        <v>8</v>
      </c>
    </row>
    <row r="34" spans="1:4" ht="18" customHeight="1" x14ac:dyDescent="0.2">
      <c r="A34" s="14">
        <v>24</v>
      </c>
      <c r="B34" s="15">
        <v>6</v>
      </c>
      <c r="C34" s="16">
        <v>3</v>
      </c>
      <c r="D34" s="17">
        <v>9</v>
      </c>
    </row>
    <row r="35" spans="1:4" ht="18" customHeight="1" x14ac:dyDescent="0.2">
      <c r="A35" s="18" t="s">
        <v>53</v>
      </c>
      <c r="B35" s="15">
        <v>44</v>
      </c>
      <c r="C35" s="16">
        <v>42</v>
      </c>
      <c r="D35" s="17">
        <v>86</v>
      </c>
    </row>
    <row r="36" spans="1:4" ht="18" customHeight="1" x14ac:dyDescent="0.2">
      <c r="A36" s="14">
        <v>25</v>
      </c>
      <c r="B36" s="15">
        <v>5</v>
      </c>
      <c r="C36" s="16">
        <v>5</v>
      </c>
      <c r="D36" s="17">
        <v>10</v>
      </c>
    </row>
    <row r="37" spans="1:4" ht="18" customHeight="1" x14ac:dyDescent="0.2">
      <c r="A37" s="14">
        <v>26</v>
      </c>
      <c r="B37" s="15">
        <v>5</v>
      </c>
      <c r="C37" s="16">
        <v>6</v>
      </c>
      <c r="D37" s="17">
        <v>11</v>
      </c>
    </row>
    <row r="38" spans="1:4" ht="18" customHeight="1" x14ac:dyDescent="0.2">
      <c r="A38" s="14">
        <v>27</v>
      </c>
      <c r="B38" s="15">
        <v>4</v>
      </c>
      <c r="C38" s="16">
        <v>2</v>
      </c>
      <c r="D38" s="17">
        <v>6</v>
      </c>
    </row>
    <row r="39" spans="1:4" ht="18" customHeight="1" x14ac:dyDescent="0.2">
      <c r="A39" s="14">
        <v>28</v>
      </c>
      <c r="B39" s="15">
        <v>3</v>
      </c>
      <c r="C39" s="16">
        <v>4</v>
      </c>
      <c r="D39" s="17">
        <v>7</v>
      </c>
    </row>
    <row r="40" spans="1:4" ht="18" customHeight="1" x14ac:dyDescent="0.2">
      <c r="A40" s="14">
        <v>29</v>
      </c>
      <c r="B40" s="15">
        <v>6</v>
      </c>
      <c r="C40" s="16">
        <v>7</v>
      </c>
      <c r="D40" s="17">
        <v>13</v>
      </c>
    </row>
    <row r="41" spans="1:4" ht="18" customHeight="1" x14ac:dyDescent="0.2">
      <c r="A41" s="18" t="s">
        <v>54</v>
      </c>
      <c r="B41" s="15">
        <v>23</v>
      </c>
      <c r="C41" s="16">
        <v>24</v>
      </c>
      <c r="D41" s="17">
        <v>47</v>
      </c>
    </row>
    <row r="42" spans="1:4" ht="18" customHeight="1" x14ac:dyDescent="0.2">
      <c r="A42" s="14">
        <v>30</v>
      </c>
      <c r="B42" s="15">
        <v>4</v>
      </c>
      <c r="C42" s="16">
        <v>5</v>
      </c>
      <c r="D42" s="17">
        <v>9</v>
      </c>
    </row>
    <row r="43" spans="1:4" ht="18" customHeight="1" x14ac:dyDescent="0.2">
      <c r="A43" s="14">
        <v>31</v>
      </c>
      <c r="B43" s="15">
        <v>1</v>
      </c>
      <c r="C43" s="16">
        <v>3</v>
      </c>
      <c r="D43" s="17">
        <v>4</v>
      </c>
    </row>
    <row r="44" spans="1:4" ht="18" customHeight="1" x14ac:dyDescent="0.2">
      <c r="A44" s="14">
        <v>32</v>
      </c>
      <c r="B44" s="15">
        <v>5</v>
      </c>
      <c r="C44" s="16">
        <v>7</v>
      </c>
      <c r="D44" s="17">
        <v>12</v>
      </c>
    </row>
    <row r="45" spans="1:4" ht="18" customHeight="1" x14ac:dyDescent="0.2">
      <c r="A45" s="14">
        <v>33</v>
      </c>
      <c r="B45" s="15">
        <v>8</v>
      </c>
      <c r="C45" s="16">
        <v>5</v>
      </c>
      <c r="D45" s="17">
        <v>13</v>
      </c>
    </row>
    <row r="46" spans="1:4" ht="18" customHeight="1" x14ac:dyDescent="0.2">
      <c r="A46" s="14">
        <v>34</v>
      </c>
      <c r="B46" s="15">
        <v>5</v>
      </c>
      <c r="C46" s="16">
        <v>5</v>
      </c>
      <c r="D46" s="17">
        <v>10</v>
      </c>
    </row>
    <row r="47" spans="1:4" ht="18" customHeight="1" x14ac:dyDescent="0.2">
      <c r="A47" s="18" t="s">
        <v>55</v>
      </c>
      <c r="B47" s="15">
        <v>23</v>
      </c>
      <c r="C47" s="16">
        <v>25</v>
      </c>
      <c r="D47" s="17">
        <v>48</v>
      </c>
    </row>
    <row r="48" spans="1:4" ht="18" customHeight="1" x14ac:dyDescent="0.2">
      <c r="A48" s="14">
        <v>35</v>
      </c>
      <c r="B48" s="15">
        <v>9</v>
      </c>
      <c r="C48" s="16">
        <v>7</v>
      </c>
      <c r="D48" s="17">
        <v>16</v>
      </c>
    </row>
    <row r="49" spans="1:4" ht="18" customHeight="1" x14ac:dyDescent="0.2">
      <c r="A49" s="14">
        <v>36</v>
      </c>
      <c r="B49" s="15">
        <v>5</v>
      </c>
      <c r="C49" s="16">
        <v>3</v>
      </c>
      <c r="D49" s="17">
        <v>8</v>
      </c>
    </row>
    <row r="50" spans="1:4" ht="18" customHeight="1" x14ac:dyDescent="0.2">
      <c r="A50" s="14">
        <v>37</v>
      </c>
      <c r="B50" s="15">
        <v>5</v>
      </c>
      <c r="C50" s="16">
        <v>7</v>
      </c>
      <c r="D50" s="17">
        <v>12</v>
      </c>
    </row>
    <row r="51" spans="1:4" ht="18" customHeight="1" x14ac:dyDescent="0.2">
      <c r="A51" s="14">
        <v>38</v>
      </c>
      <c r="B51" s="15">
        <v>5</v>
      </c>
      <c r="C51" s="16">
        <v>4</v>
      </c>
      <c r="D51" s="17">
        <v>9</v>
      </c>
    </row>
    <row r="52" spans="1:4" ht="18" customHeight="1" x14ac:dyDescent="0.2">
      <c r="A52" s="14">
        <v>39</v>
      </c>
      <c r="B52" s="15">
        <v>7</v>
      </c>
      <c r="C52" s="16">
        <v>9</v>
      </c>
      <c r="D52" s="17">
        <v>16</v>
      </c>
    </row>
    <row r="53" spans="1:4" ht="18" customHeight="1" x14ac:dyDescent="0.2">
      <c r="A53" s="18" t="s">
        <v>56</v>
      </c>
      <c r="B53" s="15">
        <v>31</v>
      </c>
      <c r="C53" s="16">
        <v>30</v>
      </c>
      <c r="D53" s="17">
        <v>61</v>
      </c>
    </row>
    <row r="54" spans="1:4" ht="18" customHeight="1" x14ac:dyDescent="0.2">
      <c r="A54" s="14">
        <v>40</v>
      </c>
      <c r="B54" s="15">
        <v>4</v>
      </c>
      <c r="C54" s="16">
        <v>9</v>
      </c>
      <c r="D54" s="17">
        <v>13</v>
      </c>
    </row>
    <row r="55" spans="1:4" ht="18" customHeight="1" x14ac:dyDescent="0.2">
      <c r="A55" s="14">
        <v>41</v>
      </c>
      <c r="B55" s="15">
        <v>14</v>
      </c>
      <c r="C55" s="16">
        <v>19</v>
      </c>
      <c r="D55" s="17">
        <v>33</v>
      </c>
    </row>
    <row r="56" spans="1:4" ht="18" customHeight="1" x14ac:dyDescent="0.2">
      <c r="A56" s="14">
        <v>42</v>
      </c>
      <c r="B56" s="15">
        <v>15</v>
      </c>
      <c r="C56" s="16">
        <v>14</v>
      </c>
      <c r="D56" s="17">
        <v>29</v>
      </c>
    </row>
    <row r="57" spans="1:4" ht="18" customHeight="1" x14ac:dyDescent="0.2">
      <c r="A57" s="14">
        <v>43</v>
      </c>
      <c r="B57" s="15">
        <v>21</v>
      </c>
      <c r="C57" s="16">
        <v>19</v>
      </c>
      <c r="D57" s="17">
        <v>40</v>
      </c>
    </row>
    <row r="58" spans="1:4" ht="18" customHeight="1" x14ac:dyDescent="0.2">
      <c r="A58" s="14">
        <v>44</v>
      </c>
      <c r="B58" s="15">
        <v>25</v>
      </c>
      <c r="C58" s="16">
        <v>20</v>
      </c>
      <c r="D58" s="17">
        <v>45</v>
      </c>
    </row>
    <row r="59" spans="1:4" ht="18" customHeight="1" x14ac:dyDescent="0.2">
      <c r="A59" s="18" t="s">
        <v>57</v>
      </c>
      <c r="B59" s="15">
        <v>79</v>
      </c>
      <c r="C59" s="16">
        <v>81</v>
      </c>
      <c r="D59" s="17">
        <v>160</v>
      </c>
    </row>
    <row r="60" spans="1:4" ht="18" customHeight="1" x14ac:dyDescent="0.2">
      <c r="A60" s="14">
        <v>45</v>
      </c>
      <c r="B60" s="15">
        <v>24</v>
      </c>
      <c r="C60" s="16">
        <v>12</v>
      </c>
      <c r="D60" s="17">
        <v>36</v>
      </c>
    </row>
    <row r="61" spans="1:4" ht="18" customHeight="1" x14ac:dyDescent="0.2">
      <c r="A61" s="14">
        <v>46</v>
      </c>
      <c r="B61" s="15">
        <v>24</v>
      </c>
      <c r="C61" s="16">
        <v>21</v>
      </c>
      <c r="D61" s="17">
        <v>45</v>
      </c>
    </row>
    <row r="62" spans="1:4" ht="18" customHeight="1" x14ac:dyDescent="0.2">
      <c r="A62" s="14">
        <v>47</v>
      </c>
      <c r="B62" s="15">
        <v>22</v>
      </c>
      <c r="C62" s="16">
        <v>20</v>
      </c>
      <c r="D62" s="17">
        <v>42</v>
      </c>
    </row>
    <row r="63" spans="1:4" ht="18" customHeight="1" x14ac:dyDescent="0.2">
      <c r="A63" s="14">
        <v>48</v>
      </c>
      <c r="B63" s="15">
        <v>21</v>
      </c>
      <c r="C63" s="16">
        <v>15</v>
      </c>
      <c r="D63" s="17">
        <v>36</v>
      </c>
    </row>
    <row r="64" spans="1:4" ht="18" customHeight="1" x14ac:dyDescent="0.2">
      <c r="A64" s="14">
        <v>49</v>
      </c>
      <c r="B64" s="15">
        <v>16</v>
      </c>
      <c r="C64" s="16">
        <v>24</v>
      </c>
      <c r="D64" s="17">
        <v>40</v>
      </c>
    </row>
    <row r="65" spans="1:4" ht="18" customHeight="1" x14ac:dyDescent="0.2">
      <c r="A65" s="18" t="s">
        <v>58</v>
      </c>
      <c r="B65" s="15">
        <v>107</v>
      </c>
      <c r="C65" s="16">
        <v>92</v>
      </c>
      <c r="D65" s="17">
        <v>199</v>
      </c>
    </row>
    <row r="66" spans="1:4" ht="18" customHeight="1" x14ac:dyDescent="0.2">
      <c r="A66" s="14">
        <v>50</v>
      </c>
      <c r="B66" s="15">
        <v>10</v>
      </c>
      <c r="C66" s="16">
        <v>15</v>
      </c>
      <c r="D66" s="17">
        <v>25</v>
      </c>
    </row>
    <row r="67" spans="1:4" ht="18" customHeight="1" x14ac:dyDescent="0.2">
      <c r="A67" s="14">
        <v>51</v>
      </c>
      <c r="B67" s="15">
        <v>25</v>
      </c>
      <c r="C67" s="16">
        <v>17</v>
      </c>
      <c r="D67" s="17">
        <v>42</v>
      </c>
    </row>
    <row r="68" spans="1:4" ht="18" customHeight="1" x14ac:dyDescent="0.2">
      <c r="A68" s="14">
        <v>52</v>
      </c>
      <c r="B68" s="15">
        <v>8</v>
      </c>
      <c r="C68" s="16">
        <v>11</v>
      </c>
      <c r="D68" s="17">
        <v>19</v>
      </c>
    </row>
    <row r="69" spans="1:4" ht="18" customHeight="1" x14ac:dyDescent="0.2">
      <c r="A69" s="14">
        <v>53</v>
      </c>
      <c r="B69" s="15">
        <v>9</v>
      </c>
      <c r="C69" s="16">
        <v>6</v>
      </c>
      <c r="D69" s="17">
        <v>15</v>
      </c>
    </row>
    <row r="70" spans="1:4" ht="18" customHeight="1" x14ac:dyDescent="0.2">
      <c r="A70" s="14">
        <v>54</v>
      </c>
      <c r="B70" s="15">
        <v>10</v>
      </c>
      <c r="C70" s="16">
        <v>6</v>
      </c>
      <c r="D70" s="17">
        <v>16</v>
      </c>
    </row>
    <row r="71" spans="1:4" ht="18" customHeight="1" x14ac:dyDescent="0.2">
      <c r="A71" s="18" t="s">
        <v>59</v>
      </c>
      <c r="B71" s="15">
        <v>62</v>
      </c>
      <c r="C71" s="16">
        <v>55</v>
      </c>
      <c r="D71" s="17">
        <v>117</v>
      </c>
    </row>
    <row r="72" spans="1:4" ht="18" customHeight="1" x14ac:dyDescent="0.2">
      <c r="A72" s="14">
        <v>55</v>
      </c>
      <c r="B72" s="15">
        <v>13</v>
      </c>
      <c r="C72" s="16">
        <v>8</v>
      </c>
      <c r="D72" s="17">
        <v>21</v>
      </c>
    </row>
    <row r="73" spans="1:4" ht="18" customHeight="1" x14ac:dyDescent="0.2">
      <c r="A73" s="14">
        <v>56</v>
      </c>
      <c r="B73" s="15">
        <v>5</v>
      </c>
      <c r="C73" s="16">
        <v>9</v>
      </c>
      <c r="D73" s="17">
        <v>14</v>
      </c>
    </row>
    <row r="74" spans="1:4" ht="18" customHeight="1" x14ac:dyDescent="0.2">
      <c r="A74" s="14">
        <v>57</v>
      </c>
      <c r="B74" s="15">
        <v>4</v>
      </c>
      <c r="C74" s="16">
        <v>13</v>
      </c>
      <c r="D74" s="17">
        <v>17</v>
      </c>
    </row>
    <row r="75" spans="1:4" ht="18" customHeight="1" x14ac:dyDescent="0.2">
      <c r="A75" s="14">
        <v>58</v>
      </c>
      <c r="B75" s="15">
        <v>10</v>
      </c>
      <c r="C75" s="16">
        <v>10</v>
      </c>
      <c r="D75" s="17">
        <v>20</v>
      </c>
    </row>
    <row r="76" spans="1:4" ht="18" customHeight="1" x14ac:dyDescent="0.2">
      <c r="A76" s="14">
        <v>59</v>
      </c>
      <c r="B76" s="15">
        <v>12</v>
      </c>
      <c r="C76" s="16">
        <v>11</v>
      </c>
      <c r="D76" s="17">
        <v>23</v>
      </c>
    </row>
    <row r="77" spans="1:4" ht="18" customHeight="1" x14ac:dyDescent="0.2">
      <c r="A77" s="18" t="s">
        <v>60</v>
      </c>
      <c r="B77" s="15">
        <v>44</v>
      </c>
      <c r="C77" s="16">
        <v>51</v>
      </c>
      <c r="D77" s="17">
        <v>95</v>
      </c>
    </row>
    <row r="78" spans="1:4" ht="18" customHeight="1" x14ac:dyDescent="0.2">
      <c r="A78" s="14">
        <v>60</v>
      </c>
      <c r="B78" s="15">
        <v>16</v>
      </c>
      <c r="C78" s="16">
        <v>5</v>
      </c>
      <c r="D78" s="17">
        <v>21</v>
      </c>
    </row>
    <row r="79" spans="1:4" ht="18" customHeight="1" x14ac:dyDescent="0.2">
      <c r="A79" s="14">
        <v>61</v>
      </c>
      <c r="B79" s="15">
        <v>9</v>
      </c>
      <c r="C79" s="16">
        <v>14</v>
      </c>
      <c r="D79" s="17">
        <v>23</v>
      </c>
    </row>
    <row r="80" spans="1:4" ht="18" customHeight="1" x14ac:dyDescent="0.2">
      <c r="A80" s="14">
        <v>62</v>
      </c>
      <c r="B80" s="15">
        <v>7</v>
      </c>
      <c r="C80" s="16">
        <v>8</v>
      </c>
      <c r="D80" s="17">
        <v>15</v>
      </c>
    </row>
    <row r="81" spans="1:4" ht="18" customHeight="1" x14ac:dyDescent="0.2">
      <c r="A81" s="14">
        <v>63</v>
      </c>
      <c r="B81" s="15">
        <v>7</v>
      </c>
      <c r="C81" s="16">
        <v>6</v>
      </c>
      <c r="D81" s="17">
        <v>13</v>
      </c>
    </row>
    <row r="82" spans="1:4" ht="18" customHeight="1" x14ac:dyDescent="0.2">
      <c r="A82" s="14">
        <v>64</v>
      </c>
      <c r="B82" s="15">
        <v>6</v>
      </c>
      <c r="C82" s="16">
        <v>6</v>
      </c>
      <c r="D82" s="17">
        <v>12</v>
      </c>
    </row>
    <row r="83" spans="1:4" ht="18" customHeight="1" x14ac:dyDescent="0.2">
      <c r="A83" s="18" t="s">
        <v>61</v>
      </c>
      <c r="B83" s="15">
        <v>45</v>
      </c>
      <c r="C83" s="16">
        <v>39</v>
      </c>
      <c r="D83" s="17">
        <v>84</v>
      </c>
    </row>
    <row r="84" spans="1:4" ht="18" customHeight="1" x14ac:dyDescent="0.2">
      <c r="A84" s="18" t="s">
        <v>62</v>
      </c>
      <c r="B84" s="15">
        <v>538</v>
      </c>
      <c r="C84" s="16">
        <v>513</v>
      </c>
      <c r="D84" s="17">
        <v>1051</v>
      </c>
    </row>
    <row r="85" spans="1:4" ht="18" customHeight="1" x14ac:dyDescent="0.2">
      <c r="A85" s="14">
        <v>65</v>
      </c>
      <c r="B85" s="15">
        <v>10</v>
      </c>
      <c r="C85" s="16">
        <v>11</v>
      </c>
      <c r="D85" s="17">
        <v>21</v>
      </c>
    </row>
    <row r="86" spans="1:4" ht="18" customHeight="1" x14ac:dyDescent="0.2">
      <c r="A86" s="14">
        <v>66</v>
      </c>
      <c r="B86" s="15">
        <v>8</v>
      </c>
      <c r="C86" s="16">
        <v>17</v>
      </c>
      <c r="D86" s="17">
        <v>25</v>
      </c>
    </row>
    <row r="87" spans="1:4" ht="18" customHeight="1" x14ac:dyDescent="0.2">
      <c r="A87" s="14">
        <v>67</v>
      </c>
      <c r="B87" s="15">
        <v>12</v>
      </c>
      <c r="C87" s="16">
        <v>11</v>
      </c>
      <c r="D87" s="17">
        <v>23</v>
      </c>
    </row>
    <row r="88" spans="1:4" ht="18" customHeight="1" x14ac:dyDescent="0.2">
      <c r="A88" s="14">
        <v>68</v>
      </c>
      <c r="B88" s="15">
        <v>9</v>
      </c>
      <c r="C88" s="16">
        <v>11</v>
      </c>
      <c r="D88" s="17">
        <v>20</v>
      </c>
    </row>
    <row r="89" spans="1:4" ht="18" customHeight="1" x14ac:dyDescent="0.2">
      <c r="A89" s="14">
        <v>69</v>
      </c>
      <c r="B89" s="15">
        <v>20</v>
      </c>
      <c r="C89" s="16">
        <v>12</v>
      </c>
      <c r="D89" s="17">
        <v>32</v>
      </c>
    </row>
    <row r="90" spans="1:4" ht="18" customHeight="1" x14ac:dyDescent="0.2">
      <c r="A90" s="18" t="s">
        <v>63</v>
      </c>
      <c r="B90" s="15">
        <v>59</v>
      </c>
      <c r="C90" s="16">
        <v>62</v>
      </c>
      <c r="D90" s="17">
        <v>121</v>
      </c>
    </row>
    <row r="91" spans="1:4" ht="18" customHeight="1" x14ac:dyDescent="0.2">
      <c r="A91" s="14">
        <v>70</v>
      </c>
      <c r="B91" s="15">
        <v>11</v>
      </c>
      <c r="C91" s="16">
        <v>15</v>
      </c>
      <c r="D91" s="17">
        <v>26</v>
      </c>
    </row>
    <row r="92" spans="1:4" ht="18" customHeight="1" x14ac:dyDescent="0.2">
      <c r="A92" s="14">
        <v>71</v>
      </c>
      <c r="B92" s="15">
        <v>8</v>
      </c>
      <c r="C92" s="16">
        <v>12</v>
      </c>
      <c r="D92" s="17">
        <v>20</v>
      </c>
    </row>
    <row r="93" spans="1:4" ht="18" customHeight="1" x14ac:dyDescent="0.2">
      <c r="A93" s="14">
        <v>72</v>
      </c>
      <c r="B93" s="15">
        <v>11</v>
      </c>
      <c r="C93" s="16">
        <v>15</v>
      </c>
      <c r="D93" s="17">
        <v>26</v>
      </c>
    </row>
    <row r="94" spans="1:4" ht="18" customHeight="1" x14ac:dyDescent="0.2">
      <c r="A94" s="14">
        <v>73</v>
      </c>
      <c r="B94" s="15">
        <v>11</v>
      </c>
      <c r="C94" s="16">
        <v>4</v>
      </c>
      <c r="D94" s="17">
        <v>15</v>
      </c>
    </row>
    <row r="95" spans="1:4" ht="18" customHeight="1" x14ac:dyDescent="0.2">
      <c r="A95" s="14">
        <v>74</v>
      </c>
      <c r="B95" s="15">
        <v>8</v>
      </c>
      <c r="C95" s="16">
        <v>13</v>
      </c>
      <c r="D95" s="17">
        <v>21</v>
      </c>
    </row>
    <row r="96" spans="1:4" ht="18" customHeight="1" x14ac:dyDescent="0.2">
      <c r="A96" s="18" t="s">
        <v>64</v>
      </c>
      <c r="B96" s="15">
        <v>49</v>
      </c>
      <c r="C96" s="16">
        <v>59</v>
      </c>
      <c r="D96" s="17">
        <v>108</v>
      </c>
    </row>
    <row r="97" spans="1:4" ht="18" customHeight="1" x14ac:dyDescent="0.2">
      <c r="A97" s="14">
        <v>75</v>
      </c>
      <c r="B97" s="15">
        <v>9</v>
      </c>
      <c r="C97" s="16">
        <v>8</v>
      </c>
      <c r="D97" s="17">
        <v>17</v>
      </c>
    </row>
    <row r="98" spans="1:4" ht="18" customHeight="1" x14ac:dyDescent="0.2">
      <c r="A98" s="14">
        <v>76</v>
      </c>
      <c r="B98" s="15">
        <v>6</v>
      </c>
      <c r="C98" s="16">
        <v>11</v>
      </c>
      <c r="D98" s="17">
        <v>17</v>
      </c>
    </row>
    <row r="99" spans="1:4" ht="18" customHeight="1" x14ac:dyDescent="0.2">
      <c r="A99" s="14">
        <v>77</v>
      </c>
      <c r="B99" s="15">
        <v>4</v>
      </c>
      <c r="C99" s="16">
        <v>13</v>
      </c>
      <c r="D99" s="17">
        <v>17</v>
      </c>
    </row>
    <row r="100" spans="1:4" ht="18" customHeight="1" x14ac:dyDescent="0.2">
      <c r="A100" s="14">
        <v>78</v>
      </c>
      <c r="B100" s="15">
        <v>12</v>
      </c>
      <c r="C100" s="16">
        <v>10</v>
      </c>
      <c r="D100" s="17">
        <v>22</v>
      </c>
    </row>
    <row r="101" spans="1:4" ht="18" customHeight="1" x14ac:dyDescent="0.2">
      <c r="A101" s="14">
        <v>79</v>
      </c>
      <c r="B101" s="15">
        <v>3</v>
      </c>
      <c r="C101" s="16">
        <v>9</v>
      </c>
      <c r="D101" s="17">
        <v>12</v>
      </c>
    </row>
    <row r="102" spans="1:4" ht="18" customHeight="1" x14ac:dyDescent="0.2">
      <c r="A102" s="18" t="s">
        <v>65</v>
      </c>
      <c r="B102" s="15">
        <v>34</v>
      </c>
      <c r="C102" s="16">
        <v>51</v>
      </c>
      <c r="D102" s="17">
        <v>85</v>
      </c>
    </row>
    <row r="103" spans="1:4" ht="18" customHeight="1" x14ac:dyDescent="0.2">
      <c r="A103" s="14">
        <v>80</v>
      </c>
      <c r="B103" s="15">
        <v>12</v>
      </c>
      <c r="C103" s="16">
        <v>5</v>
      </c>
      <c r="D103" s="17">
        <v>17</v>
      </c>
    </row>
    <row r="104" spans="1:4" ht="18" customHeight="1" x14ac:dyDescent="0.2">
      <c r="A104" s="14">
        <v>81</v>
      </c>
      <c r="B104" s="15">
        <v>2</v>
      </c>
      <c r="C104" s="16">
        <v>5</v>
      </c>
      <c r="D104" s="17">
        <v>7</v>
      </c>
    </row>
    <row r="105" spans="1:4" ht="18" customHeight="1" x14ac:dyDescent="0.2">
      <c r="A105" s="14">
        <v>82</v>
      </c>
      <c r="B105" s="15">
        <v>4</v>
      </c>
      <c r="C105" s="16">
        <v>8</v>
      </c>
      <c r="D105" s="17">
        <v>12</v>
      </c>
    </row>
    <row r="106" spans="1:4" ht="18" customHeight="1" x14ac:dyDescent="0.2">
      <c r="A106" s="14">
        <v>83</v>
      </c>
      <c r="B106" s="15">
        <v>5</v>
      </c>
      <c r="C106" s="16">
        <v>6</v>
      </c>
      <c r="D106" s="17">
        <v>11</v>
      </c>
    </row>
    <row r="107" spans="1:4" ht="18" customHeight="1" x14ac:dyDescent="0.2">
      <c r="A107" s="14">
        <v>84</v>
      </c>
      <c r="B107" s="15">
        <v>3</v>
      </c>
      <c r="C107" s="16">
        <v>8</v>
      </c>
      <c r="D107" s="17">
        <v>11</v>
      </c>
    </row>
    <row r="108" spans="1:4" ht="18" customHeight="1" x14ac:dyDescent="0.2">
      <c r="A108" s="18" t="s">
        <v>66</v>
      </c>
      <c r="B108" s="15">
        <v>26</v>
      </c>
      <c r="C108" s="16">
        <v>32</v>
      </c>
      <c r="D108" s="17">
        <v>58</v>
      </c>
    </row>
    <row r="109" spans="1:4" ht="18" customHeight="1" x14ac:dyDescent="0.2">
      <c r="A109" s="14">
        <v>85</v>
      </c>
      <c r="B109" s="15">
        <v>6</v>
      </c>
      <c r="C109" s="16">
        <v>9</v>
      </c>
      <c r="D109" s="17">
        <v>15</v>
      </c>
    </row>
    <row r="110" spans="1:4" ht="18" customHeight="1" x14ac:dyDescent="0.2">
      <c r="A110" s="14">
        <v>86</v>
      </c>
      <c r="B110" s="15">
        <v>3</v>
      </c>
      <c r="C110" s="16">
        <v>5</v>
      </c>
      <c r="D110" s="17">
        <v>8</v>
      </c>
    </row>
    <row r="111" spans="1:4" ht="18" customHeight="1" x14ac:dyDescent="0.2">
      <c r="A111" s="14">
        <v>87</v>
      </c>
      <c r="B111" s="15">
        <v>4</v>
      </c>
      <c r="C111" s="16">
        <v>8</v>
      </c>
      <c r="D111" s="17">
        <v>12</v>
      </c>
    </row>
    <row r="112" spans="1:4" ht="18" customHeight="1" x14ac:dyDescent="0.2">
      <c r="A112" s="14">
        <v>88</v>
      </c>
      <c r="B112" s="15">
        <v>3</v>
      </c>
      <c r="C112" s="16">
        <v>10</v>
      </c>
      <c r="D112" s="17">
        <v>13</v>
      </c>
    </row>
    <row r="113" spans="1:4" ht="18" customHeight="1" x14ac:dyDescent="0.2">
      <c r="A113" s="14">
        <v>89</v>
      </c>
      <c r="B113" s="15">
        <v>1</v>
      </c>
      <c r="C113" s="16">
        <v>2</v>
      </c>
      <c r="D113" s="17">
        <v>3</v>
      </c>
    </row>
    <row r="114" spans="1:4" ht="18" customHeight="1" x14ac:dyDescent="0.2">
      <c r="A114" s="18" t="s">
        <v>67</v>
      </c>
      <c r="B114" s="15">
        <v>17</v>
      </c>
      <c r="C114" s="16">
        <v>34</v>
      </c>
      <c r="D114" s="17">
        <v>51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3</v>
      </c>
      <c r="C120" s="16">
        <v>22</v>
      </c>
      <c r="D120" s="17">
        <v>25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7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90</v>
      </c>
      <c r="C130" s="5">
        <v>269</v>
      </c>
      <c r="D130" s="6">
        <v>459</v>
      </c>
    </row>
    <row r="131" spans="1:4" ht="18" customHeight="1" x14ac:dyDescent="0.2">
      <c r="A131" s="20" t="s">
        <v>47</v>
      </c>
      <c r="B131" s="7">
        <v>844</v>
      </c>
      <c r="C131" s="8">
        <v>877</v>
      </c>
      <c r="D131" s="9">
        <v>17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8</v>
      </c>
      <c r="D5" s="13">
        <v>12</v>
      </c>
    </row>
    <row r="6" spans="1:4" ht="18" customHeight="1" x14ac:dyDescent="0.2">
      <c r="A6" s="14">
        <v>1</v>
      </c>
      <c r="B6" s="15">
        <v>5</v>
      </c>
      <c r="C6" s="16">
        <v>7</v>
      </c>
      <c r="D6" s="17">
        <v>12</v>
      </c>
    </row>
    <row r="7" spans="1:4" ht="18" customHeight="1" x14ac:dyDescent="0.2">
      <c r="A7" s="14">
        <v>2</v>
      </c>
      <c r="B7" s="15">
        <v>7</v>
      </c>
      <c r="C7" s="16">
        <v>5</v>
      </c>
      <c r="D7" s="17">
        <v>12</v>
      </c>
    </row>
    <row r="8" spans="1:4" ht="18" customHeight="1" x14ac:dyDescent="0.2">
      <c r="A8" s="14">
        <v>3</v>
      </c>
      <c r="B8" s="15">
        <v>6</v>
      </c>
      <c r="C8" s="16">
        <v>10</v>
      </c>
      <c r="D8" s="17">
        <v>16</v>
      </c>
    </row>
    <row r="9" spans="1:4" ht="18" customHeight="1" x14ac:dyDescent="0.2">
      <c r="A9" s="14">
        <v>4</v>
      </c>
      <c r="B9" s="15">
        <v>7</v>
      </c>
      <c r="C9" s="16">
        <v>8</v>
      </c>
      <c r="D9" s="17">
        <v>15</v>
      </c>
    </row>
    <row r="10" spans="1:4" ht="18" customHeight="1" x14ac:dyDescent="0.2">
      <c r="A10" s="18" t="s">
        <v>48</v>
      </c>
      <c r="B10" s="15">
        <v>29</v>
      </c>
      <c r="C10" s="16">
        <v>38</v>
      </c>
      <c r="D10" s="17">
        <v>67</v>
      </c>
    </row>
    <row r="11" spans="1:4" ht="18" customHeight="1" x14ac:dyDescent="0.2">
      <c r="A11" s="14">
        <v>5</v>
      </c>
      <c r="B11" s="15">
        <v>13</v>
      </c>
      <c r="C11" s="16">
        <v>3</v>
      </c>
      <c r="D11" s="17">
        <v>16</v>
      </c>
    </row>
    <row r="12" spans="1:4" ht="18" customHeight="1" x14ac:dyDescent="0.2">
      <c r="A12" s="14">
        <v>6</v>
      </c>
      <c r="B12" s="15">
        <v>5</v>
      </c>
      <c r="C12" s="16">
        <v>8</v>
      </c>
      <c r="D12" s="17">
        <v>13</v>
      </c>
    </row>
    <row r="13" spans="1:4" ht="18" customHeight="1" x14ac:dyDescent="0.2">
      <c r="A13" s="14">
        <v>7</v>
      </c>
      <c r="B13" s="15">
        <v>6</v>
      </c>
      <c r="C13" s="16">
        <v>7</v>
      </c>
      <c r="D13" s="17">
        <v>13</v>
      </c>
    </row>
    <row r="14" spans="1:4" ht="18" customHeight="1" x14ac:dyDescent="0.2">
      <c r="A14" s="14">
        <v>8</v>
      </c>
      <c r="B14" s="15">
        <v>9</v>
      </c>
      <c r="C14" s="16">
        <v>7</v>
      </c>
      <c r="D14" s="17">
        <v>16</v>
      </c>
    </row>
    <row r="15" spans="1:4" ht="18" customHeight="1" x14ac:dyDescent="0.2">
      <c r="A15" s="14">
        <v>9</v>
      </c>
      <c r="B15" s="15">
        <v>2</v>
      </c>
      <c r="C15" s="16">
        <v>13</v>
      </c>
      <c r="D15" s="17">
        <v>15</v>
      </c>
    </row>
    <row r="16" spans="1:4" ht="18" customHeight="1" x14ac:dyDescent="0.2">
      <c r="A16" s="18" t="s">
        <v>49</v>
      </c>
      <c r="B16" s="15">
        <v>35</v>
      </c>
      <c r="C16" s="16">
        <v>38</v>
      </c>
      <c r="D16" s="17">
        <v>73</v>
      </c>
    </row>
    <row r="17" spans="1:4" ht="18" customHeight="1" x14ac:dyDescent="0.2">
      <c r="A17" s="14">
        <v>10</v>
      </c>
      <c r="B17" s="15">
        <v>2</v>
      </c>
      <c r="C17" s="16">
        <v>8</v>
      </c>
      <c r="D17" s="17">
        <v>10</v>
      </c>
    </row>
    <row r="18" spans="1:4" ht="18" customHeight="1" x14ac:dyDescent="0.2">
      <c r="A18" s="14">
        <v>11</v>
      </c>
      <c r="B18" s="15">
        <v>4</v>
      </c>
      <c r="C18" s="16">
        <v>9</v>
      </c>
      <c r="D18" s="17">
        <v>13</v>
      </c>
    </row>
    <row r="19" spans="1:4" ht="18" customHeight="1" x14ac:dyDescent="0.2">
      <c r="A19" s="14">
        <v>12</v>
      </c>
      <c r="B19" s="15">
        <v>5</v>
      </c>
      <c r="C19" s="16">
        <v>3</v>
      </c>
      <c r="D19" s="17">
        <v>8</v>
      </c>
    </row>
    <row r="20" spans="1:4" ht="18" customHeight="1" x14ac:dyDescent="0.2">
      <c r="A20" s="14">
        <v>13</v>
      </c>
      <c r="B20" s="15">
        <v>9</v>
      </c>
      <c r="C20" s="16">
        <v>9</v>
      </c>
      <c r="D20" s="17">
        <v>18</v>
      </c>
    </row>
    <row r="21" spans="1:4" ht="18" customHeight="1" x14ac:dyDescent="0.2">
      <c r="A21" s="14">
        <v>14</v>
      </c>
      <c r="B21" s="15">
        <v>7</v>
      </c>
      <c r="C21" s="16">
        <v>5</v>
      </c>
      <c r="D21" s="17">
        <v>12</v>
      </c>
    </row>
    <row r="22" spans="1:4" ht="18" customHeight="1" x14ac:dyDescent="0.2">
      <c r="A22" s="18" t="s">
        <v>50</v>
      </c>
      <c r="B22" s="15">
        <v>27</v>
      </c>
      <c r="C22" s="16">
        <v>34</v>
      </c>
      <c r="D22" s="17">
        <v>61</v>
      </c>
    </row>
    <row r="23" spans="1:4" ht="18" customHeight="1" x14ac:dyDescent="0.2">
      <c r="A23" s="18" t="s">
        <v>51</v>
      </c>
      <c r="B23" s="15">
        <v>91</v>
      </c>
      <c r="C23" s="16">
        <v>110</v>
      </c>
      <c r="D23" s="17">
        <v>201</v>
      </c>
    </row>
    <row r="24" spans="1:4" ht="18" customHeight="1" x14ac:dyDescent="0.2">
      <c r="A24" s="14">
        <v>15</v>
      </c>
      <c r="B24" s="15">
        <v>9</v>
      </c>
      <c r="C24" s="16">
        <v>3</v>
      </c>
      <c r="D24" s="17">
        <v>12</v>
      </c>
    </row>
    <row r="25" spans="1:4" ht="18" customHeight="1" x14ac:dyDescent="0.2">
      <c r="A25" s="14">
        <v>16</v>
      </c>
      <c r="B25" s="15">
        <v>7</v>
      </c>
      <c r="C25" s="16">
        <v>7</v>
      </c>
      <c r="D25" s="17">
        <v>14</v>
      </c>
    </row>
    <row r="26" spans="1:4" ht="18" customHeight="1" x14ac:dyDescent="0.2">
      <c r="A26" s="14">
        <v>17</v>
      </c>
      <c r="B26" s="15">
        <v>4</v>
      </c>
      <c r="C26" s="16">
        <v>8</v>
      </c>
      <c r="D26" s="17">
        <v>12</v>
      </c>
    </row>
    <row r="27" spans="1:4" ht="18" customHeight="1" x14ac:dyDescent="0.2">
      <c r="A27" s="14">
        <v>18</v>
      </c>
      <c r="B27" s="15">
        <v>6</v>
      </c>
      <c r="C27" s="16">
        <v>5</v>
      </c>
      <c r="D27" s="17">
        <v>11</v>
      </c>
    </row>
    <row r="28" spans="1:4" ht="18" customHeight="1" x14ac:dyDescent="0.2">
      <c r="A28" s="14">
        <v>19</v>
      </c>
      <c r="B28" s="15">
        <v>8</v>
      </c>
      <c r="C28" s="16">
        <v>4</v>
      </c>
      <c r="D28" s="17">
        <v>12</v>
      </c>
    </row>
    <row r="29" spans="1:4" ht="18" customHeight="1" x14ac:dyDescent="0.2">
      <c r="A29" s="18" t="s">
        <v>52</v>
      </c>
      <c r="B29" s="15">
        <v>34</v>
      </c>
      <c r="C29" s="16">
        <v>27</v>
      </c>
      <c r="D29" s="17">
        <v>61</v>
      </c>
    </row>
    <row r="30" spans="1:4" ht="18" customHeight="1" x14ac:dyDescent="0.2">
      <c r="A30" s="14">
        <v>20</v>
      </c>
      <c r="B30" s="15">
        <v>6</v>
      </c>
      <c r="C30" s="16">
        <v>2</v>
      </c>
      <c r="D30" s="17">
        <v>8</v>
      </c>
    </row>
    <row r="31" spans="1:4" ht="18" customHeight="1" x14ac:dyDescent="0.2">
      <c r="A31" s="14">
        <v>21</v>
      </c>
      <c r="B31" s="15">
        <v>4</v>
      </c>
      <c r="C31" s="16">
        <v>2</v>
      </c>
      <c r="D31" s="17">
        <v>6</v>
      </c>
    </row>
    <row r="32" spans="1:4" ht="18" customHeight="1" x14ac:dyDescent="0.2">
      <c r="A32" s="14">
        <v>22</v>
      </c>
      <c r="B32" s="15">
        <v>3</v>
      </c>
      <c r="C32" s="16">
        <v>8</v>
      </c>
      <c r="D32" s="17">
        <v>11</v>
      </c>
    </row>
    <row r="33" spans="1:4" ht="18" customHeight="1" x14ac:dyDescent="0.2">
      <c r="A33" s="14">
        <v>23</v>
      </c>
      <c r="B33" s="15">
        <v>10</v>
      </c>
      <c r="C33" s="16">
        <v>3</v>
      </c>
      <c r="D33" s="17">
        <v>13</v>
      </c>
    </row>
    <row r="34" spans="1:4" ht="18" customHeight="1" x14ac:dyDescent="0.2">
      <c r="A34" s="14">
        <v>24</v>
      </c>
      <c r="B34" s="15">
        <v>5</v>
      </c>
      <c r="C34" s="16">
        <v>8</v>
      </c>
      <c r="D34" s="17">
        <v>13</v>
      </c>
    </row>
    <row r="35" spans="1:4" ht="18" customHeight="1" x14ac:dyDescent="0.2">
      <c r="A35" s="18" t="s">
        <v>53</v>
      </c>
      <c r="B35" s="15">
        <v>28</v>
      </c>
      <c r="C35" s="16">
        <v>23</v>
      </c>
      <c r="D35" s="17">
        <v>51</v>
      </c>
    </row>
    <row r="36" spans="1:4" ht="18" customHeight="1" x14ac:dyDescent="0.2">
      <c r="A36" s="14">
        <v>25</v>
      </c>
      <c r="B36" s="15">
        <v>9</v>
      </c>
      <c r="C36" s="16">
        <v>6</v>
      </c>
      <c r="D36" s="17">
        <v>15</v>
      </c>
    </row>
    <row r="37" spans="1:4" ht="18" customHeight="1" x14ac:dyDescent="0.2">
      <c r="A37" s="14">
        <v>26</v>
      </c>
      <c r="B37" s="15">
        <v>6</v>
      </c>
      <c r="C37" s="16">
        <v>9</v>
      </c>
      <c r="D37" s="17">
        <v>15</v>
      </c>
    </row>
    <row r="38" spans="1:4" ht="18" customHeight="1" x14ac:dyDescent="0.2">
      <c r="A38" s="14">
        <v>27</v>
      </c>
      <c r="B38" s="15">
        <v>9</v>
      </c>
      <c r="C38" s="16">
        <v>10</v>
      </c>
      <c r="D38" s="17">
        <v>19</v>
      </c>
    </row>
    <row r="39" spans="1:4" ht="18" customHeight="1" x14ac:dyDescent="0.2">
      <c r="A39" s="14">
        <v>28</v>
      </c>
      <c r="B39" s="15">
        <v>9</v>
      </c>
      <c r="C39" s="16">
        <v>12</v>
      </c>
      <c r="D39" s="17">
        <v>21</v>
      </c>
    </row>
    <row r="40" spans="1:4" ht="18" customHeight="1" x14ac:dyDescent="0.2">
      <c r="A40" s="14">
        <v>29</v>
      </c>
      <c r="B40" s="15">
        <v>4</v>
      </c>
      <c r="C40" s="16">
        <v>2</v>
      </c>
      <c r="D40" s="17">
        <v>6</v>
      </c>
    </row>
    <row r="41" spans="1:4" ht="18" customHeight="1" x14ac:dyDescent="0.2">
      <c r="A41" s="18" t="s">
        <v>54</v>
      </c>
      <c r="B41" s="15">
        <v>37</v>
      </c>
      <c r="C41" s="16">
        <v>39</v>
      </c>
      <c r="D41" s="17">
        <v>76</v>
      </c>
    </row>
    <row r="42" spans="1:4" ht="18" customHeight="1" x14ac:dyDescent="0.2">
      <c r="A42" s="14">
        <v>30</v>
      </c>
      <c r="B42" s="15">
        <v>5</v>
      </c>
      <c r="C42" s="16">
        <v>9</v>
      </c>
      <c r="D42" s="17">
        <v>14</v>
      </c>
    </row>
    <row r="43" spans="1:4" ht="18" customHeight="1" x14ac:dyDescent="0.2">
      <c r="A43" s="14">
        <v>31</v>
      </c>
      <c r="B43" s="15">
        <v>10</v>
      </c>
      <c r="C43" s="16">
        <v>8</v>
      </c>
      <c r="D43" s="17">
        <v>18</v>
      </c>
    </row>
    <row r="44" spans="1:4" ht="18" customHeight="1" x14ac:dyDescent="0.2">
      <c r="A44" s="14">
        <v>32</v>
      </c>
      <c r="B44" s="15">
        <v>13</v>
      </c>
      <c r="C44" s="16">
        <v>10</v>
      </c>
      <c r="D44" s="17">
        <v>23</v>
      </c>
    </row>
    <row r="45" spans="1:4" ht="18" customHeight="1" x14ac:dyDescent="0.2">
      <c r="A45" s="14">
        <v>33</v>
      </c>
      <c r="B45" s="15">
        <v>16</v>
      </c>
      <c r="C45" s="16">
        <v>8</v>
      </c>
      <c r="D45" s="17">
        <v>24</v>
      </c>
    </row>
    <row r="46" spans="1:4" ht="18" customHeight="1" x14ac:dyDescent="0.2">
      <c r="A46" s="14">
        <v>34</v>
      </c>
      <c r="B46" s="15">
        <v>11</v>
      </c>
      <c r="C46" s="16">
        <v>9</v>
      </c>
      <c r="D46" s="17">
        <v>20</v>
      </c>
    </row>
    <row r="47" spans="1:4" ht="18" customHeight="1" x14ac:dyDescent="0.2">
      <c r="A47" s="18" t="s">
        <v>55</v>
      </c>
      <c r="B47" s="15">
        <v>55</v>
      </c>
      <c r="C47" s="16">
        <v>44</v>
      </c>
      <c r="D47" s="17">
        <v>99</v>
      </c>
    </row>
    <row r="48" spans="1:4" ht="18" customHeight="1" x14ac:dyDescent="0.2">
      <c r="A48" s="14">
        <v>35</v>
      </c>
      <c r="B48" s="15">
        <v>9</v>
      </c>
      <c r="C48" s="16">
        <v>13</v>
      </c>
      <c r="D48" s="17">
        <v>22</v>
      </c>
    </row>
    <row r="49" spans="1:4" ht="18" customHeight="1" x14ac:dyDescent="0.2">
      <c r="A49" s="14">
        <v>36</v>
      </c>
      <c r="B49" s="15">
        <v>6</v>
      </c>
      <c r="C49" s="16">
        <v>7</v>
      </c>
      <c r="D49" s="17">
        <v>13</v>
      </c>
    </row>
    <row r="50" spans="1:4" ht="18" customHeight="1" x14ac:dyDescent="0.2">
      <c r="A50" s="14">
        <v>37</v>
      </c>
      <c r="B50" s="15">
        <v>11</v>
      </c>
      <c r="C50" s="16">
        <v>9</v>
      </c>
      <c r="D50" s="17">
        <v>20</v>
      </c>
    </row>
    <row r="51" spans="1:4" ht="18" customHeight="1" x14ac:dyDescent="0.2">
      <c r="A51" s="14">
        <v>38</v>
      </c>
      <c r="B51" s="15">
        <v>9</v>
      </c>
      <c r="C51" s="16">
        <v>7</v>
      </c>
      <c r="D51" s="17">
        <v>16</v>
      </c>
    </row>
    <row r="52" spans="1:4" ht="18" customHeight="1" x14ac:dyDescent="0.2">
      <c r="A52" s="14">
        <v>39</v>
      </c>
      <c r="B52" s="15">
        <v>13</v>
      </c>
      <c r="C52" s="16">
        <v>11</v>
      </c>
      <c r="D52" s="17">
        <v>24</v>
      </c>
    </row>
    <row r="53" spans="1:4" ht="18" customHeight="1" x14ac:dyDescent="0.2">
      <c r="A53" s="18" t="s">
        <v>56</v>
      </c>
      <c r="B53" s="15">
        <v>48</v>
      </c>
      <c r="C53" s="16">
        <v>47</v>
      </c>
      <c r="D53" s="17">
        <v>95</v>
      </c>
    </row>
    <row r="54" spans="1:4" ht="18" customHeight="1" x14ac:dyDescent="0.2">
      <c r="A54" s="14">
        <v>40</v>
      </c>
      <c r="B54" s="15">
        <v>15</v>
      </c>
      <c r="C54" s="16">
        <v>13</v>
      </c>
      <c r="D54" s="17">
        <v>28</v>
      </c>
    </row>
    <row r="55" spans="1:4" ht="18" customHeight="1" x14ac:dyDescent="0.2">
      <c r="A55" s="14">
        <v>41</v>
      </c>
      <c r="B55" s="15">
        <v>16</v>
      </c>
      <c r="C55" s="16">
        <v>23</v>
      </c>
      <c r="D55" s="17">
        <v>39</v>
      </c>
    </row>
    <row r="56" spans="1:4" ht="18" customHeight="1" x14ac:dyDescent="0.2">
      <c r="A56" s="14">
        <v>42</v>
      </c>
      <c r="B56" s="15">
        <v>14</v>
      </c>
      <c r="C56" s="16">
        <v>16</v>
      </c>
      <c r="D56" s="17">
        <v>30</v>
      </c>
    </row>
    <row r="57" spans="1:4" ht="18" customHeight="1" x14ac:dyDescent="0.2">
      <c r="A57" s="14">
        <v>43</v>
      </c>
      <c r="B57" s="15">
        <v>24</v>
      </c>
      <c r="C57" s="16">
        <v>26</v>
      </c>
      <c r="D57" s="17">
        <v>50</v>
      </c>
    </row>
    <row r="58" spans="1:4" ht="18" customHeight="1" x14ac:dyDescent="0.2">
      <c r="A58" s="14">
        <v>44</v>
      </c>
      <c r="B58" s="15">
        <v>24</v>
      </c>
      <c r="C58" s="16">
        <v>28</v>
      </c>
      <c r="D58" s="17">
        <v>52</v>
      </c>
    </row>
    <row r="59" spans="1:4" ht="18" customHeight="1" x14ac:dyDescent="0.2">
      <c r="A59" s="18" t="s">
        <v>57</v>
      </c>
      <c r="B59" s="15">
        <v>93</v>
      </c>
      <c r="C59" s="16">
        <v>106</v>
      </c>
      <c r="D59" s="17">
        <v>199</v>
      </c>
    </row>
    <row r="60" spans="1:4" ht="18" customHeight="1" x14ac:dyDescent="0.2">
      <c r="A60" s="14">
        <v>45</v>
      </c>
      <c r="B60" s="15">
        <v>15</v>
      </c>
      <c r="C60" s="16">
        <v>15</v>
      </c>
      <c r="D60" s="17">
        <v>30</v>
      </c>
    </row>
    <row r="61" spans="1:4" ht="18" customHeight="1" x14ac:dyDescent="0.2">
      <c r="A61" s="14">
        <v>46</v>
      </c>
      <c r="B61" s="15">
        <v>15</v>
      </c>
      <c r="C61" s="16">
        <v>23</v>
      </c>
      <c r="D61" s="17">
        <v>38</v>
      </c>
    </row>
    <row r="62" spans="1:4" ht="18" customHeight="1" x14ac:dyDescent="0.2">
      <c r="A62" s="14">
        <v>47</v>
      </c>
      <c r="B62" s="15">
        <v>20</v>
      </c>
      <c r="C62" s="16">
        <v>16</v>
      </c>
      <c r="D62" s="17">
        <v>36</v>
      </c>
    </row>
    <row r="63" spans="1:4" ht="18" customHeight="1" x14ac:dyDescent="0.2">
      <c r="A63" s="14">
        <v>48</v>
      </c>
      <c r="B63" s="15">
        <v>11</v>
      </c>
      <c r="C63" s="16">
        <v>13</v>
      </c>
      <c r="D63" s="17">
        <v>24</v>
      </c>
    </row>
    <row r="64" spans="1:4" ht="18" customHeight="1" x14ac:dyDescent="0.2">
      <c r="A64" s="14">
        <v>49</v>
      </c>
      <c r="B64" s="15">
        <v>18</v>
      </c>
      <c r="C64" s="16">
        <v>16</v>
      </c>
      <c r="D64" s="17">
        <v>34</v>
      </c>
    </row>
    <row r="65" spans="1:4" ht="18" customHeight="1" x14ac:dyDescent="0.2">
      <c r="A65" s="18" t="s">
        <v>58</v>
      </c>
      <c r="B65" s="15">
        <v>79</v>
      </c>
      <c r="C65" s="16">
        <v>83</v>
      </c>
      <c r="D65" s="17">
        <v>162</v>
      </c>
    </row>
    <row r="66" spans="1:4" ht="18" customHeight="1" x14ac:dyDescent="0.2">
      <c r="A66" s="14">
        <v>50</v>
      </c>
      <c r="B66" s="15">
        <v>23</v>
      </c>
      <c r="C66" s="16">
        <v>15</v>
      </c>
      <c r="D66" s="17">
        <v>38</v>
      </c>
    </row>
    <row r="67" spans="1:4" ht="18" customHeight="1" x14ac:dyDescent="0.2">
      <c r="A67" s="14">
        <v>51</v>
      </c>
      <c r="B67" s="15">
        <v>14</v>
      </c>
      <c r="C67" s="16">
        <v>11</v>
      </c>
      <c r="D67" s="17">
        <v>25</v>
      </c>
    </row>
    <row r="68" spans="1:4" ht="18" customHeight="1" x14ac:dyDescent="0.2">
      <c r="A68" s="14">
        <v>52</v>
      </c>
      <c r="B68" s="15">
        <v>10</v>
      </c>
      <c r="C68" s="16">
        <v>15</v>
      </c>
      <c r="D68" s="17">
        <v>25</v>
      </c>
    </row>
    <row r="69" spans="1:4" ht="18" customHeight="1" x14ac:dyDescent="0.2">
      <c r="A69" s="14">
        <v>53</v>
      </c>
      <c r="B69" s="15">
        <v>10</v>
      </c>
      <c r="C69" s="16">
        <v>11</v>
      </c>
      <c r="D69" s="17">
        <v>21</v>
      </c>
    </row>
    <row r="70" spans="1:4" ht="18" customHeight="1" x14ac:dyDescent="0.2">
      <c r="A70" s="14">
        <v>54</v>
      </c>
      <c r="B70" s="15">
        <v>9</v>
      </c>
      <c r="C70" s="16">
        <v>11</v>
      </c>
      <c r="D70" s="17">
        <v>20</v>
      </c>
    </row>
    <row r="71" spans="1:4" ht="18" customHeight="1" x14ac:dyDescent="0.2">
      <c r="A71" s="18" t="s">
        <v>59</v>
      </c>
      <c r="B71" s="15">
        <v>66</v>
      </c>
      <c r="C71" s="16">
        <v>63</v>
      </c>
      <c r="D71" s="17">
        <v>129</v>
      </c>
    </row>
    <row r="72" spans="1:4" ht="18" customHeight="1" x14ac:dyDescent="0.2">
      <c r="A72" s="14">
        <v>55</v>
      </c>
      <c r="B72" s="15">
        <v>12</v>
      </c>
      <c r="C72" s="16">
        <v>15</v>
      </c>
      <c r="D72" s="17">
        <v>27</v>
      </c>
    </row>
    <row r="73" spans="1:4" ht="18" customHeight="1" x14ac:dyDescent="0.2">
      <c r="A73" s="14">
        <v>56</v>
      </c>
      <c r="B73" s="15">
        <v>13</v>
      </c>
      <c r="C73" s="16">
        <v>11</v>
      </c>
      <c r="D73" s="17">
        <v>24</v>
      </c>
    </row>
    <row r="74" spans="1:4" ht="18" customHeight="1" x14ac:dyDescent="0.2">
      <c r="A74" s="14">
        <v>57</v>
      </c>
      <c r="B74" s="15">
        <v>9</v>
      </c>
      <c r="C74" s="16">
        <v>10</v>
      </c>
      <c r="D74" s="17">
        <v>19</v>
      </c>
    </row>
    <row r="75" spans="1:4" ht="18" customHeight="1" x14ac:dyDescent="0.2">
      <c r="A75" s="14">
        <v>58</v>
      </c>
      <c r="B75" s="15">
        <v>9</v>
      </c>
      <c r="C75" s="16">
        <v>11</v>
      </c>
      <c r="D75" s="17">
        <v>20</v>
      </c>
    </row>
    <row r="76" spans="1:4" ht="18" customHeight="1" x14ac:dyDescent="0.2">
      <c r="A76" s="14">
        <v>59</v>
      </c>
      <c r="B76" s="15">
        <v>7</v>
      </c>
      <c r="C76" s="16">
        <v>8</v>
      </c>
      <c r="D76" s="17">
        <v>15</v>
      </c>
    </row>
    <row r="77" spans="1:4" ht="18" customHeight="1" x14ac:dyDescent="0.2">
      <c r="A77" s="18" t="s">
        <v>60</v>
      </c>
      <c r="B77" s="15">
        <v>50</v>
      </c>
      <c r="C77" s="16">
        <v>55</v>
      </c>
      <c r="D77" s="17">
        <v>105</v>
      </c>
    </row>
    <row r="78" spans="1:4" ht="18" customHeight="1" x14ac:dyDescent="0.2">
      <c r="A78" s="14">
        <v>60</v>
      </c>
      <c r="B78" s="15">
        <v>12</v>
      </c>
      <c r="C78" s="16">
        <v>13</v>
      </c>
      <c r="D78" s="17">
        <v>25</v>
      </c>
    </row>
    <row r="79" spans="1:4" ht="18" customHeight="1" x14ac:dyDescent="0.2">
      <c r="A79" s="14">
        <v>61</v>
      </c>
      <c r="B79" s="15">
        <v>8</v>
      </c>
      <c r="C79" s="16">
        <v>13</v>
      </c>
      <c r="D79" s="17">
        <v>21</v>
      </c>
    </row>
    <row r="80" spans="1:4" ht="18" customHeight="1" x14ac:dyDescent="0.2">
      <c r="A80" s="14">
        <v>62</v>
      </c>
      <c r="B80" s="15">
        <v>9</v>
      </c>
      <c r="C80" s="16">
        <v>11</v>
      </c>
      <c r="D80" s="17">
        <v>20</v>
      </c>
    </row>
    <row r="81" spans="1:4" ht="18" customHeight="1" x14ac:dyDescent="0.2">
      <c r="A81" s="14">
        <v>63</v>
      </c>
      <c r="B81" s="15">
        <v>10</v>
      </c>
      <c r="C81" s="16">
        <v>8</v>
      </c>
      <c r="D81" s="17">
        <v>18</v>
      </c>
    </row>
    <row r="82" spans="1:4" ht="18" customHeight="1" x14ac:dyDescent="0.2">
      <c r="A82" s="14">
        <v>64</v>
      </c>
      <c r="B82" s="15">
        <v>9</v>
      </c>
      <c r="C82" s="16">
        <v>13</v>
      </c>
      <c r="D82" s="17">
        <v>22</v>
      </c>
    </row>
    <row r="83" spans="1:4" ht="18" customHeight="1" x14ac:dyDescent="0.2">
      <c r="A83" s="18" t="s">
        <v>61</v>
      </c>
      <c r="B83" s="15">
        <v>48</v>
      </c>
      <c r="C83" s="16">
        <v>58</v>
      </c>
      <c r="D83" s="17">
        <v>106</v>
      </c>
    </row>
    <row r="84" spans="1:4" ht="18" customHeight="1" x14ac:dyDescent="0.2">
      <c r="A84" s="18" t="s">
        <v>62</v>
      </c>
      <c r="B84" s="15">
        <v>538</v>
      </c>
      <c r="C84" s="16">
        <v>545</v>
      </c>
      <c r="D84" s="17">
        <v>1083</v>
      </c>
    </row>
    <row r="85" spans="1:4" ht="18" customHeight="1" x14ac:dyDescent="0.2">
      <c r="A85" s="14">
        <v>65</v>
      </c>
      <c r="B85" s="15">
        <v>2</v>
      </c>
      <c r="C85" s="16">
        <v>11</v>
      </c>
      <c r="D85" s="17">
        <v>13</v>
      </c>
    </row>
    <row r="86" spans="1:4" ht="18" customHeight="1" x14ac:dyDescent="0.2">
      <c r="A86" s="14">
        <v>66</v>
      </c>
      <c r="B86" s="15">
        <v>8</v>
      </c>
      <c r="C86" s="16">
        <v>16</v>
      </c>
      <c r="D86" s="17">
        <v>24</v>
      </c>
    </row>
    <row r="87" spans="1:4" ht="18" customHeight="1" x14ac:dyDescent="0.2">
      <c r="A87" s="14">
        <v>67</v>
      </c>
      <c r="B87" s="15">
        <v>9</v>
      </c>
      <c r="C87" s="16">
        <v>13</v>
      </c>
      <c r="D87" s="17">
        <v>22</v>
      </c>
    </row>
    <row r="88" spans="1:4" ht="18" customHeight="1" x14ac:dyDescent="0.2">
      <c r="A88" s="14">
        <v>68</v>
      </c>
      <c r="B88" s="15">
        <v>15</v>
      </c>
      <c r="C88" s="16">
        <v>11</v>
      </c>
      <c r="D88" s="17">
        <v>26</v>
      </c>
    </row>
    <row r="89" spans="1:4" ht="18" customHeight="1" x14ac:dyDescent="0.2">
      <c r="A89" s="14">
        <v>69</v>
      </c>
      <c r="B89" s="15">
        <v>12</v>
      </c>
      <c r="C89" s="16">
        <v>10</v>
      </c>
      <c r="D89" s="17">
        <v>22</v>
      </c>
    </row>
    <row r="90" spans="1:4" ht="18" customHeight="1" x14ac:dyDescent="0.2">
      <c r="A90" s="18" t="s">
        <v>63</v>
      </c>
      <c r="B90" s="15">
        <v>46</v>
      </c>
      <c r="C90" s="16">
        <v>61</v>
      </c>
      <c r="D90" s="17">
        <v>107</v>
      </c>
    </row>
    <row r="91" spans="1:4" ht="18" customHeight="1" x14ac:dyDescent="0.2">
      <c r="A91" s="14">
        <v>70</v>
      </c>
      <c r="B91" s="15">
        <v>16</v>
      </c>
      <c r="C91" s="16">
        <v>23</v>
      </c>
      <c r="D91" s="17">
        <v>39</v>
      </c>
    </row>
    <row r="92" spans="1:4" ht="18" customHeight="1" x14ac:dyDescent="0.2">
      <c r="A92" s="14">
        <v>71</v>
      </c>
      <c r="B92" s="15">
        <v>13</v>
      </c>
      <c r="C92" s="16">
        <v>13</v>
      </c>
      <c r="D92" s="17">
        <v>26</v>
      </c>
    </row>
    <row r="93" spans="1:4" ht="18" customHeight="1" x14ac:dyDescent="0.2">
      <c r="A93" s="14">
        <v>72</v>
      </c>
      <c r="B93" s="15">
        <v>16</v>
      </c>
      <c r="C93" s="16">
        <v>21</v>
      </c>
      <c r="D93" s="17">
        <v>37</v>
      </c>
    </row>
    <row r="94" spans="1:4" ht="18" customHeight="1" x14ac:dyDescent="0.2">
      <c r="A94" s="14">
        <v>73</v>
      </c>
      <c r="B94" s="15">
        <v>10</v>
      </c>
      <c r="C94" s="16">
        <v>9</v>
      </c>
      <c r="D94" s="17">
        <v>19</v>
      </c>
    </row>
    <row r="95" spans="1:4" ht="18" customHeight="1" x14ac:dyDescent="0.2">
      <c r="A95" s="14">
        <v>74</v>
      </c>
      <c r="B95" s="15">
        <v>7</v>
      </c>
      <c r="C95" s="16">
        <v>17</v>
      </c>
      <c r="D95" s="17">
        <v>24</v>
      </c>
    </row>
    <row r="96" spans="1:4" ht="18" customHeight="1" x14ac:dyDescent="0.2">
      <c r="A96" s="18" t="s">
        <v>64</v>
      </c>
      <c r="B96" s="15">
        <v>62</v>
      </c>
      <c r="C96" s="16">
        <v>83</v>
      </c>
      <c r="D96" s="17">
        <v>145</v>
      </c>
    </row>
    <row r="97" spans="1:4" ht="18" customHeight="1" x14ac:dyDescent="0.2">
      <c r="A97" s="14">
        <v>75</v>
      </c>
      <c r="B97" s="15">
        <v>11</v>
      </c>
      <c r="C97" s="16">
        <v>14</v>
      </c>
      <c r="D97" s="17">
        <v>25</v>
      </c>
    </row>
    <row r="98" spans="1:4" ht="18" customHeight="1" x14ac:dyDescent="0.2">
      <c r="A98" s="14">
        <v>76</v>
      </c>
      <c r="B98" s="15">
        <v>7</v>
      </c>
      <c r="C98" s="16">
        <v>10</v>
      </c>
      <c r="D98" s="17">
        <v>17</v>
      </c>
    </row>
    <row r="99" spans="1:4" ht="18" customHeight="1" x14ac:dyDescent="0.2">
      <c r="A99" s="14">
        <v>77</v>
      </c>
      <c r="B99" s="15">
        <v>12</v>
      </c>
      <c r="C99" s="16">
        <v>22</v>
      </c>
      <c r="D99" s="17">
        <v>34</v>
      </c>
    </row>
    <row r="100" spans="1:4" ht="18" customHeight="1" x14ac:dyDescent="0.2">
      <c r="A100" s="14">
        <v>78</v>
      </c>
      <c r="B100" s="15">
        <v>10</v>
      </c>
      <c r="C100" s="16">
        <v>22</v>
      </c>
      <c r="D100" s="17">
        <v>32</v>
      </c>
    </row>
    <row r="101" spans="1:4" ht="18" customHeight="1" x14ac:dyDescent="0.2">
      <c r="A101" s="14">
        <v>79</v>
      </c>
      <c r="B101" s="15">
        <v>11</v>
      </c>
      <c r="C101" s="16">
        <v>18</v>
      </c>
      <c r="D101" s="17">
        <v>29</v>
      </c>
    </row>
    <row r="102" spans="1:4" ht="18" customHeight="1" x14ac:dyDescent="0.2">
      <c r="A102" s="18" t="s">
        <v>65</v>
      </c>
      <c r="B102" s="15">
        <v>51</v>
      </c>
      <c r="C102" s="16">
        <v>86</v>
      </c>
      <c r="D102" s="17">
        <v>137</v>
      </c>
    </row>
    <row r="103" spans="1:4" ht="18" customHeight="1" x14ac:dyDescent="0.2">
      <c r="A103" s="14">
        <v>80</v>
      </c>
      <c r="B103" s="15">
        <v>11</v>
      </c>
      <c r="C103" s="16">
        <v>7</v>
      </c>
      <c r="D103" s="17">
        <v>18</v>
      </c>
    </row>
    <row r="104" spans="1:4" ht="18" customHeight="1" x14ac:dyDescent="0.2">
      <c r="A104" s="14">
        <v>81</v>
      </c>
      <c r="B104" s="15">
        <v>9</v>
      </c>
      <c r="C104" s="16">
        <v>5</v>
      </c>
      <c r="D104" s="17">
        <v>14</v>
      </c>
    </row>
    <row r="105" spans="1:4" ht="18" customHeight="1" x14ac:dyDescent="0.2">
      <c r="A105" s="14">
        <v>82</v>
      </c>
      <c r="B105" s="15">
        <v>13</v>
      </c>
      <c r="C105" s="16">
        <v>12</v>
      </c>
      <c r="D105" s="17">
        <v>25</v>
      </c>
    </row>
    <row r="106" spans="1:4" ht="18" customHeight="1" x14ac:dyDescent="0.2">
      <c r="A106" s="14">
        <v>83</v>
      </c>
      <c r="B106" s="15">
        <v>5</v>
      </c>
      <c r="C106" s="16">
        <v>10</v>
      </c>
      <c r="D106" s="17">
        <v>15</v>
      </c>
    </row>
    <row r="107" spans="1:4" ht="18" customHeight="1" x14ac:dyDescent="0.2">
      <c r="A107" s="14">
        <v>84</v>
      </c>
      <c r="B107" s="15">
        <v>6</v>
      </c>
      <c r="C107" s="16">
        <v>8</v>
      </c>
      <c r="D107" s="17">
        <v>14</v>
      </c>
    </row>
    <row r="108" spans="1:4" ht="18" customHeight="1" x14ac:dyDescent="0.2">
      <c r="A108" s="18" t="s">
        <v>66</v>
      </c>
      <c r="B108" s="15">
        <v>44</v>
      </c>
      <c r="C108" s="16">
        <v>42</v>
      </c>
      <c r="D108" s="17">
        <v>86</v>
      </c>
    </row>
    <row r="109" spans="1:4" ht="18" customHeight="1" x14ac:dyDescent="0.2">
      <c r="A109" s="14">
        <v>85</v>
      </c>
      <c r="B109" s="15">
        <v>8</v>
      </c>
      <c r="C109" s="16">
        <v>11</v>
      </c>
      <c r="D109" s="17">
        <v>19</v>
      </c>
    </row>
    <row r="110" spans="1:4" ht="18" customHeight="1" x14ac:dyDescent="0.2">
      <c r="A110" s="14">
        <v>86</v>
      </c>
      <c r="B110" s="15">
        <v>6</v>
      </c>
      <c r="C110" s="16">
        <v>6</v>
      </c>
      <c r="D110" s="17">
        <v>12</v>
      </c>
    </row>
    <row r="111" spans="1:4" ht="18" customHeight="1" x14ac:dyDescent="0.2">
      <c r="A111" s="14">
        <v>87</v>
      </c>
      <c r="B111" s="15">
        <v>4</v>
      </c>
      <c r="C111" s="16">
        <v>11</v>
      </c>
      <c r="D111" s="17">
        <v>15</v>
      </c>
    </row>
    <row r="112" spans="1:4" ht="18" customHeight="1" x14ac:dyDescent="0.2">
      <c r="A112" s="14">
        <v>88</v>
      </c>
      <c r="B112" s="15">
        <v>5</v>
      </c>
      <c r="C112" s="16">
        <v>5</v>
      </c>
      <c r="D112" s="17">
        <v>10</v>
      </c>
    </row>
    <row r="113" spans="1:4" ht="18" customHeight="1" x14ac:dyDescent="0.2">
      <c r="A113" s="14">
        <v>89</v>
      </c>
      <c r="B113" s="15">
        <v>5</v>
      </c>
      <c r="C113" s="16">
        <v>9</v>
      </c>
      <c r="D113" s="17">
        <v>14</v>
      </c>
    </row>
    <row r="114" spans="1:4" ht="18" customHeight="1" x14ac:dyDescent="0.2">
      <c r="A114" s="18" t="s">
        <v>67</v>
      </c>
      <c r="B114" s="15">
        <v>28</v>
      </c>
      <c r="C114" s="16">
        <v>42</v>
      </c>
      <c r="D114" s="17">
        <v>70</v>
      </c>
    </row>
    <row r="115" spans="1:4" ht="18" customHeight="1" x14ac:dyDescent="0.2">
      <c r="A115" s="14">
        <v>90</v>
      </c>
      <c r="B115" s="15">
        <v>6</v>
      </c>
      <c r="C115" s="16">
        <v>9</v>
      </c>
      <c r="D115" s="17">
        <v>15</v>
      </c>
    </row>
    <row r="116" spans="1:4" ht="18" customHeight="1" x14ac:dyDescent="0.2">
      <c r="A116" s="14">
        <v>91</v>
      </c>
      <c r="B116" s="15">
        <v>0</v>
      </c>
      <c r="C116" s="16">
        <v>6</v>
      </c>
      <c r="D116" s="17">
        <v>6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68</v>
      </c>
      <c r="B120" s="15">
        <v>8</v>
      </c>
      <c r="C120" s="16">
        <v>31</v>
      </c>
      <c r="D120" s="17">
        <v>39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5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42</v>
      </c>
      <c r="C130" s="5">
        <v>350</v>
      </c>
      <c r="D130" s="6">
        <v>592</v>
      </c>
    </row>
    <row r="131" spans="1:4" ht="18" customHeight="1" x14ac:dyDescent="0.2">
      <c r="A131" s="20" t="s">
        <v>47</v>
      </c>
      <c r="B131" s="7">
        <v>871</v>
      </c>
      <c r="C131" s="8">
        <v>1005</v>
      </c>
      <c r="D131" s="9">
        <v>187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8</v>
      </c>
      <c r="C5" s="12">
        <v>42</v>
      </c>
      <c r="D5" s="13">
        <v>70</v>
      </c>
    </row>
    <row r="6" spans="1:4" ht="18" customHeight="1" x14ac:dyDescent="0.2">
      <c r="A6" s="14">
        <v>1</v>
      </c>
      <c r="B6" s="15">
        <v>40</v>
      </c>
      <c r="C6" s="16">
        <v>38</v>
      </c>
      <c r="D6" s="17">
        <v>78</v>
      </c>
    </row>
    <row r="7" spans="1:4" ht="18" customHeight="1" x14ac:dyDescent="0.2">
      <c r="A7" s="14">
        <v>2</v>
      </c>
      <c r="B7" s="15">
        <v>35</v>
      </c>
      <c r="C7" s="16">
        <v>38</v>
      </c>
      <c r="D7" s="17">
        <v>73</v>
      </c>
    </row>
    <row r="8" spans="1:4" ht="18" customHeight="1" x14ac:dyDescent="0.2">
      <c r="A8" s="14">
        <v>3</v>
      </c>
      <c r="B8" s="15">
        <v>37</v>
      </c>
      <c r="C8" s="16">
        <v>42</v>
      </c>
      <c r="D8" s="17">
        <v>79</v>
      </c>
    </row>
    <row r="9" spans="1:4" ht="18" customHeight="1" x14ac:dyDescent="0.2">
      <c r="A9" s="14">
        <v>4</v>
      </c>
      <c r="B9" s="15">
        <v>44</v>
      </c>
      <c r="C9" s="16">
        <v>44</v>
      </c>
      <c r="D9" s="17">
        <v>88</v>
      </c>
    </row>
    <row r="10" spans="1:4" ht="18" customHeight="1" x14ac:dyDescent="0.2">
      <c r="A10" s="18" t="s">
        <v>48</v>
      </c>
      <c r="B10" s="15">
        <v>184</v>
      </c>
      <c r="C10" s="16">
        <v>204</v>
      </c>
      <c r="D10" s="17">
        <v>388</v>
      </c>
    </row>
    <row r="11" spans="1:4" ht="18" customHeight="1" x14ac:dyDescent="0.2">
      <c r="A11" s="14">
        <v>5</v>
      </c>
      <c r="B11" s="15">
        <v>41</v>
      </c>
      <c r="C11" s="16">
        <v>29</v>
      </c>
      <c r="D11" s="17">
        <v>70</v>
      </c>
    </row>
    <row r="12" spans="1:4" ht="18" customHeight="1" x14ac:dyDescent="0.2">
      <c r="A12" s="14">
        <v>6</v>
      </c>
      <c r="B12" s="15">
        <v>37</v>
      </c>
      <c r="C12" s="16">
        <v>38</v>
      </c>
      <c r="D12" s="17">
        <v>75</v>
      </c>
    </row>
    <row r="13" spans="1:4" ht="18" customHeight="1" x14ac:dyDescent="0.2">
      <c r="A13" s="14">
        <v>7</v>
      </c>
      <c r="B13" s="15">
        <v>49</v>
      </c>
      <c r="C13" s="16">
        <v>33</v>
      </c>
      <c r="D13" s="17">
        <v>82</v>
      </c>
    </row>
    <row r="14" spans="1:4" ht="18" customHeight="1" x14ac:dyDescent="0.2">
      <c r="A14" s="14">
        <v>8</v>
      </c>
      <c r="B14" s="15">
        <v>48</v>
      </c>
      <c r="C14" s="16">
        <v>41</v>
      </c>
      <c r="D14" s="17">
        <v>89</v>
      </c>
    </row>
    <row r="15" spans="1:4" ht="18" customHeight="1" x14ac:dyDescent="0.2">
      <c r="A15" s="14">
        <v>9</v>
      </c>
      <c r="B15" s="15">
        <v>50</v>
      </c>
      <c r="C15" s="16">
        <v>46</v>
      </c>
      <c r="D15" s="17">
        <v>96</v>
      </c>
    </row>
    <row r="16" spans="1:4" ht="18" customHeight="1" x14ac:dyDescent="0.2">
      <c r="A16" s="18" t="s">
        <v>49</v>
      </c>
      <c r="B16" s="15">
        <v>225</v>
      </c>
      <c r="C16" s="16">
        <v>187</v>
      </c>
      <c r="D16" s="17">
        <v>412</v>
      </c>
    </row>
    <row r="17" spans="1:4" ht="18" customHeight="1" x14ac:dyDescent="0.2">
      <c r="A17" s="14">
        <v>10</v>
      </c>
      <c r="B17" s="15">
        <v>45</v>
      </c>
      <c r="C17" s="16">
        <v>34</v>
      </c>
      <c r="D17" s="17">
        <v>79</v>
      </c>
    </row>
    <row r="18" spans="1:4" ht="18" customHeight="1" x14ac:dyDescent="0.2">
      <c r="A18" s="14">
        <v>11</v>
      </c>
      <c r="B18" s="15">
        <v>56</v>
      </c>
      <c r="C18" s="16">
        <v>38</v>
      </c>
      <c r="D18" s="17">
        <v>94</v>
      </c>
    </row>
    <row r="19" spans="1:4" ht="18" customHeight="1" x14ac:dyDescent="0.2">
      <c r="A19" s="14">
        <v>12</v>
      </c>
      <c r="B19" s="15">
        <v>42</v>
      </c>
      <c r="C19" s="16">
        <v>42</v>
      </c>
      <c r="D19" s="17">
        <v>84</v>
      </c>
    </row>
    <row r="20" spans="1:4" ht="18" customHeight="1" x14ac:dyDescent="0.2">
      <c r="A20" s="14">
        <v>13</v>
      </c>
      <c r="B20" s="15">
        <v>52</v>
      </c>
      <c r="C20" s="16">
        <v>48</v>
      </c>
      <c r="D20" s="17">
        <v>100</v>
      </c>
    </row>
    <row r="21" spans="1:4" ht="18" customHeight="1" x14ac:dyDescent="0.2">
      <c r="A21" s="14">
        <v>14</v>
      </c>
      <c r="B21" s="15">
        <v>45</v>
      </c>
      <c r="C21" s="16">
        <v>39</v>
      </c>
      <c r="D21" s="17">
        <v>84</v>
      </c>
    </row>
    <row r="22" spans="1:4" ht="18" customHeight="1" x14ac:dyDescent="0.2">
      <c r="A22" s="18" t="s">
        <v>50</v>
      </c>
      <c r="B22" s="15">
        <v>240</v>
      </c>
      <c r="C22" s="16">
        <v>201</v>
      </c>
      <c r="D22" s="17">
        <v>441</v>
      </c>
    </row>
    <row r="23" spans="1:4" ht="18" customHeight="1" x14ac:dyDescent="0.2">
      <c r="A23" s="18" t="s">
        <v>51</v>
      </c>
      <c r="B23" s="15">
        <v>649</v>
      </c>
      <c r="C23" s="16">
        <v>592</v>
      </c>
      <c r="D23" s="17">
        <v>1241</v>
      </c>
    </row>
    <row r="24" spans="1:4" ht="18" customHeight="1" x14ac:dyDescent="0.2">
      <c r="A24" s="14">
        <v>15</v>
      </c>
      <c r="B24" s="15">
        <v>55</v>
      </c>
      <c r="C24" s="16">
        <v>52</v>
      </c>
      <c r="D24" s="17">
        <v>107</v>
      </c>
    </row>
    <row r="25" spans="1:4" ht="18" customHeight="1" x14ac:dyDescent="0.2">
      <c r="A25" s="14">
        <v>16</v>
      </c>
      <c r="B25" s="15">
        <v>43</v>
      </c>
      <c r="C25" s="16">
        <v>50</v>
      </c>
      <c r="D25" s="17">
        <v>93</v>
      </c>
    </row>
    <row r="26" spans="1:4" ht="18" customHeight="1" x14ac:dyDescent="0.2">
      <c r="A26" s="14">
        <v>17</v>
      </c>
      <c r="B26" s="15">
        <v>54</v>
      </c>
      <c r="C26" s="16">
        <v>43</v>
      </c>
      <c r="D26" s="17">
        <v>97</v>
      </c>
    </row>
    <row r="27" spans="1:4" ht="18" customHeight="1" x14ac:dyDescent="0.2">
      <c r="A27" s="14">
        <v>18</v>
      </c>
      <c r="B27" s="15">
        <v>47</v>
      </c>
      <c r="C27" s="16">
        <v>44</v>
      </c>
      <c r="D27" s="17">
        <v>91</v>
      </c>
    </row>
    <row r="28" spans="1:4" ht="18" customHeight="1" x14ac:dyDescent="0.2">
      <c r="A28" s="14">
        <v>19</v>
      </c>
      <c r="B28" s="15">
        <v>58</v>
      </c>
      <c r="C28" s="16">
        <v>43</v>
      </c>
      <c r="D28" s="17">
        <v>101</v>
      </c>
    </row>
    <row r="29" spans="1:4" ht="18" customHeight="1" x14ac:dyDescent="0.2">
      <c r="A29" s="18" t="s">
        <v>52</v>
      </c>
      <c r="B29" s="15">
        <v>257</v>
      </c>
      <c r="C29" s="16">
        <v>232</v>
      </c>
      <c r="D29" s="17">
        <v>489</v>
      </c>
    </row>
    <row r="30" spans="1:4" ht="18" customHeight="1" x14ac:dyDescent="0.2">
      <c r="A30" s="14">
        <v>20</v>
      </c>
      <c r="B30" s="15">
        <v>58</v>
      </c>
      <c r="C30" s="16">
        <v>48</v>
      </c>
      <c r="D30" s="17">
        <v>106</v>
      </c>
    </row>
    <row r="31" spans="1:4" ht="18" customHeight="1" x14ac:dyDescent="0.2">
      <c r="A31" s="14">
        <v>21</v>
      </c>
      <c r="B31" s="15">
        <v>53</v>
      </c>
      <c r="C31" s="16">
        <v>49</v>
      </c>
      <c r="D31" s="17">
        <v>102</v>
      </c>
    </row>
    <row r="32" spans="1:4" ht="18" customHeight="1" x14ac:dyDescent="0.2">
      <c r="A32" s="14">
        <v>22</v>
      </c>
      <c r="B32" s="15">
        <v>59</v>
      </c>
      <c r="C32" s="16">
        <v>45</v>
      </c>
      <c r="D32" s="17">
        <v>104</v>
      </c>
    </row>
    <row r="33" spans="1:4" ht="18" customHeight="1" x14ac:dyDescent="0.2">
      <c r="A33" s="14">
        <v>23</v>
      </c>
      <c r="B33" s="15">
        <v>48</v>
      </c>
      <c r="C33" s="16">
        <v>47</v>
      </c>
      <c r="D33" s="17">
        <v>95</v>
      </c>
    </row>
    <row r="34" spans="1:4" ht="18" customHeight="1" x14ac:dyDescent="0.2">
      <c r="A34" s="14">
        <v>24</v>
      </c>
      <c r="B34" s="15">
        <v>46</v>
      </c>
      <c r="C34" s="16">
        <v>34</v>
      </c>
      <c r="D34" s="17">
        <v>80</v>
      </c>
    </row>
    <row r="35" spans="1:4" ht="18" customHeight="1" x14ac:dyDescent="0.2">
      <c r="A35" s="18" t="s">
        <v>53</v>
      </c>
      <c r="B35" s="15">
        <v>264</v>
      </c>
      <c r="C35" s="16">
        <v>223</v>
      </c>
      <c r="D35" s="17">
        <v>487</v>
      </c>
    </row>
    <row r="36" spans="1:4" ht="18" customHeight="1" x14ac:dyDescent="0.2">
      <c r="A36" s="14">
        <v>25</v>
      </c>
      <c r="B36" s="15">
        <v>51</v>
      </c>
      <c r="C36" s="16">
        <v>55</v>
      </c>
      <c r="D36" s="17">
        <v>106</v>
      </c>
    </row>
    <row r="37" spans="1:4" ht="18" customHeight="1" x14ac:dyDescent="0.2">
      <c r="A37" s="14">
        <v>26</v>
      </c>
      <c r="B37" s="15">
        <v>41</v>
      </c>
      <c r="C37" s="16">
        <v>44</v>
      </c>
      <c r="D37" s="17">
        <v>85</v>
      </c>
    </row>
    <row r="38" spans="1:4" ht="18" customHeight="1" x14ac:dyDescent="0.2">
      <c r="A38" s="14">
        <v>27</v>
      </c>
      <c r="B38" s="15">
        <v>50</v>
      </c>
      <c r="C38" s="16">
        <v>41</v>
      </c>
      <c r="D38" s="17">
        <v>91</v>
      </c>
    </row>
    <row r="39" spans="1:4" ht="18" customHeight="1" x14ac:dyDescent="0.2">
      <c r="A39" s="14">
        <v>28</v>
      </c>
      <c r="B39" s="15">
        <v>50</v>
      </c>
      <c r="C39" s="16">
        <v>51</v>
      </c>
      <c r="D39" s="17">
        <v>101</v>
      </c>
    </row>
    <row r="40" spans="1:4" ht="18" customHeight="1" x14ac:dyDescent="0.2">
      <c r="A40" s="14">
        <v>29</v>
      </c>
      <c r="B40" s="15">
        <v>54</v>
      </c>
      <c r="C40" s="16">
        <v>56</v>
      </c>
      <c r="D40" s="17">
        <v>110</v>
      </c>
    </row>
    <row r="41" spans="1:4" ht="18" customHeight="1" x14ac:dyDescent="0.2">
      <c r="A41" s="18" t="s">
        <v>54</v>
      </c>
      <c r="B41" s="15">
        <v>246</v>
      </c>
      <c r="C41" s="16">
        <v>247</v>
      </c>
      <c r="D41" s="17">
        <v>493</v>
      </c>
    </row>
    <row r="42" spans="1:4" ht="18" customHeight="1" x14ac:dyDescent="0.2">
      <c r="A42" s="14">
        <v>30</v>
      </c>
      <c r="B42" s="15">
        <v>63</v>
      </c>
      <c r="C42" s="16">
        <v>47</v>
      </c>
      <c r="D42" s="17">
        <v>110</v>
      </c>
    </row>
    <row r="43" spans="1:4" ht="18" customHeight="1" x14ac:dyDescent="0.2">
      <c r="A43" s="14">
        <v>31</v>
      </c>
      <c r="B43" s="15">
        <v>51</v>
      </c>
      <c r="C43" s="16">
        <v>47</v>
      </c>
      <c r="D43" s="17">
        <v>98</v>
      </c>
    </row>
    <row r="44" spans="1:4" ht="18" customHeight="1" x14ac:dyDescent="0.2">
      <c r="A44" s="14">
        <v>32</v>
      </c>
      <c r="B44" s="15">
        <v>61</v>
      </c>
      <c r="C44" s="16">
        <v>52</v>
      </c>
      <c r="D44" s="17">
        <v>113</v>
      </c>
    </row>
    <row r="45" spans="1:4" ht="18" customHeight="1" x14ac:dyDescent="0.2">
      <c r="A45" s="14">
        <v>33</v>
      </c>
      <c r="B45" s="15">
        <v>55</v>
      </c>
      <c r="C45" s="16">
        <v>57</v>
      </c>
      <c r="D45" s="17">
        <v>112</v>
      </c>
    </row>
    <row r="46" spans="1:4" ht="18" customHeight="1" x14ac:dyDescent="0.2">
      <c r="A46" s="14">
        <v>34</v>
      </c>
      <c r="B46" s="15">
        <v>64</v>
      </c>
      <c r="C46" s="16">
        <v>52</v>
      </c>
      <c r="D46" s="17">
        <v>116</v>
      </c>
    </row>
    <row r="47" spans="1:4" ht="18" customHeight="1" x14ac:dyDescent="0.2">
      <c r="A47" s="18" t="s">
        <v>55</v>
      </c>
      <c r="B47" s="15">
        <v>294</v>
      </c>
      <c r="C47" s="16">
        <v>255</v>
      </c>
      <c r="D47" s="17">
        <v>549</v>
      </c>
    </row>
    <row r="48" spans="1:4" ht="18" customHeight="1" x14ac:dyDescent="0.2">
      <c r="A48" s="14">
        <v>35</v>
      </c>
      <c r="B48" s="15">
        <v>70</v>
      </c>
      <c r="C48" s="16">
        <v>51</v>
      </c>
      <c r="D48" s="17">
        <v>121</v>
      </c>
    </row>
    <row r="49" spans="1:4" ht="18" customHeight="1" x14ac:dyDescent="0.2">
      <c r="A49" s="14">
        <v>36</v>
      </c>
      <c r="B49" s="15">
        <v>56</v>
      </c>
      <c r="C49" s="16">
        <v>67</v>
      </c>
      <c r="D49" s="17">
        <v>123</v>
      </c>
    </row>
    <row r="50" spans="1:4" ht="18" customHeight="1" x14ac:dyDescent="0.2">
      <c r="A50" s="14">
        <v>37</v>
      </c>
      <c r="B50" s="15">
        <v>74</v>
      </c>
      <c r="C50" s="16">
        <v>49</v>
      </c>
      <c r="D50" s="17">
        <v>123</v>
      </c>
    </row>
    <row r="51" spans="1:4" ht="18" customHeight="1" x14ac:dyDescent="0.2">
      <c r="A51" s="14">
        <v>38</v>
      </c>
      <c r="B51" s="15">
        <v>62</v>
      </c>
      <c r="C51" s="16">
        <v>61</v>
      </c>
      <c r="D51" s="17">
        <v>123</v>
      </c>
    </row>
    <row r="52" spans="1:4" ht="18" customHeight="1" x14ac:dyDescent="0.2">
      <c r="A52" s="14">
        <v>39</v>
      </c>
      <c r="B52" s="15">
        <v>55</v>
      </c>
      <c r="C52" s="16">
        <v>76</v>
      </c>
      <c r="D52" s="17">
        <v>131</v>
      </c>
    </row>
    <row r="53" spans="1:4" ht="18" customHeight="1" x14ac:dyDescent="0.2">
      <c r="A53" s="18" t="s">
        <v>56</v>
      </c>
      <c r="B53" s="15">
        <v>317</v>
      </c>
      <c r="C53" s="16">
        <v>304</v>
      </c>
      <c r="D53" s="17">
        <v>621</v>
      </c>
    </row>
    <row r="54" spans="1:4" ht="18" customHeight="1" x14ac:dyDescent="0.2">
      <c r="A54" s="14">
        <v>40</v>
      </c>
      <c r="B54" s="15">
        <v>70</v>
      </c>
      <c r="C54" s="16">
        <v>68</v>
      </c>
      <c r="D54" s="17">
        <v>138</v>
      </c>
    </row>
    <row r="55" spans="1:4" ht="18" customHeight="1" x14ac:dyDescent="0.2">
      <c r="A55" s="14">
        <v>41</v>
      </c>
      <c r="B55" s="15">
        <v>67</v>
      </c>
      <c r="C55" s="16">
        <v>73</v>
      </c>
      <c r="D55" s="17">
        <v>140</v>
      </c>
    </row>
    <row r="56" spans="1:4" ht="18" customHeight="1" x14ac:dyDescent="0.2">
      <c r="A56" s="14">
        <v>42</v>
      </c>
      <c r="B56" s="15">
        <v>74</v>
      </c>
      <c r="C56" s="16">
        <v>81</v>
      </c>
      <c r="D56" s="17">
        <v>155</v>
      </c>
    </row>
    <row r="57" spans="1:4" ht="18" customHeight="1" x14ac:dyDescent="0.2">
      <c r="A57" s="14">
        <v>43</v>
      </c>
      <c r="B57" s="15">
        <v>54</v>
      </c>
      <c r="C57" s="16">
        <v>88</v>
      </c>
      <c r="D57" s="17">
        <v>142</v>
      </c>
    </row>
    <row r="58" spans="1:4" ht="18" customHeight="1" x14ac:dyDescent="0.2">
      <c r="A58" s="14">
        <v>44</v>
      </c>
      <c r="B58" s="15">
        <v>80</v>
      </c>
      <c r="C58" s="16">
        <v>92</v>
      </c>
      <c r="D58" s="17">
        <v>172</v>
      </c>
    </row>
    <row r="59" spans="1:4" ht="18" customHeight="1" x14ac:dyDescent="0.2">
      <c r="A59" s="18" t="s">
        <v>57</v>
      </c>
      <c r="B59" s="15">
        <v>345</v>
      </c>
      <c r="C59" s="16">
        <v>402</v>
      </c>
      <c r="D59" s="17">
        <v>747</v>
      </c>
    </row>
    <row r="60" spans="1:4" ht="18" customHeight="1" x14ac:dyDescent="0.2">
      <c r="A60" s="14">
        <v>45</v>
      </c>
      <c r="B60" s="15">
        <v>97</v>
      </c>
      <c r="C60" s="16">
        <v>80</v>
      </c>
      <c r="D60" s="17">
        <v>177</v>
      </c>
    </row>
    <row r="61" spans="1:4" ht="18" customHeight="1" x14ac:dyDescent="0.2">
      <c r="A61" s="14">
        <v>46</v>
      </c>
      <c r="B61" s="15">
        <v>78</v>
      </c>
      <c r="C61" s="16">
        <v>100</v>
      </c>
      <c r="D61" s="17">
        <v>178</v>
      </c>
    </row>
    <row r="62" spans="1:4" ht="18" customHeight="1" x14ac:dyDescent="0.2">
      <c r="A62" s="14">
        <v>47</v>
      </c>
      <c r="B62" s="15">
        <v>90</v>
      </c>
      <c r="C62" s="16">
        <v>83</v>
      </c>
      <c r="D62" s="17">
        <v>173</v>
      </c>
    </row>
    <row r="63" spans="1:4" ht="18" customHeight="1" x14ac:dyDescent="0.2">
      <c r="A63" s="14">
        <v>48</v>
      </c>
      <c r="B63" s="15">
        <v>86</v>
      </c>
      <c r="C63" s="16">
        <v>75</v>
      </c>
      <c r="D63" s="17">
        <v>161</v>
      </c>
    </row>
    <row r="64" spans="1:4" ht="18" customHeight="1" x14ac:dyDescent="0.2">
      <c r="A64" s="14">
        <v>49</v>
      </c>
      <c r="B64" s="15">
        <v>93</v>
      </c>
      <c r="C64" s="16">
        <v>87</v>
      </c>
      <c r="D64" s="17">
        <v>180</v>
      </c>
    </row>
    <row r="65" spans="1:4" ht="18" customHeight="1" x14ac:dyDescent="0.2">
      <c r="A65" s="18" t="s">
        <v>58</v>
      </c>
      <c r="B65" s="15">
        <v>444</v>
      </c>
      <c r="C65" s="16">
        <v>425</v>
      </c>
      <c r="D65" s="17">
        <v>869</v>
      </c>
    </row>
    <row r="66" spans="1:4" ht="18" customHeight="1" x14ac:dyDescent="0.2">
      <c r="A66" s="14">
        <v>50</v>
      </c>
      <c r="B66" s="15">
        <v>100</v>
      </c>
      <c r="C66" s="16">
        <v>102</v>
      </c>
      <c r="D66" s="17">
        <v>202</v>
      </c>
    </row>
    <row r="67" spans="1:4" ht="18" customHeight="1" x14ac:dyDescent="0.2">
      <c r="A67" s="14">
        <v>51</v>
      </c>
      <c r="B67" s="15">
        <v>72</v>
      </c>
      <c r="C67" s="16">
        <v>79</v>
      </c>
      <c r="D67" s="17">
        <v>151</v>
      </c>
    </row>
    <row r="68" spans="1:4" ht="18" customHeight="1" x14ac:dyDescent="0.2">
      <c r="A68" s="14">
        <v>52</v>
      </c>
      <c r="B68" s="15">
        <v>92</v>
      </c>
      <c r="C68" s="16">
        <v>57</v>
      </c>
      <c r="D68" s="17">
        <v>149</v>
      </c>
    </row>
    <row r="69" spans="1:4" ht="18" customHeight="1" x14ac:dyDescent="0.2">
      <c r="A69" s="14">
        <v>53</v>
      </c>
      <c r="B69" s="15">
        <v>56</v>
      </c>
      <c r="C69" s="16">
        <v>69</v>
      </c>
      <c r="D69" s="17">
        <v>125</v>
      </c>
    </row>
    <row r="70" spans="1:4" ht="18" customHeight="1" x14ac:dyDescent="0.2">
      <c r="A70" s="14">
        <v>54</v>
      </c>
      <c r="B70" s="15">
        <v>59</v>
      </c>
      <c r="C70" s="16">
        <v>71</v>
      </c>
      <c r="D70" s="17">
        <v>130</v>
      </c>
    </row>
    <row r="71" spans="1:4" ht="18" customHeight="1" x14ac:dyDescent="0.2">
      <c r="A71" s="18" t="s">
        <v>59</v>
      </c>
      <c r="B71" s="15">
        <v>379</v>
      </c>
      <c r="C71" s="16">
        <v>378</v>
      </c>
      <c r="D71" s="17">
        <v>757</v>
      </c>
    </row>
    <row r="72" spans="1:4" ht="18" customHeight="1" x14ac:dyDescent="0.2">
      <c r="A72" s="14">
        <v>55</v>
      </c>
      <c r="B72" s="15">
        <v>50</v>
      </c>
      <c r="C72" s="16">
        <v>62</v>
      </c>
      <c r="D72" s="17">
        <v>112</v>
      </c>
    </row>
    <row r="73" spans="1:4" ht="18" customHeight="1" x14ac:dyDescent="0.2">
      <c r="A73" s="14">
        <v>56</v>
      </c>
      <c r="B73" s="15">
        <v>71</v>
      </c>
      <c r="C73" s="16">
        <v>56</v>
      </c>
      <c r="D73" s="17">
        <v>127</v>
      </c>
    </row>
    <row r="74" spans="1:4" ht="18" customHeight="1" x14ac:dyDescent="0.2">
      <c r="A74" s="14">
        <v>57</v>
      </c>
      <c r="B74" s="15">
        <v>52</v>
      </c>
      <c r="C74" s="16">
        <v>65</v>
      </c>
      <c r="D74" s="17">
        <v>117</v>
      </c>
    </row>
    <row r="75" spans="1:4" ht="18" customHeight="1" x14ac:dyDescent="0.2">
      <c r="A75" s="14">
        <v>58</v>
      </c>
      <c r="B75" s="15">
        <v>47</v>
      </c>
      <c r="C75" s="16">
        <v>63</v>
      </c>
      <c r="D75" s="17">
        <v>110</v>
      </c>
    </row>
    <row r="76" spans="1:4" ht="18" customHeight="1" x14ac:dyDescent="0.2">
      <c r="A76" s="14">
        <v>59</v>
      </c>
      <c r="B76" s="15">
        <v>53</v>
      </c>
      <c r="C76" s="16">
        <v>50</v>
      </c>
      <c r="D76" s="17">
        <v>103</v>
      </c>
    </row>
    <row r="77" spans="1:4" ht="18" customHeight="1" x14ac:dyDescent="0.2">
      <c r="A77" s="18" t="s">
        <v>60</v>
      </c>
      <c r="B77" s="15">
        <v>273</v>
      </c>
      <c r="C77" s="16">
        <v>296</v>
      </c>
      <c r="D77" s="17">
        <v>569</v>
      </c>
    </row>
    <row r="78" spans="1:4" ht="18" customHeight="1" x14ac:dyDescent="0.2">
      <c r="A78" s="14">
        <v>60</v>
      </c>
      <c r="B78" s="15">
        <v>49</v>
      </c>
      <c r="C78" s="16">
        <v>55</v>
      </c>
      <c r="D78" s="17">
        <v>104</v>
      </c>
    </row>
    <row r="79" spans="1:4" ht="18" customHeight="1" x14ac:dyDescent="0.2">
      <c r="A79" s="14">
        <v>61</v>
      </c>
      <c r="B79" s="15">
        <v>50</v>
      </c>
      <c r="C79" s="16">
        <v>35</v>
      </c>
      <c r="D79" s="17">
        <v>85</v>
      </c>
    </row>
    <row r="80" spans="1:4" ht="18" customHeight="1" x14ac:dyDescent="0.2">
      <c r="A80" s="14">
        <v>62</v>
      </c>
      <c r="B80" s="15">
        <v>38</v>
      </c>
      <c r="C80" s="16">
        <v>30</v>
      </c>
      <c r="D80" s="17">
        <v>68</v>
      </c>
    </row>
    <row r="81" spans="1:4" ht="18" customHeight="1" x14ac:dyDescent="0.2">
      <c r="A81" s="14">
        <v>63</v>
      </c>
      <c r="B81" s="15">
        <v>23</v>
      </c>
      <c r="C81" s="16">
        <v>38</v>
      </c>
      <c r="D81" s="17">
        <v>61</v>
      </c>
    </row>
    <row r="82" spans="1:4" ht="18" customHeight="1" x14ac:dyDescent="0.2">
      <c r="A82" s="14">
        <v>64</v>
      </c>
      <c r="B82" s="15">
        <v>46</v>
      </c>
      <c r="C82" s="16">
        <v>34</v>
      </c>
      <c r="D82" s="17">
        <v>80</v>
      </c>
    </row>
    <row r="83" spans="1:4" ht="18" customHeight="1" x14ac:dyDescent="0.2">
      <c r="A83" s="18" t="s">
        <v>61</v>
      </c>
      <c r="B83" s="15">
        <v>206</v>
      </c>
      <c r="C83" s="16">
        <v>192</v>
      </c>
      <c r="D83" s="17">
        <v>398</v>
      </c>
    </row>
    <row r="84" spans="1:4" ht="18" customHeight="1" x14ac:dyDescent="0.2">
      <c r="A84" s="18" t="s">
        <v>62</v>
      </c>
      <c r="B84" s="15">
        <v>3025</v>
      </c>
      <c r="C84" s="16">
        <v>2954</v>
      </c>
      <c r="D84" s="17">
        <v>5979</v>
      </c>
    </row>
    <row r="85" spans="1:4" ht="18" customHeight="1" x14ac:dyDescent="0.2">
      <c r="A85" s="14">
        <v>65</v>
      </c>
      <c r="B85" s="15">
        <v>32</v>
      </c>
      <c r="C85" s="16">
        <v>39</v>
      </c>
      <c r="D85" s="17">
        <v>71</v>
      </c>
    </row>
    <row r="86" spans="1:4" ht="18" customHeight="1" x14ac:dyDescent="0.2">
      <c r="A86" s="14">
        <v>66</v>
      </c>
      <c r="B86" s="15">
        <v>35</v>
      </c>
      <c r="C86" s="16">
        <v>45</v>
      </c>
      <c r="D86" s="17">
        <v>80</v>
      </c>
    </row>
    <row r="87" spans="1:4" ht="18" customHeight="1" x14ac:dyDescent="0.2">
      <c r="A87" s="14">
        <v>67</v>
      </c>
      <c r="B87" s="15">
        <v>44</v>
      </c>
      <c r="C87" s="16">
        <v>46</v>
      </c>
      <c r="D87" s="17">
        <v>90</v>
      </c>
    </row>
    <row r="88" spans="1:4" ht="18" customHeight="1" x14ac:dyDescent="0.2">
      <c r="A88" s="14">
        <v>68</v>
      </c>
      <c r="B88" s="15">
        <v>37</v>
      </c>
      <c r="C88" s="16">
        <v>39</v>
      </c>
      <c r="D88" s="17">
        <v>76</v>
      </c>
    </row>
    <row r="89" spans="1:4" ht="18" customHeight="1" x14ac:dyDescent="0.2">
      <c r="A89" s="14">
        <v>69</v>
      </c>
      <c r="B89" s="15">
        <v>45</v>
      </c>
      <c r="C89" s="16">
        <v>45</v>
      </c>
      <c r="D89" s="17">
        <v>90</v>
      </c>
    </row>
    <row r="90" spans="1:4" ht="18" customHeight="1" x14ac:dyDescent="0.2">
      <c r="A90" s="18" t="s">
        <v>63</v>
      </c>
      <c r="B90" s="15">
        <v>193</v>
      </c>
      <c r="C90" s="16">
        <v>214</v>
      </c>
      <c r="D90" s="17">
        <v>407</v>
      </c>
    </row>
    <row r="91" spans="1:4" ht="18" customHeight="1" x14ac:dyDescent="0.2">
      <c r="A91" s="14">
        <v>70</v>
      </c>
      <c r="B91" s="15">
        <v>48</v>
      </c>
      <c r="C91" s="16">
        <v>49</v>
      </c>
      <c r="D91" s="17">
        <v>97</v>
      </c>
    </row>
    <row r="92" spans="1:4" ht="18" customHeight="1" x14ac:dyDescent="0.2">
      <c r="A92" s="14">
        <v>71</v>
      </c>
      <c r="B92" s="15">
        <v>42</v>
      </c>
      <c r="C92" s="16">
        <v>66</v>
      </c>
      <c r="D92" s="17">
        <v>108</v>
      </c>
    </row>
    <row r="93" spans="1:4" ht="18" customHeight="1" x14ac:dyDescent="0.2">
      <c r="A93" s="14">
        <v>72</v>
      </c>
      <c r="B93" s="15">
        <v>37</v>
      </c>
      <c r="C93" s="16">
        <v>41</v>
      </c>
      <c r="D93" s="17">
        <v>78</v>
      </c>
    </row>
    <row r="94" spans="1:4" ht="18" customHeight="1" x14ac:dyDescent="0.2">
      <c r="A94" s="14">
        <v>73</v>
      </c>
      <c r="B94" s="15">
        <v>21</v>
      </c>
      <c r="C94" s="16">
        <v>35</v>
      </c>
      <c r="D94" s="17">
        <v>56</v>
      </c>
    </row>
    <row r="95" spans="1:4" ht="18" customHeight="1" x14ac:dyDescent="0.2">
      <c r="A95" s="14">
        <v>74</v>
      </c>
      <c r="B95" s="15">
        <v>23</v>
      </c>
      <c r="C95" s="16">
        <v>24</v>
      </c>
      <c r="D95" s="17">
        <v>47</v>
      </c>
    </row>
    <row r="96" spans="1:4" ht="18" customHeight="1" x14ac:dyDescent="0.2">
      <c r="A96" s="18" t="s">
        <v>64</v>
      </c>
      <c r="B96" s="15">
        <v>171</v>
      </c>
      <c r="C96" s="16">
        <v>215</v>
      </c>
      <c r="D96" s="17">
        <v>386</v>
      </c>
    </row>
    <row r="97" spans="1:4" ht="18" customHeight="1" x14ac:dyDescent="0.2">
      <c r="A97" s="14">
        <v>75</v>
      </c>
      <c r="B97" s="15">
        <v>35</v>
      </c>
      <c r="C97" s="16">
        <v>46</v>
      </c>
      <c r="D97" s="17">
        <v>81</v>
      </c>
    </row>
    <row r="98" spans="1:4" ht="18" customHeight="1" x14ac:dyDescent="0.2">
      <c r="A98" s="14">
        <v>76</v>
      </c>
      <c r="B98" s="15">
        <v>27</v>
      </c>
      <c r="C98" s="16">
        <v>46</v>
      </c>
      <c r="D98" s="17">
        <v>73</v>
      </c>
    </row>
    <row r="99" spans="1:4" ht="18" customHeight="1" x14ac:dyDescent="0.2">
      <c r="A99" s="14">
        <v>77</v>
      </c>
      <c r="B99" s="15">
        <v>29</v>
      </c>
      <c r="C99" s="16">
        <v>47</v>
      </c>
      <c r="D99" s="17">
        <v>76</v>
      </c>
    </row>
    <row r="100" spans="1:4" ht="18" customHeight="1" x14ac:dyDescent="0.2">
      <c r="A100" s="14">
        <v>78</v>
      </c>
      <c r="B100" s="15">
        <v>34</v>
      </c>
      <c r="C100" s="16">
        <v>39</v>
      </c>
      <c r="D100" s="17">
        <v>73</v>
      </c>
    </row>
    <row r="101" spans="1:4" ht="18" customHeight="1" x14ac:dyDescent="0.2">
      <c r="A101" s="14">
        <v>79</v>
      </c>
      <c r="B101" s="15">
        <v>27</v>
      </c>
      <c r="C101" s="16">
        <v>30</v>
      </c>
      <c r="D101" s="17">
        <v>57</v>
      </c>
    </row>
    <row r="102" spans="1:4" ht="18" customHeight="1" x14ac:dyDescent="0.2">
      <c r="A102" s="18" t="s">
        <v>65</v>
      </c>
      <c r="B102" s="15">
        <v>152</v>
      </c>
      <c r="C102" s="16">
        <v>208</v>
      </c>
      <c r="D102" s="17">
        <v>360</v>
      </c>
    </row>
    <row r="103" spans="1:4" ht="18" customHeight="1" x14ac:dyDescent="0.2">
      <c r="A103" s="14">
        <v>80</v>
      </c>
      <c r="B103" s="15">
        <v>20</v>
      </c>
      <c r="C103" s="16">
        <v>25</v>
      </c>
      <c r="D103" s="17">
        <v>45</v>
      </c>
    </row>
    <row r="104" spans="1:4" ht="18" customHeight="1" x14ac:dyDescent="0.2">
      <c r="A104" s="14">
        <v>81</v>
      </c>
      <c r="B104" s="15">
        <v>26</v>
      </c>
      <c r="C104" s="16">
        <v>22</v>
      </c>
      <c r="D104" s="17">
        <v>48</v>
      </c>
    </row>
    <row r="105" spans="1:4" ht="18" customHeight="1" x14ac:dyDescent="0.2">
      <c r="A105" s="14">
        <v>82</v>
      </c>
      <c r="B105" s="15">
        <v>18</v>
      </c>
      <c r="C105" s="16">
        <v>27</v>
      </c>
      <c r="D105" s="17">
        <v>45</v>
      </c>
    </row>
    <row r="106" spans="1:4" ht="18" customHeight="1" x14ac:dyDescent="0.2">
      <c r="A106" s="14">
        <v>83</v>
      </c>
      <c r="B106" s="15">
        <v>12</v>
      </c>
      <c r="C106" s="16">
        <v>28</v>
      </c>
      <c r="D106" s="17">
        <v>40</v>
      </c>
    </row>
    <row r="107" spans="1:4" ht="18" customHeight="1" x14ac:dyDescent="0.2">
      <c r="A107" s="14">
        <v>84</v>
      </c>
      <c r="B107" s="15">
        <v>10</v>
      </c>
      <c r="C107" s="16">
        <v>29</v>
      </c>
      <c r="D107" s="17">
        <v>39</v>
      </c>
    </row>
    <row r="108" spans="1:4" ht="18" customHeight="1" x14ac:dyDescent="0.2">
      <c r="A108" s="18" t="s">
        <v>66</v>
      </c>
      <c r="B108" s="15">
        <v>86</v>
      </c>
      <c r="C108" s="16">
        <v>131</v>
      </c>
      <c r="D108" s="17">
        <v>217</v>
      </c>
    </row>
    <row r="109" spans="1:4" ht="18" customHeight="1" x14ac:dyDescent="0.2">
      <c r="A109" s="14">
        <v>85</v>
      </c>
      <c r="B109" s="15">
        <v>20</v>
      </c>
      <c r="C109" s="16">
        <v>30</v>
      </c>
      <c r="D109" s="17">
        <v>50</v>
      </c>
    </row>
    <row r="110" spans="1:4" ht="18" customHeight="1" x14ac:dyDescent="0.2">
      <c r="A110" s="14">
        <v>86</v>
      </c>
      <c r="B110" s="15">
        <v>18</v>
      </c>
      <c r="C110" s="16">
        <v>23</v>
      </c>
      <c r="D110" s="17">
        <v>41</v>
      </c>
    </row>
    <row r="111" spans="1:4" ht="18" customHeight="1" x14ac:dyDescent="0.2">
      <c r="A111" s="14">
        <v>87</v>
      </c>
      <c r="B111" s="15">
        <v>10</v>
      </c>
      <c r="C111" s="16">
        <v>25</v>
      </c>
      <c r="D111" s="17">
        <v>35</v>
      </c>
    </row>
    <row r="112" spans="1:4" ht="18" customHeight="1" x14ac:dyDescent="0.2">
      <c r="A112" s="14">
        <v>88</v>
      </c>
      <c r="B112" s="15">
        <v>4</v>
      </c>
      <c r="C112" s="16">
        <v>17</v>
      </c>
      <c r="D112" s="17">
        <v>21</v>
      </c>
    </row>
    <row r="113" spans="1:4" ht="18" customHeight="1" x14ac:dyDescent="0.2">
      <c r="A113" s="14">
        <v>89</v>
      </c>
      <c r="B113" s="15">
        <v>10</v>
      </c>
      <c r="C113" s="16">
        <v>21</v>
      </c>
      <c r="D113" s="17">
        <v>31</v>
      </c>
    </row>
    <row r="114" spans="1:4" ht="18" customHeight="1" x14ac:dyDescent="0.2">
      <c r="A114" s="18" t="s">
        <v>67</v>
      </c>
      <c r="B114" s="15">
        <v>62</v>
      </c>
      <c r="C114" s="16">
        <v>116</v>
      </c>
      <c r="D114" s="17">
        <v>178</v>
      </c>
    </row>
    <row r="115" spans="1:4" ht="18" customHeight="1" x14ac:dyDescent="0.2">
      <c r="A115" s="14">
        <v>90</v>
      </c>
      <c r="B115" s="15">
        <v>5</v>
      </c>
      <c r="C115" s="16">
        <v>21</v>
      </c>
      <c r="D115" s="17">
        <v>26</v>
      </c>
    </row>
    <row r="116" spans="1:4" ht="18" customHeight="1" x14ac:dyDescent="0.2">
      <c r="A116" s="14">
        <v>91</v>
      </c>
      <c r="B116" s="15">
        <v>6</v>
      </c>
      <c r="C116" s="16">
        <v>20</v>
      </c>
      <c r="D116" s="17">
        <v>26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6</v>
      </c>
      <c r="C118" s="16">
        <v>7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22</v>
      </c>
      <c r="C120" s="16">
        <v>67</v>
      </c>
      <c r="D120" s="17">
        <v>89</v>
      </c>
    </row>
    <row r="121" spans="1:4" ht="18" customHeight="1" x14ac:dyDescent="0.2">
      <c r="A121" s="14">
        <v>95</v>
      </c>
      <c r="B121" s="15">
        <v>3</v>
      </c>
      <c r="C121" s="16">
        <v>8</v>
      </c>
      <c r="D121" s="17">
        <v>11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9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90</v>
      </c>
      <c r="C130" s="5">
        <v>973</v>
      </c>
      <c r="D130" s="6">
        <v>1663</v>
      </c>
    </row>
    <row r="131" spans="1:4" ht="18" customHeight="1" x14ac:dyDescent="0.2">
      <c r="A131" s="20" t="s">
        <v>47</v>
      </c>
      <c r="B131" s="7">
        <v>4364</v>
      </c>
      <c r="C131" s="8">
        <v>4519</v>
      </c>
      <c r="D131" s="9">
        <v>888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6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60</v>
      </c>
      <c r="C5" s="25">
        <v>57</v>
      </c>
      <c r="D5" s="26">
        <v>117</v>
      </c>
    </row>
    <row r="6" spans="1:4" ht="18" customHeight="1" x14ac:dyDescent="0.2">
      <c r="A6" s="31">
        <v>1</v>
      </c>
      <c r="B6" s="27">
        <v>64</v>
      </c>
      <c r="C6" s="28">
        <v>51</v>
      </c>
      <c r="D6" s="29">
        <v>115</v>
      </c>
    </row>
    <row r="7" spans="1:4" ht="18" customHeight="1" x14ac:dyDescent="0.2">
      <c r="A7" s="31">
        <v>2</v>
      </c>
      <c r="B7" s="27">
        <v>53</v>
      </c>
      <c r="C7" s="28">
        <v>48</v>
      </c>
      <c r="D7" s="29">
        <v>101</v>
      </c>
    </row>
    <row r="8" spans="1:4" ht="18" customHeight="1" x14ac:dyDescent="0.2">
      <c r="A8" s="31">
        <v>3</v>
      </c>
      <c r="B8" s="27">
        <v>67</v>
      </c>
      <c r="C8" s="28">
        <v>54</v>
      </c>
      <c r="D8" s="29">
        <v>121</v>
      </c>
    </row>
    <row r="9" spans="1:4" ht="18" customHeight="1" x14ac:dyDescent="0.2">
      <c r="A9" s="31">
        <v>4</v>
      </c>
      <c r="B9" s="27">
        <v>58</v>
      </c>
      <c r="C9" s="28">
        <v>50</v>
      </c>
      <c r="D9" s="29">
        <v>108</v>
      </c>
    </row>
    <row r="10" spans="1:4" ht="18" customHeight="1" x14ac:dyDescent="0.2">
      <c r="A10" s="31" t="s">
        <v>48</v>
      </c>
      <c r="B10" s="27">
        <v>302</v>
      </c>
      <c r="C10" s="28">
        <v>260</v>
      </c>
      <c r="D10" s="29">
        <v>562</v>
      </c>
    </row>
    <row r="11" spans="1:4" ht="18" customHeight="1" x14ac:dyDescent="0.2">
      <c r="A11" s="31">
        <v>5</v>
      </c>
      <c r="B11" s="27">
        <v>45</v>
      </c>
      <c r="C11" s="28">
        <v>51</v>
      </c>
      <c r="D11" s="29">
        <v>96</v>
      </c>
    </row>
    <row r="12" spans="1:4" ht="18" customHeight="1" x14ac:dyDescent="0.2">
      <c r="A12" s="31">
        <v>6</v>
      </c>
      <c r="B12" s="27">
        <v>53</v>
      </c>
      <c r="C12" s="28">
        <v>55</v>
      </c>
      <c r="D12" s="29">
        <v>108</v>
      </c>
    </row>
    <row r="13" spans="1:4" ht="18" customHeight="1" x14ac:dyDescent="0.2">
      <c r="A13" s="31">
        <v>7</v>
      </c>
      <c r="B13" s="27">
        <v>49</v>
      </c>
      <c r="C13" s="28">
        <v>54</v>
      </c>
      <c r="D13" s="29">
        <v>103</v>
      </c>
    </row>
    <row r="14" spans="1:4" ht="18" customHeight="1" x14ac:dyDescent="0.2">
      <c r="A14" s="31">
        <v>8</v>
      </c>
      <c r="B14" s="27">
        <v>62</v>
      </c>
      <c r="C14" s="28">
        <v>43</v>
      </c>
      <c r="D14" s="29">
        <v>105</v>
      </c>
    </row>
    <row r="15" spans="1:4" ht="18" customHeight="1" x14ac:dyDescent="0.2">
      <c r="A15" s="31">
        <v>9</v>
      </c>
      <c r="B15" s="27">
        <v>48</v>
      </c>
      <c r="C15" s="28">
        <v>46</v>
      </c>
      <c r="D15" s="29">
        <v>94</v>
      </c>
    </row>
    <row r="16" spans="1:4" ht="18" customHeight="1" x14ac:dyDescent="0.2">
      <c r="A16" s="31" t="s">
        <v>49</v>
      </c>
      <c r="B16" s="27">
        <v>257</v>
      </c>
      <c r="C16" s="28">
        <v>249</v>
      </c>
      <c r="D16" s="29">
        <v>506</v>
      </c>
    </row>
    <row r="17" spans="1:4" ht="18" customHeight="1" x14ac:dyDescent="0.2">
      <c r="A17" s="31">
        <v>10</v>
      </c>
      <c r="B17" s="27">
        <v>69</v>
      </c>
      <c r="C17" s="28">
        <v>60</v>
      </c>
      <c r="D17" s="29">
        <v>129</v>
      </c>
    </row>
    <row r="18" spans="1:4" ht="18" customHeight="1" x14ac:dyDescent="0.2">
      <c r="A18" s="31">
        <v>11</v>
      </c>
      <c r="B18" s="27">
        <v>56</v>
      </c>
      <c r="C18" s="28">
        <v>51</v>
      </c>
      <c r="D18" s="29">
        <v>107</v>
      </c>
    </row>
    <row r="19" spans="1:4" ht="18" customHeight="1" x14ac:dyDescent="0.2">
      <c r="A19" s="31">
        <v>12</v>
      </c>
      <c r="B19" s="27">
        <v>62</v>
      </c>
      <c r="C19" s="28">
        <v>45</v>
      </c>
      <c r="D19" s="29">
        <v>107</v>
      </c>
    </row>
    <row r="20" spans="1:4" ht="18" customHeight="1" x14ac:dyDescent="0.2">
      <c r="A20" s="31">
        <v>13</v>
      </c>
      <c r="B20" s="27">
        <v>51</v>
      </c>
      <c r="C20" s="28">
        <v>51</v>
      </c>
      <c r="D20" s="29">
        <v>102</v>
      </c>
    </row>
    <row r="21" spans="1:4" ht="18" customHeight="1" x14ac:dyDescent="0.2">
      <c r="A21" s="31">
        <v>14</v>
      </c>
      <c r="B21" s="27">
        <v>48</v>
      </c>
      <c r="C21" s="28">
        <v>63</v>
      </c>
      <c r="D21" s="29">
        <v>111</v>
      </c>
    </row>
    <row r="22" spans="1:4" ht="18" customHeight="1" x14ac:dyDescent="0.2">
      <c r="A22" s="31" t="s">
        <v>50</v>
      </c>
      <c r="B22" s="27">
        <v>286</v>
      </c>
      <c r="C22" s="28">
        <v>270</v>
      </c>
      <c r="D22" s="29">
        <v>556</v>
      </c>
    </row>
    <row r="23" spans="1:4" ht="18" customHeight="1" x14ac:dyDescent="0.2">
      <c r="A23" s="31" t="s">
        <v>51</v>
      </c>
      <c r="B23" s="27">
        <v>845</v>
      </c>
      <c r="C23" s="28">
        <v>779</v>
      </c>
      <c r="D23" s="29">
        <v>1624</v>
      </c>
    </row>
    <row r="24" spans="1:4" ht="18" customHeight="1" x14ac:dyDescent="0.2">
      <c r="A24" s="31">
        <v>15</v>
      </c>
      <c r="B24" s="27">
        <v>60</v>
      </c>
      <c r="C24" s="28">
        <v>64</v>
      </c>
      <c r="D24" s="29">
        <v>124</v>
      </c>
    </row>
    <row r="25" spans="1:4" ht="18" customHeight="1" x14ac:dyDescent="0.2">
      <c r="A25" s="31">
        <v>16</v>
      </c>
      <c r="B25" s="27">
        <v>59</v>
      </c>
      <c r="C25" s="28">
        <v>58</v>
      </c>
      <c r="D25" s="29">
        <v>117</v>
      </c>
    </row>
    <row r="26" spans="1:4" ht="18" customHeight="1" x14ac:dyDescent="0.2">
      <c r="A26" s="31">
        <v>17</v>
      </c>
      <c r="B26" s="27">
        <v>67</v>
      </c>
      <c r="C26" s="28">
        <v>56</v>
      </c>
      <c r="D26" s="29">
        <v>123</v>
      </c>
    </row>
    <row r="27" spans="1:4" ht="18" customHeight="1" x14ac:dyDescent="0.2">
      <c r="A27" s="31">
        <v>18</v>
      </c>
      <c r="B27" s="27">
        <v>76</v>
      </c>
      <c r="C27" s="28">
        <v>45</v>
      </c>
      <c r="D27" s="29">
        <v>121</v>
      </c>
    </row>
    <row r="28" spans="1:4" ht="18" customHeight="1" x14ac:dyDescent="0.2">
      <c r="A28" s="31">
        <v>19</v>
      </c>
      <c r="B28" s="27">
        <v>71</v>
      </c>
      <c r="C28" s="28">
        <v>55</v>
      </c>
      <c r="D28" s="29">
        <v>126</v>
      </c>
    </row>
    <row r="29" spans="1:4" ht="18" customHeight="1" x14ac:dyDescent="0.2">
      <c r="A29" s="31" t="s">
        <v>52</v>
      </c>
      <c r="B29" s="27">
        <v>333</v>
      </c>
      <c r="C29" s="28">
        <v>278</v>
      </c>
      <c r="D29" s="29">
        <v>611</v>
      </c>
    </row>
    <row r="30" spans="1:4" ht="18" customHeight="1" x14ac:dyDescent="0.2">
      <c r="A30" s="31">
        <v>20</v>
      </c>
      <c r="B30" s="27">
        <v>55</v>
      </c>
      <c r="C30" s="28">
        <v>71</v>
      </c>
      <c r="D30" s="29">
        <v>126</v>
      </c>
    </row>
    <row r="31" spans="1:4" ht="18" customHeight="1" x14ac:dyDescent="0.2">
      <c r="A31" s="31">
        <v>21</v>
      </c>
      <c r="B31" s="27">
        <v>72</v>
      </c>
      <c r="C31" s="28">
        <v>74</v>
      </c>
      <c r="D31" s="29">
        <v>146</v>
      </c>
    </row>
    <row r="32" spans="1:4" ht="18" customHeight="1" x14ac:dyDescent="0.2">
      <c r="A32" s="31">
        <v>22</v>
      </c>
      <c r="B32" s="27">
        <v>61</v>
      </c>
      <c r="C32" s="28">
        <v>72</v>
      </c>
      <c r="D32" s="29">
        <v>133</v>
      </c>
    </row>
    <row r="33" spans="1:4" ht="18" customHeight="1" x14ac:dyDescent="0.2">
      <c r="A33" s="31">
        <v>23</v>
      </c>
      <c r="B33" s="27">
        <v>80</v>
      </c>
      <c r="C33" s="28">
        <v>77</v>
      </c>
      <c r="D33" s="29">
        <v>157</v>
      </c>
    </row>
    <row r="34" spans="1:4" ht="18" customHeight="1" x14ac:dyDescent="0.2">
      <c r="A34" s="31">
        <v>24</v>
      </c>
      <c r="B34" s="27">
        <v>85</v>
      </c>
      <c r="C34" s="28">
        <v>63</v>
      </c>
      <c r="D34" s="29">
        <v>148</v>
      </c>
    </row>
    <row r="35" spans="1:4" ht="18" customHeight="1" x14ac:dyDescent="0.2">
      <c r="A35" s="31" t="s">
        <v>53</v>
      </c>
      <c r="B35" s="27">
        <v>353</v>
      </c>
      <c r="C35" s="28">
        <v>357</v>
      </c>
      <c r="D35" s="29">
        <v>710</v>
      </c>
    </row>
    <row r="36" spans="1:4" ht="18" customHeight="1" x14ac:dyDescent="0.2">
      <c r="A36" s="31">
        <v>25</v>
      </c>
      <c r="B36" s="27">
        <v>72</v>
      </c>
      <c r="C36" s="28">
        <v>75</v>
      </c>
      <c r="D36" s="29">
        <v>147</v>
      </c>
    </row>
    <row r="37" spans="1:4" ht="18" customHeight="1" x14ac:dyDescent="0.2">
      <c r="A37" s="31">
        <v>26</v>
      </c>
      <c r="B37" s="27">
        <v>85</v>
      </c>
      <c r="C37" s="28">
        <v>74</v>
      </c>
      <c r="D37" s="29">
        <v>159</v>
      </c>
    </row>
    <row r="38" spans="1:4" ht="18" customHeight="1" x14ac:dyDescent="0.2">
      <c r="A38" s="31">
        <v>27</v>
      </c>
      <c r="B38" s="27">
        <v>94</v>
      </c>
      <c r="C38" s="28">
        <v>82</v>
      </c>
      <c r="D38" s="29">
        <v>176</v>
      </c>
    </row>
    <row r="39" spans="1:4" ht="18" customHeight="1" x14ac:dyDescent="0.2">
      <c r="A39" s="31">
        <v>28</v>
      </c>
      <c r="B39" s="27">
        <v>91</v>
      </c>
      <c r="C39" s="28">
        <v>65</v>
      </c>
      <c r="D39" s="29">
        <v>156</v>
      </c>
    </row>
    <row r="40" spans="1:4" ht="18" customHeight="1" x14ac:dyDescent="0.2">
      <c r="A40" s="31">
        <v>29</v>
      </c>
      <c r="B40" s="27">
        <v>90</v>
      </c>
      <c r="C40" s="28">
        <v>68</v>
      </c>
      <c r="D40" s="29">
        <v>158</v>
      </c>
    </row>
    <row r="41" spans="1:4" ht="18" customHeight="1" x14ac:dyDescent="0.2">
      <c r="A41" s="31" t="s">
        <v>54</v>
      </c>
      <c r="B41" s="27">
        <v>432</v>
      </c>
      <c r="C41" s="28">
        <v>364</v>
      </c>
      <c r="D41" s="29">
        <v>796</v>
      </c>
    </row>
    <row r="42" spans="1:4" ht="18" customHeight="1" x14ac:dyDescent="0.2">
      <c r="A42" s="31">
        <v>30</v>
      </c>
      <c r="B42" s="27">
        <v>83</v>
      </c>
      <c r="C42" s="28">
        <v>49</v>
      </c>
      <c r="D42" s="29">
        <v>132</v>
      </c>
    </row>
    <row r="43" spans="1:4" ht="18" customHeight="1" x14ac:dyDescent="0.2">
      <c r="A43" s="31">
        <v>31</v>
      </c>
      <c r="B43" s="27">
        <v>69</v>
      </c>
      <c r="C43" s="28">
        <v>69</v>
      </c>
      <c r="D43" s="29">
        <v>138</v>
      </c>
    </row>
    <row r="44" spans="1:4" ht="18" customHeight="1" x14ac:dyDescent="0.2">
      <c r="A44" s="31">
        <v>32</v>
      </c>
      <c r="B44" s="27">
        <v>78</v>
      </c>
      <c r="C44" s="28">
        <v>81</v>
      </c>
      <c r="D44" s="29">
        <v>159</v>
      </c>
    </row>
    <row r="45" spans="1:4" ht="18" customHeight="1" x14ac:dyDescent="0.2">
      <c r="A45" s="31">
        <v>33</v>
      </c>
      <c r="B45" s="27">
        <v>86</v>
      </c>
      <c r="C45" s="28">
        <v>80</v>
      </c>
      <c r="D45" s="29">
        <v>166</v>
      </c>
    </row>
    <row r="46" spans="1:4" ht="18" customHeight="1" x14ac:dyDescent="0.2">
      <c r="A46" s="31">
        <v>34</v>
      </c>
      <c r="B46" s="27">
        <v>88</v>
      </c>
      <c r="C46" s="28">
        <v>75</v>
      </c>
      <c r="D46" s="29">
        <v>163</v>
      </c>
    </row>
    <row r="47" spans="1:4" ht="18" customHeight="1" x14ac:dyDescent="0.2">
      <c r="A47" s="31" t="s">
        <v>55</v>
      </c>
      <c r="B47" s="27">
        <v>404</v>
      </c>
      <c r="C47" s="28">
        <v>354</v>
      </c>
      <c r="D47" s="29">
        <v>758</v>
      </c>
    </row>
    <row r="48" spans="1:4" ht="18" customHeight="1" x14ac:dyDescent="0.2">
      <c r="A48" s="31">
        <v>35</v>
      </c>
      <c r="B48" s="27">
        <v>90</v>
      </c>
      <c r="C48" s="28">
        <v>80</v>
      </c>
      <c r="D48" s="29">
        <v>170</v>
      </c>
    </row>
    <row r="49" spans="1:4" ht="18" customHeight="1" x14ac:dyDescent="0.2">
      <c r="A49" s="31">
        <v>36</v>
      </c>
      <c r="B49" s="27">
        <v>88</v>
      </c>
      <c r="C49" s="28">
        <v>72</v>
      </c>
      <c r="D49" s="29">
        <v>160</v>
      </c>
    </row>
    <row r="50" spans="1:4" ht="18" customHeight="1" x14ac:dyDescent="0.2">
      <c r="A50" s="31">
        <v>37</v>
      </c>
      <c r="B50" s="27">
        <v>82</v>
      </c>
      <c r="C50" s="28">
        <v>80</v>
      </c>
      <c r="D50" s="29">
        <v>162</v>
      </c>
    </row>
    <row r="51" spans="1:4" ht="18" customHeight="1" x14ac:dyDescent="0.2">
      <c r="A51" s="31">
        <v>38</v>
      </c>
      <c r="B51" s="27">
        <v>74</v>
      </c>
      <c r="C51" s="28">
        <v>64</v>
      </c>
      <c r="D51" s="29">
        <v>138</v>
      </c>
    </row>
    <row r="52" spans="1:4" ht="18" customHeight="1" x14ac:dyDescent="0.2">
      <c r="A52" s="31">
        <v>39</v>
      </c>
      <c r="B52" s="27">
        <v>89</v>
      </c>
      <c r="C52" s="28">
        <v>60</v>
      </c>
      <c r="D52" s="29">
        <v>149</v>
      </c>
    </row>
    <row r="53" spans="1:4" ht="18" customHeight="1" x14ac:dyDescent="0.2">
      <c r="A53" s="31" t="s">
        <v>56</v>
      </c>
      <c r="B53" s="27">
        <v>423</v>
      </c>
      <c r="C53" s="28">
        <v>356</v>
      </c>
      <c r="D53" s="29">
        <v>779</v>
      </c>
    </row>
    <row r="54" spans="1:4" ht="18" customHeight="1" x14ac:dyDescent="0.2">
      <c r="A54" s="31">
        <v>40</v>
      </c>
      <c r="B54" s="27">
        <v>90</v>
      </c>
      <c r="C54" s="28">
        <v>84</v>
      </c>
      <c r="D54" s="29">
        <v>174</v>
      </c>
    </row>
    <row r="55" spans="1:4" ht="18" customHeight="1" x14ac:dyDescent="0.2">
      <c r="A55" s="31">
        <v>41</v>
      </c>
      <c r="B55" s="27">
        <v>109</v>
      </c>
      <c r="C55" s="28">
        <v>85</v>
      </c>
      <c r="D55" s="29">
        <v>194</v>
      </c>
    </row>
    <row r="56" spans="1:4" ht="18" customHeight="1" x14ac:dyDescent="0.2">
      <c r="A56" s="31">
        <v>42</v>
      </c>
      <c r="B56" s="27">
        <v>100</v>
      </c>
      <c r="C56" s="28">
        <v>102</v>
      </c>
      <c r="D56" s="29">
        <v>202</v>
      </c>
    </row>
    <row r="57" spans="1:4" ht="18" customHeight="1" x14ac:dyDescent="0.2">
      <c r="A57" s="31">
        <v>43</v>
      </c>
      <c r="B57" s="27">
        <v>94</v>
      </c>
      <c r="C57" s="28">
        <v>98</v>
      </c>
      <c r="D57" s="29">
        <v>192</v>
      </c>
    </row>
    <row r="58" spans="1:4" ht="18" customHeight="1" x14ac:dyDescent="0.2">
      <c r="A58" s="31">
        <v>44</v>
      </c>
      <c r="B58" s="27">
        <v>104</v>
      </c>
      <c r="C58" s="28">
        <v>115</v>
      </c>
      <c r="D58" s="29">
        <v>219</v>
      </c>
    </row>
    <row r="59" spans="1:4" ht="18" customHeight="1" x14ac:dyDescent="0.2">
      <c r="A59" s="31" t="s">
        <v>57</v>
      </c>
      <c r="B59" s="27">
        <v>497</v>
      </c>
      <c r="C59" s="28">
        <v>484</v>
      </c>
      <c r="D59" s="29">
        <v>981</v>
      </c>
    </row>
    <row r="60" spans="1:4" ht="18" customHeight="1" x14ac:dyDescent="0.2">
      <c r="A60" s="31">
        <v>45</v>
      </c>
      <c r="B60" s="27">
        <v>126</v>
      </c>
      <c r="C60" s="28">
        <v>98</v>
      </c>
      <c r="D60" s="29">
        <v>224</v>
      </c>
    </row>
    <row r="61" spans="1:4" ht="18" customHeight="1" x14ac:dyDescent="0.2">
      <c r="A61" s="31">
        <v>46</v>
      </c>
      <c r="B61" s="27">
        <v>121</v>
      </c>
      <c r="C61" s="28">
        <v>108</v>
      </c>
      <c r="D61" s="29">
        <v>229</v>
      </c>
    </row>
    <row r="62" spans="1:4" ht="18" customHeight="1" x14ac:dyDescent="0.2">
      <c r="A62" s="31">
        <v>47</v>
      </c>
      <c r="B62" s="27">
        <v>118</v>
      </c>
      <c r="C62" s="28">
        <v>89</v>
      </c>
      <c r="D62" s="29">
        <v>207</v>
      </c>
    </row>
    <row r="63" spans="1:4" ht="18" customHeight="1" x14ac:dyDescent="0.2">
      <c r="A63" s="31">
        <v>48</v>
      </c>
      <c r="B63" s="27">
        <v>106</v>
      </c>
      <c r="C63" s="28">
        <v>121</v>
      </c>
      <c r="D63" s="29">
        <v>227</v>
      </c>
    </row>
    <row r="64" spans="1:4" ht="18" customHeight="1" x14ac:dyDescent="0.2">
      <c r="A64" s="31">
        <v>49</v>
      </c>
      <c r="B64" s="27">
        <v>108</v>
      </c>
      <c r="C64" s="28">
        <v>109</v>
      </c>
      <c r="D64" s="29">
        <v>217</v>
      </c>
    </row>
    <row r="65" spans="1:4" ht="18" customHeight="1" x14ac:dyDescent="0.2">
      <c r="A65" s="31" t="s">
        <v>58</v>
      </c>
      <c r="B65" s="27">
        <v>579</v>
      </c>
      <c r="C65" s="28">
        <v>525</v>
      </c>
      <c r="D65" s="29">
        <v>1104</v>
      </c>
    </row>
    <row r="66" spans="1:4" ht="18" customHeight="1" x14ac:dyDescent="0.2">
      <c r="A66" s="31">
        <v>50</v>
      </c>
      <c r="B66" s="27">
        <v>102</v>
      </c>
      <c r="C66" s="28">
        <v>101</v>
      </c>
      <c r="D66" s="29">
        <v>203</v>
      </c>
    </row>
    <row r="67" spans="1:4" ht="18" customHeight="1" x14ac:dyDescent="0.2">
      <c r="A67" s="31">
        <v>51</v>
      </c>
      <c r="B67" s="27">
        <v>81</v>
      </c>
      <c r="C67" s="28">
        <v>96</v>
      </c>
      <c r="D67" s="29">
        <v>177</v>
      </c>
    </row>
    <row r="68" spans="1:4" ht="18" customHeight="1" x14ac:dyDescent="0.2">
      <c r="A68" s="31">
        <v>52</v>
      </c>
      <c r="B68" s="27">
        <v>74</v>
      </c>
      <c r="C68" s="28">
        <v>80</v>
      </c>
      <c r="D68" s="29">
        <v>154</v>
      </c>
    </row>
    <row r="69" spans="1:4" ht="18" customHeight="1" x14ac:dyDescent="0.2">
      <c r="A69" s="31">
        <v>53</v>
      </c>
      <c r="B69" s="27">
        <v>71</v>
      </c>
      <c r="C69" s="28">
        <v>67</v>
      </c>
      <c r="D69" s="29">
        <v>138</v>
      </c>
    </row>
    <row r="70" spans="1:4" ht="18" customHeight="1" x14ac:dyDescent="0.2">
      <c r="A70" s="31">
        <v>54</v>
      </c>
      <c r="B70" s="27">
        <v>86</v>
      </c>
      <c r="C70" s="28">
        <v>65</v>
      </c>
      <c r="D70" s="29">
        <v>151</v>
      </c>
    </row>
    <row r="71" spans="1:4" ht="18" customHeight="1" x14ac:dyDescent="0.2">
      <c r="A71" s="31" t="s">
        <v>59</v>
      </c>
      <c r="B71" s="27">
        <v>414</v>
      </c>
      <c r="C71" s="28">
        <v>409</v>
      </c>
      <c r="D71" s="29">
        <v>823</v>
      </c>
    </row>
    <row r="72" spans="1:4" ht="18" customHeight="1" x14ac:dyDescent="0.2">
      <c r="A72" s="31">
        <v>55</v>
      </c>
      <c r="B72" s="27">
        <v>78</v>
      </c>
      <c r="C72" s="28">
        <v>83</v>
      </c>
      <c r="D72" s="29">
        <v>161</v>
      </c>
    </row>
    <row r="73" spans="1:4" ht="18" customHeight="1" x14ac:dyDescent="0.2">
      <c r="A73" s="31">
        <v>56</v>
      </c>
      <c r="B73" s="27">
        <v>72</v>
      </c>
      <c r="C73" s="28">
        <v>70</v>
      </c>
      <c r="D73" s="29">
        <v>142</v>
      </c>
    </row>
    <row r="74" spans="1:4" ht="18" customHeight="1" x14ac:dyDescent="0.2">
      <c r="A74" s="31">
        <v>57</v>
      </c>
      <c r="B74" s="27">
        <v>65</v>
      </c>
      <c r="C74" s="28">
        <v>66</v>
      </c>
      <c r="D74" s="29">
        <v>131</v>
      </c>
    </row>
    <row r="75" spans="1:4" ht="18" customHeight="1" x14ac:dyDescent="0.2">
      <c r="A75" s="31">
        <v>58</v>
      </c>
      <c r="B75" s="27">
        <v>82</v>
      </c>
      <c r="C75" s="28">
        <v>82</v>
      </c>
      <c r="D75" s="29">
        <v>164</v>
      </c>
    </row>
    <row r="76" spans="1:4" ht="18" customHeight="1" x14ac:dyDescent="0.2">
      <c r="A76" s="31">
        <v>59</v>
      </c>
      <c r="B76" s="27">
        <v>73</v>
      </c>
      <c r="C76" s="28">
        <v>75</v>
      </c>
      <c r="D76" s="29">
        <v>148</v>
      </c>
    </row>
    <row r="77" spans="1:4" ht="18" customHeight="1" x14ac:dyDescent="0.2">
      <c r="A77" s="31" t="s">
        <v>60</v>
      </c>
      <c r="B77" s="27">
        <v>370</v>
      </c>
      <c r="C77" s="28">
        <v>376</v>
      </c>
      <c r="D77" s="29">
        <v>746</v>
      </c>
    </row>
    <row r="78" spans="1:4" ht="18" customHeight="1" x14ac:dyDescent="0.2">
      <c r="A78" s="31">
        <v>60</v>
      </c>
      <c r="B78" s="27">
        <v>51</v>
      </c>
      <c r="C78" s="28">
        <v>61</v>
      </c>
      <c r="D78" s="29">
        <v>112</v>
      </c>
    </row>
    <row r="79" spans="1:4" ht="18" customHeight="1" x14ac:dyDescent="0.2">
      <c r="A79" s="31">
        <v>61</v>
      </c>
      <c r="B79" s="27">
        <v>72</v>
      </c>
      <c r="C79" s="28">
        <v>76</v>
      </c>
      <c r="D79" s="29">
        <v>148</v>
      </c>
    </row>
    <row r="80" spans="1:4" ht="18" customHeight="1" x14ac:dyDescent="0.2">
      <c r="A80" s="31">
        <v>62</v>
      </c>
      <c r="B80" s="27">
        <v>63</v>
      </c>
      <c r="C80" s="28">
        <v>63</v>
      </c>
      <c r="D80" s="29">
        <v>126</v>
      </c>
    </row>
    <row r="81" spans="1:4" ht="18" customHeight="1" x14ac:dyDescent="0.2">
      <c r="A81" s="31">
        <v>63</v>
      </c>
      <c r="B81" s="27">
        <v>72</v>
      </c>
      <c r="C81" s="28">
        <v>58</v>
      </c>
      <c r="D81" s="29">
        <v>130</v>
      </c>
    </row>
    <row r="82" spans="1:4" ht="18" customHeight="1" x14ac:dyDescent="0.2">
      <c r="A82" s="31">
        <v>64</v>
      </c>
      <c r="B82" s="27">
        <v>65</v>
      </c>
      <c r="C82" s="28">
        <v>77</v>
      </c>
      <c r="D82" s="29">
        <v>142</v>
      </c>
    </row>
    <row r="83" spans="1:4" ht="18" customHeight="1" x14ac:dyDescent="0.2">
      <c r="A83" s="31" t="s">
        <v>61</v>
      </c>
      <c r="B83" s="27">
        <v>323</v>
      </c>
      <c r="C83" s="28">
        <v>335</v>
      </c>
      <c r="D83" s="29">
        <v>658</v>
      </c>
    </row>
    <row r="84" spans="1:4" ht="18" customHeight="1" x14ac:dyDescent="0.2">
      <c r="A84" s="31" t="s">
        <v>62</v>
      </c>
      <c r="B84" s="27">
        <v>4128</v>
      </c>
      <c r="C84" s="28">
        <v>3838</v>
      </c>
      <c r="D84" s="29">
        <v>7966</v>
      </c>
    </row>
    <row r="85" spans="1:4" ht="18" customHeight="1" x14ac:dyDescent="0.2">
      <c r="A85" s="31">
        <v>65</v>
      </c>
      <c r="B85" s="27">
        <v>85</v>
      </c>
      <c r="C85" s="28">
        <v>74</v>
      </c>
      <c r="D85" s="29">
        <v>159</v>
      </c>
    </row>
    <row r="86" spans="1:4" ht="18" customHeight="1" x14ac:dyDescent="0.2">
      <c r="A86" s="31">
        <v>66</v>
      </c>
      <c r="B86" s="27">
        <v>95</v>
      </c>
      <c r="C86" s="28">
        <v>72</v>
      </c>
      <c r="D86" s="29">
        <v>167</v>
      </c>
    </row>
    <row r="87" spans="1:4" ht="18" customHeight="1" x14ac:dyDescent="0.2">
      <c r="A87" s="31">
        <v>67</v>
      </c>
      <c r="B87" s="27">
        <v>72</v>
      </c>
      <c r="C87" s="28">
        <v>75</v>
      </c>
      <c r="D87" s="29">
        <v>147</v>
      </c>
    </row>
    <row r="88" spans="1:4" ht="18" customHeight="1" x14ac:dyDescent="0.2">
      <c r="A88" s="31">
        <v>68</v>
      </c>
      <c r="B88" s="27">
        <v>80</v>
      </c>
      <c r="C88" s="28">
        <v>82</v>
      </c>
      <c r="D88" s="29">
        <v>162</v>
      </c>
    </row>
    <row r="89" spans="1:4" ht="18" customHeight="1" x14ac:dyDescent="0.2">
      <c r="A89" s="31">
        <v>69</v>
      </c>
      <c r="B89" s="27">
        <v>89</v>
      </c>
      <c r="C89" s="28">
        <v>107</v>
      </c>
      <c r="D89" s="29">
        <v>196</v>
      </c>
    </row>
    <row r="90" spans="1:4" ht="18" customHeight="1" x14ac:dyDescent="0.2">
      <c r="A90" s="31" t="s">
        <v>63</v>
      </c>
      <c r="B90" s="27">
        <v>421</v>
      </c>
      <c r="C90" s="28">
        <v>410</v>
      </c>
      <c r="D90" s="29">
        <v>831</v>
      </c>
    </row>
    <row r="91" spans="1:4" ht="18" customHeight="1" x14ac:dyDescent="0.2">
      <c r="A91" s="31">
        <v>70</v>
      </c>
      <c r="B91" s="27">
        <v>90</v>
      </c>
      <c r="C91" s="28">
        <v>80</v>
      </c>
      <c r="D91" s="29">
        <v>170</v>
      </c>
    </row>
    <row r="92" spans="1:4" ht="18" customHeight="1" x14ac:dyDescent="0.2">
      <c r="A92" s="31">
        <v>71</v>
      </c>
      <c r="B92" s="27">
        <v>97</v>
      </c>
      <c r="C92" s="28">
        <v>117</v>
      </c>
      <c r="D92" s="29">
        <v>214</v>
      </c>
    </row>
    <row r="93" spans="1:4" ht="18" customHeight="1" x14ac:dyDescent="0.2">
      <c r="A93" s="31">
        <v>72</v>
      </c>
      <c r="B93" s="27">
        <v>93</v>
      </c>
      <c r="C93" s="28">
        <v>140</v>
      </c>
      <c r="D93" s="29">
        <v>233</v>
      </c>
    </row>
    <row r="94" spans="1:4" ht="18" customHeight="1" x14ac:dyDescent="0.2">
      <c r="A94" s="31">
        <v>73</v>
      </c>
      <c r="B94" s="27">
        <v>52</v>
      </c>
      <c r="C94" s="28">
        <v>50</v>
      </c>
      <c r="D94" s="29">
        <v>102</v>
      </c>
    </row>
    <row r="95" spans="1:4" ht="18" customHeight="1" x14ac:dyDescent="0.2">
      <c r="A95" s="31">
        <v>74</v>
      </c>
      <c r="B95" s="27">
        <v>48</v>
      </c>
      <c r="C95" s="28">
        <v>68</v>
      </c>
      <c r="D95" s="29">
        <v>116</v>
      </c>
    </row>
    <row r="96" spans="1:4" ht="18" customHeight="1" x14ac:dyDescent="0.2">
      <c r="A96" s="31" t="s">
        <v>64</v>
      </c>
      <c r="B96" s="27">
        <v>380</v>
      </c>
      <c r="C96" s="28">
        <v>455</v>
      </c>
      <c r="D96" s="29">
        <v>835</v>
      </c>
    </row>
    <row r="97" spans="1:4" ht="18" customHeight="1" x14ac:dyDescent="0.2">
      <c r="A97" s="31">
        <v>75</v>
      </c>
      <c r="B97" s="27">
        <v>60</v>
      </c>
      <c r="C97" s="28">
        <v>73</v>
      </c>
      <c r="D97" s="29">
        <v>133</v>
      </c>
    </row>
    <row r="98" spans="1:4" ht="18" customHeight="1" x14ac:dyDescent="0.2">
      <c r="A98" s="31">
        <v>76</v>
      </c>
      <c r="B98" s="27">
        <v>66</v>
      </c>
      <c r="C98" s="28">
        <v>64</v>
      </c>
      <c r="D98" s="29">
        <v>130</v>
      </c>
    </row>
    <row r="99" spans="1:4" ht="18" customHeight="1" x14ac:dyDescent="0.2">
      <c r="A99" s="31">
        <v>77</v>
      </c>
      <c r="B99" s="27">
        <v>72</v>
      </c>
      <c r="C99" s="28">
        <v>74</v>
      </c>
      <c r="D99" s="29">
        <v>146</v>
      </c>
    </row>
    <row r="100" spans="1:4" ht="18" customHeight="1" x14ac:dyDescent="0.2">
      <c r="A100" s="31">
        <v>78</v>
      </c>
      <c r="B100" s="27">
        <v>49</v>
      </c>
      <c r="C100" s="28">
        <v>58</v>
      </c>
      <c r="D100" s="29">
        <v>107</v>
      </c>
    </row>
    <row r="101" spans="1:4" ht="18" customHeight="1" x14ac:dyDescent="0.2">
      <c r="A101" s="31">
        <v>79</v>
      </c>
      <c r="B101" s="27">
        <v>52</v>
      </c>
      <c r="C101" s="28">
        <v>73</v>
      </c>
      <c r="D101" s="29">
        <v>125</v>
      </c>
    </row>
    <row r="102" spans="1:4" ht="18" customHeight="1" x14ac:dyDescent="0.2">
      <c r="A102" s="31" t="s">
        <v>65</v>
      </c>
      <c r="B102" s="27">
        <v>299</v>
      </c>
      <c r="C102" s="28">
        <v>342</v>
      </c>
      <c r="D102" s="29">
        <v>641</v>
      </c>
    </row>
    <row r="103" spans="1:4" ht="18" customHeight="1" x14ac:dyDescent="0.2">
      <c r="A103" s="31">
        <v>80</v>
      </c>
      <c r="B103" s="27">
        <v>32</v>
      </c>
      <c r="C103" s="28">
        <v>38</v>
      </c>
      <c r="D103" s="29">
        <v>70</v>
      </c>
    </row>
    <row r="104" spans="1:4" ht="18" customHeight="1" x14ac:dyDescent="0.2">
      <c r="A104" s="31">
        <v>81</v>
      </c>
      <c r="B104" s="27">
        <v>42</v>
      </c>
      <c r="C104" s="28">
        <v>55</v>
      </c>
      <c r="D104" s="29">
        <v>97</v>
      </c>
    </row>
    <row r="105" spans="1:4" ht="18" customHeight="1" x14ac:dyDescent="0.2">
      <c r="A105" s="31">
        <v>82</v>
      </c>
      <c r="B105" s="27">
        <v>38</v>
      </c>
      <c r="C105" s="28">
        <v>58</v>
      </c>
      <c r="D105" s="29">
        <v>96</v>
      </c>
    </row>
    <row r="106" spans="1:4" ht="18" customHeight="1" x14ac:dyDescent="0.2">
      <c r="A106" s="31">
        <v>83</v>
      </c>
      <c r="B106" s="27">
        <v>35</v>
      </c>
      <c r="C106" s="28">
        <v>57</v>
      </c>
      <c r="D106" s="29">
        <v>92</v>
      </c>
    </row>
    <row r="107" spans="1:4" ht="18" customHeight="1" x14ac:dyDescent="0.2">
      <c r="A107" s="31">
        <v>84</v>
      </c>
      <c r="B107" s="27">
        <v>24</v>
      </c>
      <c r="C107" s="28">
        <v>39</v>
      </c>
      <c r="D107" s="29">
        <v>63</v>
      </c>
    </row>
    <row r="108" spans="1:4" ht="18" customHeight="1" x14ac:dyDescent="0.2">
      <c r="A108" s="31" t="s">
        <v>66</v>
      </c>
      <c r="B108" s="27">
        <v>171</v>
      </c>
      <c r="C108" s="28">
        <v>247</v>
      </c>
      <c r="D108" s="29">
        <v>418</v>
      </c>
    </row>
    <row r="109" spans="1:4" ht="18" customHeight="1" x14ac:dyDescent="0.2">
      <c r="A109" s="31">
        <v>85</v>
      </c>
      <c r="B109" s="27">
        <v>24</v>
      </c>
      <c r="C109" s="28">
        <v>36</v>
      </c>
      <c r="D109" s="29">
        <v>60</v>
      </c>
    </row>
    <row r="110" spans="1:4" ht="18" customHeight="1" x14ac:dyDescent="0.2">
      <c r="A110" s="31">
        <v>86</v>
      </c>
      <c r="B110" s="27">
        <v>15</v>
      </c>
      <c r="C110" s="28">
        <v>39</v>
      </c>
      <c r="D110" s="29">
        <v>54</v>
      </c>
    </row>
    <row r="111" spans="1:4" ht="18" customHeight="1" x14ac:dyDescent="0.2">
      <c r="A111" s="31">
        <v>87</v>
      </c>
      <c r="B111" s="27">
        <v>19</v>
      </c>
      <c r="C111" s="28">
        <v>44</v>
      </c>
      <c r="D111" s="29">
        <v>63</v>
      </c>
    </row>
    <row r="112" spans="1:4" ht="18" customHeight="1" x14ac:dyDescent="0.2">
      <c r="A112" s="31">
        <v>88</v>
      </c>
      <c r="B112" s="27">
        <v>11</v>
      </c>
      <c r="C112" s="28">
        <v>33</v>
      </c>
      <c r="D112" s="29">
        <v>44</v>
      </c>
    </row>
    <row r="113" spans="1:4" ht="18" customHeight="1" x14ac:dyDescent="0.2">
      <c r="A113" s="31">
        <v>89</v>
      </c>
      <c r="B113" s="27">
        <v>11</v>
      </c>
      <c r="C113" s="28">
        <v>16</v>
      </c>
      <c r="D113" s="29">
        <v>27</v>
      </c>
    </row>
    <row r="114" spans="1:4" ht="18" customHeight="1" x14ac:dyDescent="0.2">
      <c r="A114" s="31" t="s">
        <v>67</v>
      </c>
      <c r="B114" s="27">
        <v>80</v>
      </c>
      <c r="C114" s="28">
        <v>168</v>
      </c>
      <c r="D114" s="29">
        <v>248</v>
      </c>
    </row>
    <row r="115" spans="1:4" ht="18" customHeight="1" x14ac:dyDescent="0.2">
      <c r="A115" s="31">
        <v>90</v>
      </c>
      <c r="B115" s="27">
        <v>9</v>
      </c>
      <c r="C115" s="28">
        <v>21</v>
      </c>
      <c r="D115" s="29">
        <v>30</v>
      </c>
    </row>
    <row r="116" spans="1:4" ht="18" customHeight="1" x14ac:dyDescent="0.2">
      <c r="A116" s="31">
        <v>91</v>
      </c>
      <c r="B116" s="27">
        <v>8</v>
      </c>
      <c r="C116" s="28">
        <v>23</v>
      </c>
      <c r="D116" s="29">
        <v>31</v>
      </c>
    </row>
    <row r="117" spans="1:4" ht="18" customHeight="1" x14ac:dyDescent="0.2">
      <c r="A117" s="31">
        <v>92</v>
      </c>
      <c r="B117" s="27">
        <v>3</v>
      </c>
      <c r="C117" s="28">
        <v>22</v>
      </c>
      <c r="D117" s="29">
        <v>25</v>
      </c>
    </row>
    <row r="118" spans="1:4" ht="18" customHeight="1" x14ac:dyDescent="0.2">
      <c r="A118" s="31">
        <v>93</v>
      </c>
      <c r="B118" s="27">
        <v>7</v>
      </c>
      <c r="C118" s="28">
        <v>11</v>
      </c>
      <c r="D118" s="29">
        <v>18</v>
      </c>
    </row>
    <row r="119" spans="1:4" ht="18" customHeight="1" x14ac:dyDescent="0.2">
      <c r="A119" s="31">
        <v>94</v>
      </c>
      <c r="B119" s="27">
        <v>1</v>
      </c>
      <c r="C119" s="28">
        <v>8</v>
      </c>
      <c r="D119" s="29">
        <v>9</v>
      </c>
    </row>
    <row r="120" spans="1:4" ht="18" customHeight="1" x14ac:dyDescent="0.2">
      <c r="A120" s="31" t="s">
        <v>68</v>
      </c>
      <c r="B120" s="27">
        <v>28</v>
      </c>
      <c r="C120" s="28">
        <v>85</v>
      </c>
      <c r="D120" s="29">
        <v>113</v>
      </c>
    </row>
    <row r="121" spans="1:4" ht="18" customHeight="1" x14ac:dyDescent="0.2">
      <c r="A121" s="31">
        <v>95</v>
      </c>
      <c r="B121" s="27">
        <v>3</v>
      </c>
      <c r="C121" s="28">
        <v>10</v>
      </c>
      <c r="D121" s="29">
        <v>13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69</v>
      </c>
      <c r="B126" s="27">
        <v>6</v>
      </c>
      <c r="C126" s="28">
        <v>24</v>
      </c>
      <c r="D126" s="29">
        <v>30</v>
      </c>
    </row>
    <row r="127" spans="1:4" ht="18" customHeight="1" x14ac:dyDescent="0.2">
      <c r="A127" s="31">
        <v>100</v>
      </c>
      <c r="B127" s="27">
        <v>0</v>
      </c>
      <c r="C127" s="28">
        <v>5</v>
      </c>
      <c r="D127" s="29">
        <v>5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1385</v>
      </c>
      <c r="C130" s="5">
        <v>1736</v>
      </c>
      <c r="D130" s="6">
        <v>3121</v>
      </c>
    </row>
    <row r="131" spans="1:4" ht="18" customHeight="1" x14ac:dyDescent="0.2">
      <c r="A131" s="33" t="s">
        <v>47</v>
      </c>
      <c r="B131" s="7">
        <v>6358</v>
      </c>
      <c r="C131" s="8">
        <v>6353</v>
      </c>
      <c r="D131" s="9">
        <v>127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21</v>
      </c>
      <c r="C5" s="37">
        <v>1156</v>
      </c>
      <c r="D5" s="39">
        <v>2377</v>
      </c>
    </row>
    <row r="6" spans="1:4" ht="18" customHeight="1" x14ac:dyDescent="0.2">
      <c r="A6" s="31">
        <v>1</v>
      </c>
      <c r="B6" s="35">
        <v>1242</v>
      </c>
      <c r="C6" s="28">
        <v>1184</v>
      </c>
      <c r="D6" s="29">
        <v>2426</v>
      </c>
    </row>
    <row r="7" spans="1:4" ht="18" customHeight="1" x14ac:dyDescent="0.2">
      <c r="A7" s="31">
        <v>2</v>
      </c>
      <c r="B7" s="35">
        <v>1228</v>
      </c>
      <c r="C7" s="28">
        <v>1133</v>
      </c>
      <c r="D7" s="29">
        <v>2361</v>
      </c>
    </row>
    <row r="8" spans="1:4" ht="18" customHeight="1" x14ac:dyDescent="0.2">
      <c r="A8" s="31">
        <v>3</v>
      </c>
      <c r="B8" s="35">
        <v>1267</v>
      </c>
      <c r="C8" s="28">
        <v>1249</v>
      </c>
      <c r="D8" s="29">
        <v>2516</v>
      </c>
    </row>
    <row r="9" spans="1:4" ht="18" customHeight="1" x14ac:dyDescent="0.2">
      <c r="A9" s="31">
        <v>4</v>
      </c>
      <c r="B9" s="36">
        <v>1284</v>
      </c>
      <c r="C9" s="38">
        <v>1203</v>
      </c>
      <c r="D9" s="40">
        <v>2487</v>
      </c>
    </row>
    <row r="10" spans="1:4" ht="18" customHeight="1" x14ac:dyDescent="0.2">
      <c r="A10" s="31" t="s">
        <v>48</v>
      </c>
      <c r="B10" s="27">
        <v>6242</v>
      </c>
      <c r="C10" s="28">
        <v>5925</v>
      </c>
      <c r="D10" s="29">
        <v>12167</v>
      </c>
    </row>
    <row r="11" spans="1:4" ht="18" customHeight="1" x14ac:dyDescent="0.2">
      <c r="A11" s="31">
        <v>5</v>
      </c>
      <c r="B11" s="35">
        <v>1241</v>
      </c>
      <c r="C11" s="28">
        <v>1245</v>
      </c>
      <c r="D11" s="29">
        <v>2486</v>
      </c>
    </row>
    <row r="12" spans="1:4" ht="18" customHeight="1" x14ac:dyDescent="0.2">
      <c r="A12" s="31">
        <v>6</v>
      </c>
      <c r="B12" s="35">
        <v>1273</v>
      </c>
      <c r="C12" s="28">
        <v>1224</v>
      </c>
      <c r="D12" s="29">
        <v>2497</v>
      </c>
    </row>
    <row r="13" spans="1:4" ht="18" customHeight="1" x14ac:dyDescent="0.2">
      <c r="A13" s="31">
        <v>7</v>
      </c>
      <c r="B13" s="35">
        <v>1315</v>
      </c>
      <c r="C13" s="28">
        <v>1264</v>
      </c>
      <c r="D13" s="29">
        <v>2579</v>
      </c>
    </row>
    <row r="14" spans="1:4" ht="18" customHeight="1" x14ac:dyDescent="0.2">
      <c r="A14" s="31">
        <v>8</v>
      </c>
      <c r="B14" s="35">
        <v>1347</v>
      </c>
      <c r="C14" s="28">
        <v>1252</v>
      </c>
      <c r="D14" s="29">
        <v>2599</v>
      </c>
    </row>
    <row r="15" spans="1:4" ht="18" customHeight="1" x14ac:dyDescent="0.2">
      <c r="A15" s="31">
        <v>9</v>
      </c>
      <c r="B15" s="35">
        <v>1341</v>
      </c>
      <c r="C15" s="28">
        <v>1262</v>
      </c>
      <c r="D15" s="29">
        <v>2603</v>
      </c>
    </row>
    <row r="16" spans="1:4" ht="18" customHeight="1" x14ac:dyDescent="0.2">
      <c r="A16" s="31" t="s">
        <v>49</v>
      </c>
      <c r="B16" s="27">
        <v>6517</v>
      </c>
      <c r="C16" s="28">
        <v>6247</v>
      </c>
      <c r="D16" s="29">
        <v>12764</v>
      </c>
    </row>
    <row r="17" spans="1:4" ht="18" customHeight="1" x14ac:dyDescent="0.2">
      <c r="A17" s="31">
        <v>10</v>
      </c>
      <c r="B17" s="27">
        <v>1331</v>
      </c>
      <c r="C17" s="28">
        <v>1269</v>
      </c>
      <c r="D17" s="29">
        <v>2600</v>
      </c>
    </row>
    <row r="18" spans="1:4" ht="18" customHeight="1" x14ac:dyDescent="0.2">
      <c r="A18" s="31">
        <v>11</v>
      </c>
      <c r="B18" s="27">
        <v>1388</v>
      </c>
      <c r="C18" s="28">
        <v>1353</v>
      </c>
      <c r="D18" s="29">
        <v>2741</v>
      </c>
    </row>
    <row r="19" spans="1:4" ht="18" customHeight="1" x14ac:dyDescent="0.2">
      <c r="A19" s="31">
        <v>12</v>
      </c>
      <c r="B19" s="27">
        <v>1331</v>
      </c>
      <c r="C19" s="28">
        <v>1325</v>
      </c>
      <c r="D19" s="29">
        <v>2656</v>
      </c>
    </row>
    <row r="20" spans="1:4" ht="18" customHeight="1" x14ac:dyDescent="0.2">
      <c r="A20" s="31">
        <v>13</v>
      </c>
      <c r="B20" s="27">
        <v>1413</v>
      </c>
      <c r="C20" s="28">
        <v>1326</v>
      </c>
      <c r="D20" s="29">
        <v>2739</v>
      </c>
    </row>
    <row r="21" spans="1:4" ht="18" customHeight="1" x14ac:dyDescent="0.2">
      <c r="A21" s="31">
        <v>14</v>
      </c>
      <c r="B21" s="27">
        <v>1387</v>
      </c>
      <c r="C21" s="28">
        <v>1304</v>
      </c>
      <c r="D21" s="29">
        <v>2691</v>
      </c>
    </row>
    <row r="22" spans="1:4" ht="18" customHeight="1" x14ac:dyDescent="0.2">
      <c r="A22" s="31" t="s">
        <v>50</v>
      </c>
      <c r="B22" s="27">
        <v>6850</v>
      </c>
      <c r="C22" s="28">
        <v>6577</v>
      </c>
      <c r="D22" s="29">
        <v>13427</v>
      </c>
    </row>
    <row r="23" spans="1:4" ht="18" customHeight="1" x14ac:dyDescent="0.2">
      <c r="A23" s="31" t="s">
        <v>51</v>
      </c>
      <c r="B23" s="27">
        <v>19609</v>
      </c>
      <c r="C23" s="28">
        <v>18749</v>
      </c>
      <c r="D23" s="29">
        <v>38358</v>
      </c>
    </row>
    <row r="24" spans="1:4" ht="18" customHeight="1" x14ac:dyDescent="0.2">
      <c r="A24" s="31">
        <v>15</v>
      </c>
      <c r="B24" s="27">
        <v>1446</v>
      </c>
      <c r="C24" s="28">
        <v>1426</v>
      </c>
      <c r="D24" s="29">
        <v>2872</v>
      </c>
    </row>
    <row r="25" spans="1:4" ht="18" customHeight="1" x14ac:dyDescent="0.2">
      <c r="A25" s="31">
        <v>16</v>
      </c>
      <c r="B25" s="27">
        <v>1417</v>
      </c>
      <c r="C25" s="28">
        <v>1401</v>
      </c>
      <c r="D25" s="29">
        <v>2818</v>
      </c>
    </row>
    <row r="26" spans="1:4" ht="18" customHeight="1" x14ac:dyDescent="0.2">
      <c r="A26" s="31">
        <v>17</v>
      </c>
      <c r="B26" s="27">
        <v>1543</v>
      </c>
      <c r="C26" s="28">
        <v>1435</v>
      </c>
      <c r="D26" s="29">
        <v>2978</v>
      </c>
    </row>
    <row r="27" spans="1:4" ht="18" customHeight="1" x14ac:dyDescent="0.2">
      <c r="A27" s="31">
        <v>18</v>
      </c>
      <c r="B27" s="27">
        <v>1588</v>
      </c>
      <c r="C27" s="28">
        <v>1461</v>
      </c>
      <c r="D27" s="29">
        <v>3049</v>
      </c>
    </row>
    <row r="28" spans="1:4" ht="18" customHeight="1" x14ac:dyDescent="0.2">
      <c r="A28" s="31">
        <v>19</v>
      </c>
      <c r="B28" s="27">
        <v>1654</v>
      </c>
      <c r="C28" s="28">
        <v>1452</v>
      </c>
      <c r="D28" s="29">
        <v>3106</v>
      </c>
    </row>
    <row r="29" spans="1:4" ht="18" customHeight="1" x14ac:dyDescent="0.2">
      <c r="A29" s="31" t="s">
        <v>52</v>
      </c>
      <c r="B29" s="27">
        <v>7648</v>
      </c>
      <c r="C29" s="28">
        <v>7175</v>
      </c>
      <c r="D29" s="29">
        <v>14823</v>
      </c>
    </row>
    <row r="30" spans="1:4" ht="18" customHeight="1" x14ac:dyDescent="0.2">
      <c r="A30" s="31">
        <v>20</v>
      </c>
      <c r="B30" s="27">
        <v>1614</v>
      </c>
      <c r="C30" s="28">
        <v>1491</v>
      </c>
      <c r="D30" s="29">
        <v>3105</v>
      </c>
    </row>
    <row r="31" spans="1:4" ht="18" customHeight="1" x14ac:dyDescent="0.2">
      <c r="A31" s="31">
        <v>21</v>
      </c>
      <c r="B31" s="27">
        <v>1653</v>
      </c>
      <c r="C31" s="28">
        <v>1468</v>
      </c>
      <c r="D31" s="29">
        <v>3121</v>
      </c>
    </row>
    <row r="32" spans="1:4" ht="18" customHeight="1" x14ac:dyDescent="0.2">
      <c r="A32" s="31">
        <v>22</v>
      </c>
      <c r="B32" s="27">
        <v>1658</v>
      </c>
      <c r="C32" s="28">
        <v>1407</v>
      </c>
      <c r="D32" s="29">
        <v>3065</v>
      </c>
    </row>
    <row r="33" spans="1:4" ht="18" customHeight="1" x14ac:dyDescent="0.2">
      <c r="A33" s="31">
        <v>23</v>
      </c>
      <c r="B33" s="27">
        <v>1636</v>
      </c>
      <c r="C33" s="28">
        <v>1433</v>
      </c>
      <c r="D33" s="29">
        <v>3069</v>
      </c>
    </row>
    <row r="34" spans="1:4" ht="18" customHeight="1" x14ac:dyDescent="0.2">
      <c r="A34" s="31">
        <v>24</v>
      </c>
      <c r="B34" s="27">
        <v>1767</v>
      </c>
      <c r="C34" s="28">
        <v>1471</v>
      </c>
      <c r="D34" s="29">
        <v>3238</v>
      </c>
    </row>
    <row r="35" spans="1:4" ht="18" customHeight="1" x14ac:dyDescent="0.2">
      <c r="A35" s="31" t="s">
        <v>53</v>
      </c>
      <c r="B35" s="27">
        <v>8328</v>
      </c>
      <c r="C35" s="28">
        <v>7270</v>
      </c>
      <c r="D35" s="29">
        <v>15598</v>
      </c>
    </row>
    <row r="36" spans="1:4" ht="18" customHeight="1" x14ac:dyDescent="0.2">
      <c r="A36" s="31">
        <v>25</v>
      </c>
      <c r="B36" s="27">
        <v>1588</v>
      </c>
      <c r="C36" s="28">
        <v>1465</v>
      </c>
      <c r="D36" s="29">
        <v>3053</v>
      </c>
    </row>
    <row r="37" spans="1:4" ht="18" customHeight="1" x14ac:dyDescent="0.2">
      <c r="A37" s="31">
        <v>26</v>
      </c>
      <c r="B37" s="27">
        <v>1596</v>
      </c>
      <c r="C37" s="28">
        <v>1453</v>
      </c>
      <c r="D37" s="29">
        <v>3049</v>
      </c>
    </row>
    <row r="38" spans="1:4" ht="18" customHeight="1" x14ac:dyDescent="0.2">
      <c r="A38" s="31">
        <v>27</v>
      </c>
      <c r="B38" s="27">
        <v>1578</v>
      </c>
      <c r="C38" s="28">
        <v>1408</v>
      </c>
      <c r="D38" s="29">
        <v>2986</v>
      </c>
    </row>
    <row r="39" spans="1:4" ht="18" customHeight="1" x14ac:dyDescent="0.2">
      <c r="A39" s="31">
        <v>28</v>
      </c>
      <c r="B39" s="27">
        <v>1597</v>
      </c>
      <c r="C39" s="28">
        <v>1455</v>
      </c>
      <c r="D39" s="29">
        <v>3052</v>
      </c>
    </row>
    <row r="40" spans="1:4" ht="18" customHeight="1" x14ac:dyDescent="0.2">
      <c r="A40" s="31">
        <v>29</v>
      </c>
      <c r="B40" s="27">
        <v>1757</v>
      </c>
      <c r="C40" s="28">
        <v>1484</v>
      </c>
      <c r="D40" s="29">
        <v>3241</v>
      </c>
    </row>
    <row r="41" spans="1:4" ht="18" customHeight="1" x14ac:dyDescent="0.2">
      <c r="A41" s="31" t="s">
        <v>54</v>
      </c>
      <c r="B41" s="27">
        <v>8116</v>
      </c>
      <c r="C41" s="28">
        <v>7265</v>
      </c>
      <c r="D41" s="29">
        <v>15381</v>
      </c>
    </row>
    <row r="42" spans="1:4" ht="18" customHeight="1" x14ac:dyDescent="0.2">
      <c r="A42" s="31">
        <v>30</v>
      </c>
      <c r="B42" s="27">
        <v>1694</v>
      </c>
      <c r="C42" s="28">
        <v>1542</v>
      </c>
      <c r="D42" s="29">
        <v>3236</v>
      </c>
    </row>
    <row r="43" spans="1:4" ht="18" customHeight="1" x14ac:dyDescent="0.2">
      <c r="A43" s="31">
        <v>31</v>
      </c>
      <c r="B43" s="27">
        <v>1735</v>
      </c>
      <c r="C43" s="28">
        <v>1542</v>
      </c>
      <c r="D43" s="29">
        <v>3277</v>
      </c>
    </row>
    <row r="44" spans="1:4" ht="18" customHeight="1" x14ac:dyDescent="0.2">
      <c r="A44" s="31">
        <v>32</v>
      </c>
      <c r="B44" s="27">
        <v>1712</v>
      </c>
      <c r="C44" s="28">
        <v>1621</v>
      </c>
      <c r="D44" s="29">
        <v>3333</v>
      </c>
    </row>
    <row r="45" spans="1:4" ht="18" customHeight="1" x14ac:dyDescent="0.2">
      <c r="A45" s="31">
        <v>33</v>
      </c>
      <c r="B45" s="27">
        <v>1807</v>
      </c>
      <c r="C45" s="28">
        <v>1678</v>
      </c>
      <c r="D45" s="29">
        <v>3485</v>
      </c>
    </row>
    <row r="46" spans="1:4" ht="18" customHeight="1" x14ac:dyDescent="0.2">
      <c r="A46" s="31">
        <v>34</v>
      </c>
      <c r="B46" s="27">
        <v>1868</v>
      </c>
      <c r="C46" s="28">
        <v>1719</v>
      </c>
      <c r="D46" s="29">
        <v>3587</v>
      </c>
    </row>
    <row r="47" spans="1:4" ht="18" customHeight="1" x14ac:dyDescent="0.2">
      <c r="A47" s="31" t="s">
        <v>55</v>
      </c>
      <c r="B47" s="27">
        <v>8816</v>
      </c>
      <c r="C47" s="28">
        <v>8102</v>
      </c>
      <c r="D47" s="29">
        <v>16918</v>
      </c>
    </row>
    <row r="48" spans="1:4" ht="18" customHeight="1" x14ac:dyDescent="0.2">
      <c r="A48" s="31">
        <v>35</v>
      </c>
      <c r="B48" s="27">
        <v>1945</v>
      </c>
      <c r="C48" s="28">
        <v>1738</v>
      </c>
      <c r="D48" s="29">
        <v>3683</v>
      </c>
    </row>
    <row r="49" spans="1:4" ht="18" customHeight="1" x14ac:dyDescent="0.2">
      <c r="A49" s="31">
        <v>36</v>
      </c>
      <c r="B49" s="27">
        <v>1908</v>
      </c>
      <c r="C49" s="28">
        <v>1672</v>
      </c>
      <c r="D49" s="29">
        <v>3580</v>
      </c>
    </row>
    <row r="50" spans="1:4" ht="18" customHeight="1" x14ac:dyDescent="0.2">
      <c r="A50" s="31">
        <v>37</v>
      </c>
      <c r="B50" s="27">
        <v>1945</v>
      </c>
      <c r="C50" s="28">
        <v>1775</v>
      </c>
      <c r="D50" s="29">
        <v>3720</v>
      </c>
    </row>
    <row r="51" spans="1:4" ht="18" customHeight="1" x14ac:dyDescent="0.2">
      <c r="A51" s="31">
        <v>38</v>
      </c>
      <c r="B51" s="27">
        <v>1851</v>
      </c>
      <c r="C51" s="28">
        <v>1782</v>
      </c>
      <c r="D51" s="29">
        <v>3633</v>
      </c>
    </row>
    <row r="52" spans="1:4" ht="18" customHeight="1" x14ac:dyDescent="0.2">
      <c r="A52" s="31">
        <v>39</v>
      </c>
      <c r="B52" s="27">
        <v>1942</v>
      </c>
      <c r="C52" s="28">
        <v>1900</v>
      </c>
      <c r="D52" s="29">
        <v>3842</v>
      </c>
    </row>
    <row r="53" spans="1:4" ht="18" customHeight="1" x14ac:dyDescent="0.2">
      <c r="A53" s="31" t="s">
        <v>56</v>
      </c>
      <c r="B53" s="27">
        <v>9591</v>
      </c>
      <c r="C53" s="28">
        <v>8867</v>
      </c>
      <c r="D53" s="29">
        <v>18458</v>
      </c>
    </row>
    <row r="54" spans="1:4" ht="18" customHeight="1" x14ac:dyDescent="0.2">
      <c r="A54" s="31">
        <v>40</v>
      </c>
      <c r="B54" s="27">
        <v>2047</v>
      </c>
      <c r="C54" s="28">
        <v>1996</v>
      </c>
      <c r="D54" s="29">
        <v>4043</v>
      </c>
    </row>
    <row r="55" spans="1:4" ht="18" customHeight="1" x14ac:dyDescent="0.2">
      <c r="A55" s="31">
        <v>41</v>
      </c>
      <c r="B55" s="27">
        <v>2284</v>
      </c>
      <c r="C55" s="28">
        <v>2053</v>
      </c>
      <c r="D55" s="29">
        <v>4337</v>
      </c>
    </row>
    <row r="56" spans="1:4" ht="18" customHeight="1" x14ac:dyDescent="0.2">
      <c r="A56" s="31">
        <v>42</v>
      </c>
      <c r="B56" s="27">
        <v>2310</v>
      </c>
      <c r="C56" s="28">
        <v>2150</v>
      </c>
      <c r="D56" s="29">
        <v>4460</v>
      </c>
    </row>
    <row r="57" spans="1:4" ht="18" customHeight="1" x14ac:dyDescent="0.2">
      <c r="A57" s="31">
        <v>43</v>
      </c>
      <c r="B57" s="27">
        <v>2440</v>
      </c>
      <c r="C57" s="28">
        <v>2231</v>
      </c>
      <c r="D57" s="29">
        <v>4671</v>
      </c>
    </row>
    <row r="58" spans="1:4" ht="18" customHeight="1" x14ac:dyDescent="0.2">
      <c r="A58" s="31">
        <v>44</v>
      </c>
      <c r="B58" s="27">
        <v>2604</v>
      </c>
      <c r="C58" s="28">
        <v>2565</v>
      </c>
      <c r="D58" s="29">
        <v>5169</v>
      </c>
    </row>
    <row r="59" spans="1:4" ht="18" customHeight="1" x14ac:dyDescent="0.2">
      <c r="A59" s="31" t="s">
        <v>57</v>
      </c>
      <c r="B59" s="27">
        <v>11685</v>
      </c>
      <c r="C59" s="28">
        <v>10995</v>
      </c>
      <c r="D59" s="29">
        <v>22680</v>
      </c>
    </row>
    <row r="60" spans="1:4" ht="18" customHeight="1" x14ac:dyDescent="0.2">
      <c r="A60" s="31">
        <v>45</v>
      </c>
      <c r="B60" s="27">
        <v>2723</v>
      </c>
      <c r="C60" s="28">
        <v>2641</v>
      </c>
      <c r="D60" s="29">
        <v>5364</v>
      </c>
    </row>
    <row r="61" spans="1:4" ht="18" customHeight="1" x14ac:dyDescent="0.2">
      <c r="A61" s="31">
        <v>46</v>
      </c>
      <c r="B61" s="27">
        <v>2750</v>
      </c>
      <c r="C61" s="28">
        <v>2661</v>
      </c>
      <c r="D61" s="29">
        <v>5411</v>
      </c>
    </row>
    <row r="62" spans="1:4" ht="18" customHeight="1" x14ac:dyDescent="0.2">
      <c r="A62" s="31">
        <v>47</v>
      </c>
      <c r="B62" s="27">
        <v>2770</v>
      </c>
      <c r="C62" s="28">
        <v>2615</v>
      </c>
      <c r="D62" s="29">
        <v>5385</v>
      </c>
    </row>
    <row r="63" spans="1:4" ht="18" customHeight="1" x14ac:dyDescent="0.2">
      <c r="A63" s="31">
        <v>48</v>
      </c>
      <c r="B63" s="27">
        <v>2587</v>
      </c>
      <c r="C63" s="28">
        <v>2506</v>
      </c>
      <c r="D63" s="29">
        <v>5093</v>
      </c>
    </row>
    <row r="64" spans="1:4" ht="18" customHeight="1" x14ac:dyDescent="0.2">
      <c r="A64" s="31">
        <v>49</v>
      </c>
      <c r="B64" s="27">
        <v>2498</v>
      </c>
      <c r="C64" s="28">
        <v>2275</v>
      </c>
      <c r="D64" s="29">
        <v>4773</v>
      </c>
    </row>
    <row r="65" spans="1:4" ht="18" customHeight="1" x14ac:dyDescent="0.2">
      <c r="A65" s="31" t="s">
        <v>58</v>
      </c>
      <c r="B65" s="27">
        <v>13328</v>
      </c>
      <c r="C65" s="28">
        <v>12698</v>
      </c>
      <c r="D65" s="29">
        <v>26026</v>
      </c>
    </row>
    <row r="66" spans="1:4" ht="18" customHeight="1" x14ac:dyDescent="0.2">
      <c r="A66" s="31">
        <v>50</v>
      </c>
      <c r="B66" s="27">
        <v>2480</v>
      </c>
      <c r="C66" s="28">
        <v>2266</v>
      </c>
      <c r="D66" s="29">
        <v>4746</v>
      </c>
    </row>
    <row r="67" spans="1:4" ht="18" customHeight="1" x14ac:dyDescent="0.2">
      <c r="A67" s="31">
        <v>51</v>
      </c>
      <c r="B67" s="27">
        <v>2262</v>
      </c>
      <c r="C67" s="28">
        <v>2195</v>
      </c>
      <c r="D67" s="29">
        <v>4457</v>
      </c>
    </row>
    <row r="68" spans="1:4" ht="18" customHeight="1" x14ac:dyDescent="0.2">
      <c r="A68" s="31">
        <v>52</v>
      </c>
      <c r="B68" s="27">
        <v>2257</v>
      </c>
      <c r="C68" s="28">
        <v>2189</v>
      </c>
      <c r="D68" s="29">
        <v>4446</v>
      </c>
    </row>
    <row r="69" spans="1:4" ht="18" customHeight="1" x14ac:dyDescent="0.2">
      <c r="A69" s="31">
        <v>53</v>
      </c>
      <c r="B69" s="27">
        <v>1692</v>
      </c>
      <c r="C69" s="28">
        <v>1719</v>
      </c>
      <c r="D69" s="29">
        <v>3411</v>
      </c>
    </row>
    <row r="70" spans="1:4" ht="18" customHeight="1" x14ac:dyDescent="0.2">
      <c r="A70" s="31">
        <v>54</v>
      </c>
      <c r="B70" s="27">
        <v>2050</v>
      </c>
      <c r="C70" s="28">
        <v>2140</v>
      </c>
      <c r="D70" s="29">
        <v>4190</v>
      </c>
    </row>
    <row r="71" spans="1:4" ht="18" customHeight="1" x14ac:dyDescent="0.2">
      <c r="A71" s="31" t="s">
        <v>59</v>
      </c>
      <c r="B71" s="27">
        <v>10741</v>
      </c>
      <c r="C71" s="28">
        <v>10509</v>
      </c>
      <c r="D71" s="29">
        <v>21250</v>
      </c>
    </row>
    <row r="72" spans="1:4" ht="18" customHeight="1" x14ac:dyDescent="0.2">
      <c r="A72" s="31">
        <v>55</v>
      </c>
      <c r="B72" s="27">
        <v>1966</v>
      </c>
      <c r="C72" s="28">
        <v>1951</v>
      </c>
      <c r="D72" s="29">
        <v>3917</v>
      </c>
    </row>
    <row r="73" spans="1:4" ht="18" customHeight="1" x14ac:dyDescent="0.2">
      <c r="A73" s="31">
        <v>56</v>
      </c>
      <c r="B73" s="27">
        <v>2000</v>
      </c>
      <c r="C73" s="28">
        <v>1954</v>
      </c>
      <c r="D73" s="29">
        <v>3954</v>
      </c>
    </row>
    <row r="74" spans="1:4" ht="18" customHeight="1" x14ac:dyDescent="0.2">
      <c r="A74" s="31">
        <v>57</v>
      </c>
      <c r="B74" s="27">
        <v>1734</v>
      </c>
      <c r="C74" s="28">
        <v>1753</v>
      </c>
      <c r="D74" s="29">
        <v>3487</v>
      </c>
    </row>
    <row r="75" spans="1:4" ht="18" customHeight="1" x14ac:dyDescent="0.2">
      <c r="A75" s="31">
        <v>58</v>
      </c>
      <c r="B75" s="27">
        <v>1765</v>
      </c>
      <c r="C75" s="28">
        <v>1847</v>
      </c>
      <c r="D75" s="29">
        <v>3612</v>
      </c>
    </row>
    <row r="76" spans="1:4" ht="18" customHeight="1" x14ac:dyDescent="0.2">
      <c r="A76" s="31">
        <v>59</v>
      </c>
      <c r="B76" s="27">
        <v>1801</v>
      </c>
      <c r="C76" s="28">
        <v>1883</v>
      </c>
      <c r="D76" s="29">
        <v>3684</v>
      </c>
    </row>
    <row r="77" spans="1:4" ht="18" customHeight="1" x14ac:dyDescent="0.2">
      <c r="A77" s="31" t="s">
        <v>60</v>
      </c>
      <c r="B77" s="27">
        <v>9266</v>
      </c>
      <c r="C77" s="28">
        <v>9388</v>
      </c>
      <c r="D77" s="29">
        <v>18654</v>
      </c>
    </row>
    <row r="78" spans="1:4" ht="18" customHeight="1" x14ac:dyDescent="0.2">
      <c r="A78" s="31">
        <v>60</v>
      </c>
      <c r="B78" s="27">
        <v>1762</v>
      </c>
      <c r="C78" s="28">
        <v>1902</v>
      </c>
      <c r="D78" s="29">
        <v>3664</v>
      </c>
    </row>
    <row r="79" spans="1:4" ht="18" customHeight="1" x14ac:dyDescent="0.2">
      <c r="A79" s="31">
        <v>61</v>
      </c>
      <c r="B79" s="27">
        <v>1716</v>
      </c>
      <c r="C79" s="28">
        <v>1812</v>
      </c>
      <c r="D79" s="29">
        <v>3528</v>
      </c>
    </row>
    <row r="80" spans="1:4" ht="18" customHeight="1" x14ac:dyDescent="0.2">
      <c r="A80" s="31">
        <v>62</v>
      </c>
      <c r="B80" s="27">
        <v>1688</v>
      </c>
      <c r="C80" s="28">
        <v>1712</v>
      </c>
      <c r="D80" s="29">
        <v>3400</v>
      </c>
    </row>
    <row r="81" spans="1:4" ht="18" customHeight="1" x14ac:dyDescent="0.2">
      <c r="A81" s="31">
        <v>63</v>
      </c>
      <c r="B81" s="27">
        <v>1727</v>
      </c>
      <c r="C81" s="28">
        <v>1860</v>
      </c>
      <c r="D81" s="29">
        <v>3587</v>
      </c>
    </row>
    <row r="82" spans="1:4" ht="18" customHeight="1" x14ac:dyDescent="0.2">
      <c r="A82" s="31">
        <v>64</v>
      </c>
      <c r="B82" s="27">
        <v>1906</v>
      </c>
      <c r="C82" s="28">
        <v>2010</v>
      </c>
      <c r="D82" s="29">
        <v>3916</v>
      </c>
    </row>
    <row r="83" spans="1:4" ht="18" customHeight="1" x14ac:dyDescent="0.2">
      <c r="A83" s="31" t="s">
        <v>61</v>
      </c>
      <c r="B83" s="27">
        <v>8799</v>
      </c>
      <c r="C83" s="28">
        <v>9296</v>
      </c>
      <c r="D83" s="29">
        <v>18095</v>
      </c>
    </row>
    <row r="84" spans="1:4" ht="18" customHeight="1" x14ac:dyDescent="0.2">
      <c r="A84" s="31" t="s">
        <v>62</v>
      </c>
      <c r="B84" s="27">
        <v>96318</v>
      </c>
      <c r="C84" s="28">
        <v>91565</v>
      </c>
      <c r="D84" s="29">
        <v>187883</v>
      </c>
    </row>
    <row r="85" spans="1:4" ht="18" customHeight="1" x14ac:dyDescent="0.2">
      <c r="A85" s="31">
        <v>65</v>
      </c>
      <c r="B85" s="27">
        <v>1816</v>
      </c>
      <c r="C85" s="28">
        <v>1891</v>
      </c>
      <c r="D85" s="29">
        <v>3707</v>
      </c>
    </row>
    <row r="86" spans="1:4" ht="18" customHeight="1" x14ac:dyDescent="0.2">
      <c r="A86" s="31">
        <v>66</v>
      </c>
      <c r="B86" s="27">
        <v>1970</v>
      </c>
      <c r="C86" s="28">
        <v>2193</v>
      </c>
      <c r="D86" s="29">
        <v>4163</v>
      </c>
    </row>
    <row r="87" spans="1:4" ht="18" customHeight="1" x14ac:dyDescent="0.2">
      <c r="A87" s="31">
        <v>67</v>
      </c>
      <c r="B87" s="27">
        <v>1993</v>
      </c>
      <c r="C87" s="28">
        <v>2177</v>
      </c>
      <c r="D87" s="29">
        <v>4170</v>
      </c>
    </row>
    <row r="88" spans="1:4" ht="18" customHeight="1" x14ac:dyDescent="0.2">
      <c r="A88" s="31">
        <v>68</v>
      </c>
      <c r="B88" s="27">
        <v>2059</v>
      </c>
      <c r="C88" s="28">
        <v>2295</v>
      </c>
      <c r="D88" s="29">
        <v>4354</v>
      </c>
    </row>
    <row r="89" spans="1:4" ht="18" customHeight="1" x14ac:dyDescent="0.2">
      <c r="A89" s="31">
        <v>69</v>
      </c>
      <c r="B89" s="27">
        <v>2361</v>
      </c>
      <c r="C89" s="28">
        <v>2731</v>
      </c>
      <c r="D89" s="29">
        <v>5092</v>
      </c>
    </row>
    <row r="90" spans="1:4" ht="18" customHeight="1" x14ac:dyDescent="0.2">
      <c r="A90" s="31" t="s">
        <v>63</v>
      </c>
      <c r="B90" s="27">
        <v>10199</v>
      </c>
      <c r="C90" s="28">
        <v>11287</v>
      </c>
      <c r="D90" s="29">
        <v>21486</v>
      </c>
    </row>
    <row r="91" spans="1:4" ht="18" customHeight="1" x14ac:dyDescent="0.2">
      <c r="A91" s="31">
        <v>70</v>
      </c>
      <c r="B91" s="27">
        <v>2707</v>
      </c>
      <c r="C91" s="28">
        <v>2920</v>
      </c>
      <c r="D91" s="29">
        <v>5627</v>
      </c>
    </row>
    <row r="92" spans="1:4" ht="18" customHeight="1" x14ac:dyDescent="0.2">
      <c r="A92" s="31">
        <v>71</v>
      </c>
      <c r="B92" s="27">
        <v>2603</v>
      </c>
      <c r="C92" s="28">
        <v>3026</v>
      </c>
      <c r="D92" s="29">
        <v>5629</v>
      </c>
    </row>
    <row r="93" spans="1:4" ht="18" customHeight="1" x14ac:dyDescent="0.2">
      <c r="A93" s="31">
        <v>72</v>
      </c>
      <c r="B93" s="27">
        <v>2771</v>
      </c>
      <c r="C93" s="28">
        <v>3299</v>
      </c>
      <c r="D93" s="29">
        <v>6070</v>
      </c>
    </row>
    <row r="94" spans="1:4" ht="18" customHeight="1" x14ac:dyDescent="0.2">
      <c r="A94" s="31">
        <v>73</v>
      </c>
      <c r="B94" s="27">
        <v>1437</v>
      </c>
      <c r="C94" s="28">
        <v>1664</v>
      </c>
      <c r="D94" s="29">
        <v>3101</v>
      </c>
    </row>
    <row r="95" spans="1:4" ht="18" customHeight="1" x14ac:dyDescent="0.2">
      <c r="A95" s="31">
        <v>74</v>
      </c>
      <c r="B95" s="27">
        <v>1538</v>
      </c>
      <c r="C95" s="28">
        <v>1862</v>
      </c>
      <c r="D95" s="29">
        <v>3400</v>
      </c>
    </row>
    <row r="96" spans="1:4" ht="18" customHeight="1" x14ac:dyDescent="0.2">
      <c r="A96" s="31" t="s">
        <v>64</v>
      </c>
      <c r="B96" s="27">
        <v>11056</v>
      </c>
      <c r="C96" s="28">
        <v>12771</v>
      </c>
      <c r="D96" s="29">
        <v>23827</v>
      </c>
    </row>
    <row r="97" spans="1:4" ht="18" customHeight="1" x14ac:dyDescent="0.2">
      <c r="A97" s="31">
        <v>75</v>
      </c>
      <c r="B97" s="27">
        <v>1950</v>
      </c>
      <c r="C97" s="28">
        <v>2458</v>
      </c>
      <c r="D97" s="29">
        <v>4408</v>
      </c>
    </row>
    <row r="98" spans="1:4" ht="18" customHeight="1" x14ac:dyDescent="0.2">
      <c r="A98" s="31">
        <v>76</v>
      </c>
      <c r="B98" s="27">
        <v>1782</v>
      </c>
      <c r="C98" s="28">
        <v>2231</v>
      </c>
      <c r="D98" s="29">
        <v>4013</v>
      </c>
    </row>
    <row r="99" spans="1:4" ht="18" customHeight="1" x14ac:dyDescent="0.2">
      <c r="A99" s="31">
        <v>77</v>
      </c>
      <c r="B99" s="27">
        <v>1874</v>
      </c>
      <c r="C99" s="28">
        <v>2434</v>
      </c>
      <c r="D99" s="29">
        <v>4308</v>
      </c>
    </row>
    <row r="100" spans="1:4" ht="18" customHeight="1" x14ac:dyDescent="0.2">
      <c r="A100" s="31">
        <v>78</v>
      </c>
      <c r="B100" s="27">
        <v>1658</v>
      </c>
      <c r="C100" s="28">
        <v>2140</v>
      </c>
      <c r="D100" s="29">
        <v>3798</v>
      </c>
    </row>
    <row r="101" spans="1:4" ht="18" customHeight="1" x14ac:dyDescent="0.2">
      <c r="A101" s="31">
        <v>79</v>
      </c>
      <c r="B101" s="27">
        <v>1517</v>
      </c>
      <c r="C101" s="28">
        <v>1902</v>
      </c>
      <c r="D101" s="29">
        <v>3419</v>
      </c>
    </row>
    <row r="102" spans="1:4" ht="18" customHeight="1" x14ac:dyDescent="0.2">
      <c r="A102" s="31" t="s">
        <v>65</v>
      </c>
      <c r="B102" s="27">
        <v>8781</v>
      </c>
      <c r="C102" s="28">
        <v>11165</v>
      </c>
      <c r="D102" s="29">
        <v>19946</v>
      </c>
    </row>
    <row r="103" spans="1:4" ht="18" customHeight="1" x14ac:dyDescent="0.2">
      <c r="A103" s="31">
        <v>80</v>
      </c>
      <c r="B103" s="27">
        <v>1173</v>
      </c>
      <c r="C103" s="28">
        <v>1529</v>
      </c>
      <c r="D103" s="29">
        <v>2702</v>
      </c>
    </row>
    <row r="104" spans="1:4" ht="18" customHeight="1" x14ac:dyDescent="0.2">
      <c r="A104" s="31">
        <v>81</v>
      </c>
      <c r="B104" s="27">
        <v>1122</v>
      </c>
      <c r="C104" s="28">
        <v>1604</v>
      </c>
      <c r="D104" s="29">
        <v>2726</v>
      </c>
    </row>
    <row r="105" spans="1:4" ht="18" customHeight="1" x14ac:dyDescent="0.2">
      <c r="A105" s="31">
        <v>82</v>
      </c>
      <c r="B105" s="27">
        <v>1134</v>
      </c>
      <c r="C105" s="28">
        <v>1686</v>
      </c>
      <c r="D105" s="29">
        <v>2820</v>
      </c>
    </row>
    <row r="106" spans="1:4" ht="18" customHeight="1" x14ac:dyDescent="0.2">
      <c r="A106" s="31">
        <v>83</v>
      </c>
      <c r="B106" s="27">
        <v>1105</v>
      </c>
      <c r="C106" s="28">
        <v>1864</v>
      </c>
      <c r="D106" s="29">
        <v>2969</v>
      </c>
    </row>
    <row r="107" spans="1:4" ht="18" customHeight="1" x14ac:dyDescent="0.2">
      <c r="A107" s="31">
        <v>84</v>
      </c>
      <c r="B107" s="27">
        <v>900</v>
      </c>
      <c r="C107" s="28">
        <v>1379</v>
      </c>
      <c r="D107" s="29">
        <v>2279</v>
      </c>
    </row>
    <row r="108" spans="1:4" ht="18" customHeight="1" x14ac:dyDescent="0.2">
      <c r="A108" s="31" t="s">
        <v>66</v>
      </c>
      <c r="B108" s="27">
        <v>5434</v>
      </c>
      <c r="C108" s="28">
        <v>8062</v>
      </c>
      <c r="D108" s="29">
        <v>13496</v>
      </c>
    </row>
    <row r="109" spans="1:4" ht="18" customHeight="1" x14ac:dyDescent="0.2">
      <c r="A109" s="31">
        <v>85</v>
      </c>
      <c r="B109" s="27">
        <v>857</v>
      </c>
      <c r="C109" s="28">
        <v>1469</v>
      </c>
      <c r="D109" s="29">
        <v>2326</v>
      </c>
    </row>
    <row r="110" spans="1:4" ht="18" customHeight="1" x14ac:dyDescent="0.2">
      <c r="A110" s="31">
        <v>86</v>
      </c>
      <c r="B110" s="27">
        <v>767</v>
      </c>
      <c r="C110" s="28">
        <v>1465</v>
      </c>
      <c r="D110" s="29">
        <v>2232</v>
      </c>
    </row>
    <row r="111" spans="1:4" ht="18" customHeight="1" x14ac:dyDescent="0.2">
      <c r="A111" s="31">
        <v>87</v>
      </c>
      <c r="B111" s="27">
        <v>583</v>
      </c>
      <c r="C111" s="28">
        <v>1333</v>
      </c>
      <c r="D111" s="29">
        <v>1916</v>
      </c>
    </row>
    <row r="112" spans="1:4" ht="18" customHeight="1" x14ac:dyDescent="0.2">
      <c r="A112" s="31">
        <v>88</v>
      </c>
      <c r="B112" s="27">
        <v>565</v>
      </c>
      <c r="C112" s="28">
        <v>1169</v>
      </c>
      <c r="D112" s="29">
        <v>1734</v>
      </c>
    </row>
    <row r="113" spans="1:4" ht="18" customHeight="1" x14ac:dyDescent="0.2">
      <c r="A113" s="31">
        <v>89</v>
      </c>
      <c r="B113" s="27">
        <v>413</v>
      </c>
      <c r="C113" s="28">
        <v>964</v>
      </c>
      <c r="D113" s="29">
        <v>1377</v>
      </c>
    </row>
    <row r="114" spans="1:4" ht="18" customHeight="1" x14ac:dyDescent="0.2">
      <c r="A114" s="31" t="s">
        <v>67</v>
      </c>
      <c r="B114" s="27">
        <v>3185</v>
      </c>
      <c r="C114" s="28">
        <v>6400</v>
      </c>
      <c r="D114" s="29">
        <v>9585</v>
      </c>
    </row>
    <row r="115" spans="1:4" ht="18" customHeight="1" x14ac:dyDescent="0.2">
      <c r="A115" s="31">
        <v>90</v>
      </c>
      <c r="B115" s="27">
        <v>346</v>
      </c>
      <c r="C115" s="28">
        <v>973</v>
      </c>
      <c r="D115" s="29">
        <v>1319</v>
      </c>
    </row>
    <row r="116" spans="1:4" ht="18" customHeight="1" x14ac:dyDescent="0.2">
      <c r="A116" s="31">
        <v>91</v>
      </c>
      <c r="B116" s="27">
        <v>308</v>
      </c>
      <c r="C116" s="28">
        <v>768</v>
      </c>
      <c r="D116" s="29">
        <v>1076</v>
      </c>
    </row>
    <row r="117" spans="1:4" ht="18" customHeight="1" x14ac:dyDescent="0.2">
      <c r="A117" s="31">
        <v>92</v>
      </c>
      <c r="B117" s="27">
        <v>236</v>
      </c>
      <c r="C117" s="28">
        <v>671</v>
      </c>
      <c r="D117" s="29">
        <v>907</v>
      </c>
    </row>
    <row r="118" spans="1:4" ht="18" customHeight="1" x14ac:dyDescent="0.2">
      <c r="A118" s="31">
        <v>93</v>
      </c>
      <c r="B118" s="27">
        <v>169</v>
      </c>
      <c r="C118" s="28">
        <v>550</v>
      </c>
      <c r="D118" s="29">
        <v>719</v>
      </c>
    </row>
    <row r="119" spans="1:4" ht="18" customHeight="1" x14ac:dyDescent="0.2">
      <c r="A119" s="31">
        <v>94</v>
      </c>
      <c r="B119" s="27">
        <v>114</v>
      </c>
      <c r="C119" s="28">
        <v>485</v>
      </c>
      <c r="D119" s="29">
        <v>599</v>
      </c>
    </row>
    <row r="120" spans="1:4" ht="18" customHeight="1" x14ac:dyDescent="0.2">
      <c r="A120" s="31" t="s">
        <v>68</v>
      </c>
      <c r="B120" s="27">
        <v>1173</v>
      </c>
      <c r="C120" s="28">
        <v>3447</v>
      </c>
      <c r="D120" s="29">
        <v>4620</v>
      </c>
    </row>
    <row r="121" spans="1:4" ht="18" customHeight="1" x14ac:dyDescent="0.2">
      <c r="A121" s="31">
        <v>95</v>
      </c>
      <c r="B121" s="27">
        <v>97</v>
      </c>
      <c r="C121" s="28">
        <v>351</v>
      </c>
      <c r="D121" s="29">
        <v>448</v>
      </c>
    </row>
    <row r="122" spans="1:4" ht="18" customHeight="1" x14ac:dyDescent="0.2">
      <c r="A122" s="31">
        <v>96</v>
      </c>
      <c r="B122" s="27">
        <v>56</v>
      </c>
      <c r="C122" s="28">
        <v>264</v>
      </c>
      <c r="D122" s="29">
        <v>320</v>
      </c>
    </row>
    <row r="123" spans="1:4" ht="18" customHeight="1" x14ac:dyDescent="0.2">
      <c r="A123" s="31">
        <v>97</v>
      </c>
      <c r="B123" s="27">
        <v>43</v>
      </c>
      <c r="C123" s="28">
        <v>247</v>
      </c>
      <c r="D123" s="29">
        <v>290</v>
      </c>
    </row>
    <row r="124" spans="1:4" ht="18" customHeight="1" x14ac:dyDescent="0.2">
      <c r="A124" s="31">
        <v>98</v>
      </c>
      <c r="B124" s="27">
        <v>22</v>
      </c>
      <c r="C124" s="28">
        <v>162</v>
      </c>
      <c r="D124" s="29">
        <v>184</v>
      </c>
    </row>
    <row r="125" spans="1:4" ht="18" customHeight="1" x14ac:dyDescent="0.2">
      <c r="A125" s="31">
        <v>99</v>
      </c>
      <c r="B125" s="27">
        <v>20</v>
      </c>
      <c r="C125" s="28">
        <v>109</v>
      </c>
      <c r="D125" s="29">
        <v>129</v>
      </c>
    </row>
    <row r="126" spans="1:4" ht="18" customHeight="1" x14ac:dyDescent="0.2">
      <c r="A126" s="31" t="s">
        <v>69</v>
      </c>
      <c r="B126" s="27">
        <v>238</v>
      </c>
      <c r="C126" s="28">
        <v>1133</v>
      </c>
      <c r="D126" s="29">
        <v>1371</v>
      </c>
    </row>
    <row r="127" spans="1:4" ht="18" customHeight="1" x14ac:dyDescent="0.2">
      <c r="A127" s="31">
        <v>100</v>
      </c>
      <c r="B127" s="27">
        <v>8</v>
      </c>
      <c r="C127" s="28">
        <v>67</v>
      </c>
      <c r="D127" s="29">
        <v>75</v>
      </c>
    </row>
    <row r="128" spans="1:4" ht="18" customHeight="1" x14ac:dyDescent="0.2">
      <c r="A128" s="32" t="s">
        <v>46</v>
      </c>
      <c r="B128" s="27">
        <v>13</v>
      </c>
      <c r="C128" s="28">
        <v>114</v>
      </c>
      <c r="D128" s="29">
        <v>127</v>
      </c>
    </row>
    <row r="129" spans="1:4" ht="18" customHeight="1" x14ac:dyDescent="0.2">
      <c r="A129" s="31" t="s">
        <v>71</v>
      </c>
      <c r="B129" s="27">
        <v>21</v>
      </c>
      <c r="C129" s="28">
        <v>181</v>
      </c>
      <c r="D129" s="29">
        <v>202</v>
      </c>
    </row>
    <row r="130" spans="1:4" ht="18" customHeight="1" x14ac:dyDescent="0.2">
      <c r="A130" s="31" t="s">
        <v>72</v>
      </c>
      <c r="B130" s="4">
        <v>40087</v>
      </c>
      <c r="C130" s="5">
        <v>54446</v>
      </c>
      <c r="D130" s="6">
        <v>94533</v>
      </c>
    </row>
    <row r="131" spans="1:4" ht="18" customHeight="1" x14ac:dyDescent="0.2">
      <c r="A131" s="33" t="s">
        <v>47</v>
      </c>
      <c r="B131" s="7">
        <v>156014</v>
      </c>
      <c r="C131" s="8">
        <v>164760</v>
      </c>
      <c r="D131" s="9">
        <v>3207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3</v>
      </c>
      <c r="C9" s="38">
        <v>0</v>
      </c>
      <c r="D9" s="40">
        <v>3</v>
      </c>
    </row>
    <row r="10" spans="1:4" ht="18" customHeight="1" x14ac:dyDescent="0.2">
      <c r="A10" s="31" t="s">
        <v>48</v>
      </c>
      <c r="B10" s="27">
        <v>5</v>
      </c>
      <c r="C10" s="28">
        <v>1</v>
      </c>
      <c r="D10" s="29">
        <v>6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6</v>
      </c>
      <c r="C16" s="28">
        <v>3</v>
      </c>
      <c r="D16" s="29">
        <v>9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2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2</v>
      </c>
      <c r="C22" s="28">
        <v>4</v>
      </c>
      <c r="D22" s="29">
        <v>6</v>
      </c>
    </row>
    <row r="23" spans="1:4" ht="18" customHeight="1" x14ac:dyDescent="0.2">
      <c r="A23" s="31" t="s">
        <v>51</v>
      </c>
      <c r="B23" s="27">
        <v>13</v>
      </c>
      <c r="C23" s="28">
        <v>8</v>
      </c>
      <c r="D23" s="29">
        <v>21</v>
      </c>
    </row>
    <row r="24" spans="1:4" ht="18" customHeight="1" x14ac:dyDescent="0.2">
      <c r="A24" s="31">
        <v>15</v>
      </c>
      <c r="B24" s="27">
        <v>2</v>
      </c>
      <c r="C24" s="28">
        <v>0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3</v>
      </c>
      <c r="D25" s="29">
        <v>4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9</v>
      </c>
      <c r="C29" s="28">
        <v>6</v>
      </c>
      <c r="D29" s="29">
        <v>15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4</v>
      </c>
      <c r="C33" s="28">
        <v>1</v>
      </c>
      <c r="D33" s="29">
        <v>5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8</v>
      </c>
      <c r="C35" s="28">
        <v>6</v>
      </c>
      <c r="D35" s="29">
        <v>14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5</v>
      </c>
      <c r="C41" s="28">
        <v>5</v>
      </c>
      <c r="D41" s="29">
        <v>1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3</v>
      </c>
      <c r="C47" s="28">
        <v>2</v>
      </c>
      <c r="D47" s="29">
        <v>5</v>
      </c>
    </row>
    <row r="48" spans="1:4" ht="18" customHeight="1" x14ac:dyDescent="0.2">
      <c r="A48" s="31">
        <v>35</v>
      </c>
      <c r="B48" s="27">
        <v>3</v>
      </c>
      <c r="C48" s="28">
        <v>0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3</v>
      </c>
      <c r="D49" s="29">
        <v>4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4</v>
      </c>
      <c r="D51" s="29">
        <v>5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8</v>
      </c>
      <c r="C53" s="28">
        <v>8</v>
      </c>
      <c r="D53" s="29">
        <v>16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3</v>
      </c>
      <c r="D55" s="29">
        <v>4</v>
      </c>
    </row>
    <row r="56" spans="1:4" ht="18" customHeight="1" x14ac:dyDescent="0.2">
      <c r="A56" s="31">
        <v>42</v>
      </c>
      <c r="B56" s="27">
        <v>2</v>
      </c>
      <c r="C56" s="28">
        <v>2</v>
      </c>
      <c r="D56" s="29">
        <v>4</v>
      </c>
    </row>
    <row r="57" spans="1:4" ht="18" customHeight="1" x14ac:dyDescent="0.2">
      <c r="A57" s="31">
        <v>43</v>
      </c>
      <c r="B57" s="27">
        <v>2</v>
      </c>
      <c r="C57" s="28">
        <v>3</v>
      </c>
      <c r="D57" s="29">
        <v>5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9</v>
      </c>
      <c r="C59" s="28">
        <v>10</v>
      </c>
      <c r="D59" s="29">
        <v>19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4</v>
      </c>
      <c r="C65" s="28">
        <v>4</v>
      </c>
      <c r="D65" s="29">
        <v>8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2</v>
      </c>
      <c r="C67" s="28">
        <v>2</v>
      </c>
      <c r="D67" s="29">
        <v>4</v>
      </c>
    </row>
    <row r="68" spans="1:4" ht="18" customHeight="1" x14ac:dyDescent="0.2">
      <c r="A68" s="31">
        <v>52</v>
      </c>
      <c r="B68" s="27">
        <v>2</v>
      </c>
      <c r="C68" s="28">
        <v>0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2</v>
      </c>
      <c r="C70" s="28">
        <v>4</v>
      </c>
      <c r="D70" s="29">
        <v>6</v>
      </c>
    </row>
    <row r="71" spans="1:4" ht="18" customHeight="1" x14ac:dyDescent="0.2">
      <c r="A71" s="31" t="s">
        <v>59</v>
      </c>
      <c r="B71" s="27">
        <v>9</v>
      </c>
      <c r="C71" s="28">
        <v>8</v>
      </c>
      <c r="D71" s="29">
        <v>17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4</v>
      </c>
      <c r="C74" s="28">
        <v>2</v>
      </c>
      <c r="D74" s="29">
        <v>6</v>
      </c>
    </row>
    <row r="75" spans="1:4" ht="18" customHeight="1" x14ac:dyDescent="0.2">
      <c r="A75" s="31">
        <v>58</v>
      </c>
      <c r="B75" s="27">
        <v>3</v>
      </c>
      <c r="C75" s="28">
        <v>4</v>
      </c>
      <c r="D75" s="29">
        <v>7</v>
      </c>
    </row>
    <row r="76" spans="1:4" ht="18" customHeight="1" x14ac:dyDescent="0.2">
      <c r="A76" s="31">
        <v>59</v>
      </c>
      <c r="B76" s="27">
        <v>2</v>
      </c>
      <c r="C76" s="28">
        <v>0</v>
      </c>
      <c r="D76" s="29">
        <v>2</v>
      </c>
    </row>
    <row r="77" spans="1:4" ht="18" customHeight="1" x14ac:dyDescent="0.2">
      <c r="A77" s="31" t="s">
        <v>60</v>
      </c>
      <c r="B77" s="27">
        <v>11</v>
      </c>
      <c r="C77" s="28">
        <v>7</v>
      </c>
      <c r="D77" s="29">
        <v>18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1</v>
      </c>
      <c r="C79" s="28">
        <v>1</v>
      </c>
      <c r="D79" s="29">
        <v>2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3</v>
      </c>
      <c r="D81" s="29">
        <v>3</v>
      </c>
    </row>
    <row r="82" spans="1:4" ht="18" customHeight="1" x14ac:dyDescent="0.2">
      <c r="A82" s="31">
        <v>64</v>
      </c>
      <c r="B82" s="27">
        <v>4</v>
      </c>
      <c r="C82" s="28">
        <v>3</v>
      </c>
      <c r="D82" s="29">
        <v>7</v>
      </c>
    </row>
    <row r="83" spans="1:4" ht="18" customHeight="1" x14ac:dyDescent="0.2">
      <c r="A83" s="31" t="s">
        <v>61</v>
      </c>
      <c r="B83" s="27">
        <v>9</v>
      </c>
      <c r="C83" s="28">
        <v>8</v>
      </c>
      <c r="D83" s="29">
        <v>17</v>
      </c>
    </row>
    <row r="84" spans="1:4" ht="18" customHeight="1" x14ac:dyDescent="0.2">
      <c r="A84" s="31" t="s">
        <v>62</v>
      </c>
      <c r="B84" s="27">
        <v>75</v>
      </c>
      <c r="C84" s="28">
        <v>64</v>
      </c>
      <c r="D84" s="29">
        <v>139</v>
      </c>
    </row>
    <row r="85" spans="1:4" ht="18" customHeight="1" x14ac:dyDescent="0.2">
      <c r="A85" s="31">
        <v>65</v>
      </c>
      <c r="B85" s="27">
        <v>3</v>
      </c>
      <c r="C85" s="28">
        <v>3</v>
      </c>
      <c r="D85" s="29">
        <v>6</v>
      </c>
    </row>
    <row r="86" spans="1:4" ht="18" customHeight="1" x14ac:dyDescent="0.2">
      <c r="A86" s="31">
        <v>66</v>
      </c>
      <c r="B86" s="27">
        <v>2</v>
      </c>
      <c r="C86" s="28">
        <v>3</v>
      </c>
      <c r="D86" s="29">
        <v>5</v>
      </c>
    </row>
    <row r="87" spans="1:4" ht="18" customHeight="1" x14ac:dyDescent="0.2">
      <c r="A87" s="31">
        <v>67</v>
      </c>
      <c r="B87" s="27">
        <v>3</v>
      </c>
      <c r="C87" s="28">
        <v>6</v>
      </c>
      <c r="D87" s="29">
        <v>9</v>
      </c>
    </row>
    <row r="88" spans="1:4" ht="18" customHeight="1" x14ac:dyDescent="0.2">
      <c r="A88" s="31">
        <v>68</v>
      </c>
      <c r="B88" s="27">
        <v>3</v>
      </c>
      <c r="C88" s="28">
        <v>2</v>
      </c>
      <c r="D88" s="29">
        <v>5</v>
      </c>
    </row>
    <row r="89" spans="1:4" ht="18" customHeight="1" x14ac:dyDescent="0.2">
      <c r="A89" s="31">
        <v>69</v>
      </c>
      <c r="B89" s="27">
        <v>2</v>
      </c>
      <c r="C89" s="28">
        <v>3</v>
      </c>
      <c r="D89" s="29">
        <v>5</v>
      </c>
    </row>
    <row r="90" spans="1:4" ht="18" customHeight="1" x14ac:dyDescent="0.2">
      <c r="A90" s="31" t="s">
        <v>63</v>
      </c>
      <c r="B90" s="27">
        <v>13</v>
      </c>
      <c r="C90" s="28">
        <v>17</v>
      </c>
      <c r="D90" s="29">
        <v>30</v>
      </c>
    </row>
    <row r="91" spans="1:4" ht="18" customHeight="1" x14ac:dyDescent="0.2">
      <c r="A91" s="31">
        <v>70</v>
      </c>
      <c r="B91" s="27">
        <v>6</v>
      </c>
      <c r="C91" s="28">
        <v>4</v>
      </c>
      <c r="D91" s="29">
        <v>10</v>
      </c>
    </row>
    <row r="92" spans="1:4" ht="18" customHeight="1" x14ac:dyDescent="0.2">
      <c r="A92" s="31">
        <v>71</v>
      </c>
      <c r="B92" s="27">
        <v>3</v>
      </c>
      <c r="C92" s="28">
        <v>5</v>
      </c>
      <c r="D92" s="29">
        <v>8</v>
      </c>
    </row>
    <row r="93" spans="1:4" ht="18" customHeight="1" x14ac:dyDescent="0.2">
      <c r="A93" s="31">
        <v>72</v>
      </c>
      <c r="B93" s="27">
        <v>6</v>
      </c>
      <c r="C93" s="28">
        <v>6</v>
      </c>
      <c r="D93" s="29">
        <v>12</v>
      </c>
    </row>
    <row r="94" spans="1:4" ht="18" customHeight="1" x14ac:dyDescent="0.2">
      <c r="A94" s="31">
        <v>73</v>
      </c>
      <c r="B94" s="27">
        <v>2</v>
      </c>
      <c r="C94" s="28">
        <v>1</v>
      </c>
      <c r="D94" s="29">
        <v>3</v>
      </c>
    </row>
    <row r="95" spans="1:4" ht="18" customHeight="1" x14ac:dyDescent="0.2">
      <c r="A95" s="31">
        <v>74</v>
      </c>
      <c r="B95" s="27">
        <v>1</v>
      </c>
      <c r="C95" s="28">
        <v>3</v>
      </c>
      <c r="D95" s="29">
        <v>4</v>
      </c>
    </row>
    <row r="96" spans="1:4" ht="18" customHeight="1" x14ac:dyDescent="0.2">
      <c r="A96" s="31" t="s">
        <v>64</v>
      </c>
      <c r="B96" s="27">
        <v>18</v>
      </c>
      <c r="C96" s="28">
        <v>19</v>
      </c>
      <c r="D96" s="29">
        <v>37</v>
      </c>
    </row>
    <row r="97" spans="1:4" ht="18" customHeight="1" x14ac:dyDescent="0.2">
      <c r="A97" s="31">
        <v>75</v>
      </c>
      <c r="B97" s="27">
        <v>2</v>
      </c>
      <c r="C97" s="28">
        <v>3</v>
      </c>
      <c r="D97" s="29">
        <v>5</v>
      </c>
    </row>
    <row r="98" spans="1:4" ht="18" customHeight="1" x14ac:dyDescent="0.2">
      <c r="A98" s="31">
        <v>76</v>
      </c>
      <c r="B98" s="27">
        <v>2</v>
      </c>
      <c r="C98" s="28">
        <v>2</v>
      </c>
      <c r="D98" s="29">
        <v>4</v>
      </c>
    </row>
    <row r="99" spans="1:4" ht="18" customHeight="1" x14ac:dyDescent="0.2">
      <c r="A99" s="31">
        <v>77</v>
      </c>
      <c r="B99" s="27">
        <v>2</v>
      </c>
      <c r="C99" s="28">
        <v>3</v>
      </c>
      <c r="D99" s="29">
        <v>5</v>
      </c>
    </row>
    <row r="100" spans="1:4" ht="18" customHeight="1" x14ac:dyDescent="0.2">
      <c r="A100" s="31">
        <v>78</v>
      </c>
      <c r="B100" s="27">
        <v>3</v>
      </c>
      <c r="C100" s="28">
        <v>5</v>
      </c>
      <c r="D100" s="29">
        <v>8</v>
      </c>
    </row>
    <row r="101" spans="1:4" ht="18" customHeight="1" x14ac:dyDescent="0.2">
      <c r="A101" s="31">
        <v>79</v>
      </c>
      <c r="B101" s="27">
        <v>0</v>
      </c>
      <c r="C101" s="28">
        <v>2</v>
      </c>
      <c r="D101" s="29">
        <v>2</v>
      </c>
    </row>
    <row r="102" spans="1:4" ht="18" customHeight="1" x14ac:dyDescent="0.2">
      <c r="A102" s="31" t="s">
        <v>65</v>
      </c>
      <c r="B102" s="27">
        <v>9</v>
      </c>
      <c r="C102" s="28">
        <v>15</v>
      </c>
      <c r="D102" s="29">
        <v>24</v>
      </c>
    </row>
    <row r="103" spans="1:4" ht="18" customHeight="1" x14ac:dyDescent="0.2">
      <c r="A103" s="31">
        <v>80</v>
      </c>
      <c r="B103" s="27">
        <v>5</v>
      </c>
      <c r="C103" s="28">
        <v>0</v>
      </c>
      <c r="D103" s="29">
        <v>5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2</v>
      </c>
      <c r="C105" s="28">
        <v>9</v>
      </c>
      <c r="D105" s="29">
        <v>11</v>
      </c>
    </row>
    <row r="106" spans="1:4" ht="18" customHeight="1" x14ac:dyDescent="0.2">
      <c r="A106" s="31">
        <v>83</v>
      </c>
      <c r="B106" s="27">
        <v>4</v>
      </c>
      <c r="C106" s="28">
        <v>9</v>
      </c>
      <c r="D106" s="29">
        <v>13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14</v>
      </c>
      <c r="C108" s="28">
        <v>23</v>
      </c>
      <c r="D108" s="29">
        <v>37</v>
      </c>
    </row>
    <row r="109" spans="1:4" ht="18" customHeight="1" x14ac:dyDescent="0.2">
      <c r="A109" s="31">
        <v>85</v>
      </c>
      <c r="B109" s="27">
        <v>0</v>
      </c>
      <c r="C109" s="28">
        <v>4</v>
      </c>
      <c r="D109" s="29">
        <v>4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3</v>
      </c>
      <c r="D111" s="29">
        <v>4</v>
      </c>
    </row>
    <row r="112" spans="1:4" ht="18" customHeight="1" x14ac:dyDescent="0.2">
      <c r="A112" s="31">
        <v>88</v>
      </c>
      <c r="B112" s="27">
        <v>2</v>
      </c>
      <c r="C112" s="28">
        <v>1</v>
      </c>
      <c r="D112" s="29">
        <v>3</v>
      </c>
    </row>
    <row r="113" spans="1:4" ht="18" customHeight="1" x14ac:dyDescent="0.2">
      <c r="A113" s="31">
        <v>89</v>
      </c>
      <c r="B113" s="27">
        <v>2</v>
      </c>
      <c r="C113" s="28">
        <v>4</v>
      </c>
      <c r="D113" s="29">
        <v>6</v>
      </c>
    </row>
    <row r="114" spans="1:4" ht="18" customHeight="1" x14ac:dyDescent="0.2">
      <c r="A114" s="31" t="s">
        <v>67</v>
      </c>
      <c r="B114" s="27">
        <v>7</v>
      </c>
      <c r="C114" s="28">
        <v>17</v>
      </c>
      <c r="D114" s="29">
        <v>24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4</v>
      </c>
      <c r="C120" s="28">
        <v>9</v>
      </c>
      <c r="D120" s="29">
        <v>1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66</v>
      </c>
      <c r="C130" s="5">
        <v>103</v>
      </c>
      <c r="D130" s="6">
        <v>169</v>
      </c>
    </row>
    <row r="131" spans="1:4" ht="18" customHeight="1" x14ac:dyDescent="0.2">
      <c r="A131" s="33" t="s">
        <v>47</v>
      </c>
      <c r="B131" s="7">
        <v>154</v>
      </c>
      <c r="C131" s="8">
        <v>175</v>
      </c>
      <c r="D131" s="9">
        <v>3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2</v>
      </c>
      <c r="D5" s="39">
        <v>4</v>
      </c>
    </row>
    <row r="6" spans="1:4" ht="18" customHeight="1" x14ac:dyDescent="0.2">
      <c r="A6" s="31">
        <v>1</v>
      </c>
      <c r="B6" s="35">
        <v>0</v>
      </c>
      <c r="C6" s="28">
        <v>2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5</v>
      </c>
      <c r="C10" s="28">
        <v>5</v>
      </c>
      <c r="D10" s="29">
        <v>1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3</v>
      </c>
      <c r="C15" s="28">
        <v>0</v>
      </c>
      <c r="D15" s="29">
        <v>3</v>
      </c>
    </row>
    <row r="16" spans="1:4" ht="18" customHeight="1" x14ac:dyDescent="0.2">
      <c r="A16" s="31" t="s">
        <v>49</v>
      </c>
      <c r="B16" s="27">
        <v>6</v>
      </c>
      <c r="C16" s="28">
        <v>2</v>
      </c>
      <c r="D16" s="29">
        <v>8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3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3</v>
      </c>
      <c r="D19" s="29">
        <v>4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0</v>
      </c>
      <c r="D21" s="29">
        <v>2</v>
      </c>
    </row>
    <row r="22" spans="1:4" ht="18" customHeight="1" x14ac:dyDescent="0.2">
      <c r="A22" s="31" t="s">
        <v>50</v>
      </c>
      <c r="B22" s="27">
        <v>5</v>
      </c>
      <c r="C22" s="28">
        <v>7</v>
      </c>
      <c r="D22" s="29">
        <v>12</v>
      </c>
    </row>
    <row r="23" spans="1:4" ht="18" customHeight="1" x14ac:dyDescent="0.2">
      <c r="A23" s="31" t="s">
        <v>51</v>
      </c>
      <c r="B23" s="27">
        <v>16</v>
      </c>
      <c r="C23" s="28">
        <v>14</v>
      </c>
      <c r="D23" s="29">
        <v>30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2</v>
      </c>
      <c r="C29" s="28">
        <v>5</v>
      </c>
      <c r="D29" s="29">
        <v>7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4</v>
      </c>
      <c r="C34" s="28">
        <v>0</v>
      </c>
      <c r="D34" s="29">
        <v>4</v>
      </c>
    </row>
    <row r="35" spans="1:4" ht="18" customHeight="1" x14ac:dyDescent="0.2">
      <c r="A35" s="31" t="s">
        <v>53</v>
      </c>
      <c r="B35" s="27">
        <v>7</v>
      </c>
      <c r="C35" s="28">
        <v>3</v>
      </c>
      <c r="D35" s="29">
        <v>10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2</v>
      </c>
      <c r="D40" s="29">
        <v>2</v>
      </c>
    </row>
    <row r="41" spans="1:4" ht="18" customHeight="1" x14ac:dyDescent="0.2">
      <c r="A41" s="31" t="s">
        <v>54</v>
      </c>
      <c r="B41" s="27">
        <v>5</v>
      </c>
      <c r="C41" s="28">
        <v>4</v>
      </c>
      <c r="D41" s="29">
        <v>9</v>
      </c>
    </row>
    <row r="42" spans="1:4" ht="18" customHeight="1" x14ac:dyDescent="0.2">
      <c r="A42" s="31">
        <v>30</v>
      </c>
      <c r="B42" s="27">
        <v>1</v>
      </c>
      <c r="C42" s="28">
        <v>2</v>
      </c>
      <c r="D42" s="29">
        <v>3</v>
      </c>
    </row>
    <row r="43" spans="1:4" ht="18" customHeight="1" x14ac:dyDescent="0.2">
      <c r="A43" s="31">
        <v>31</v>
      </c>
      <c r="B43" s="27">
        <v>4</v>
      </c>
      <c r="C43" s="28">
        <v>3</v>
      </c>
      <c r="D43" s="29">
        <v>7</v>
      </c>
    </row>
    <row r="44" spans="1:4" ht="18" customHeight="1" x14ac:dyDescent="0.2">
      <c r="A44" s="31">
        <v>32</v>
      </c>
      <c r="B44" s="27">
        <v>3</v>
      </c>
      <c r="C44" s="28">
        <v>0</v>
      </c>
      <c r="D44" s="29">
        <v>3</v>
      </c>
    </row>
    <row r="45" spans="1:4" ht="18" customHeight="1" x14ac:dyDescent="0.2">
      <c r="A45" s="31">
        <v>33</v>
      </c>
      <c r="B45" s="27">
        <v>3</v>
      </c>
      <c r="C45" s="28">
        <v>3</v>
      </c>
      <c r="D45" s="29">
        <v>6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11</v>
      </c>
      <c r="C47" s="28">
        <v>9</v>
      </c>
      <c r="D47" s="29">
        <v>20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2</v>
      </c>
      <c r="C52" s="28">
        <v>2</v>
      </c>
      <c r="D52" s="29">
        <v>4</v>
      </c>
    </row>
    <row r="53" spans="1:4" ht="18" customHeight="1" x14ac:dyDescent="0.2">
      <c r="A53" s="31" t="s">
        <v>56</v>
      </c>
      <c r="B53" s="27">
        <v>5</v>
      </c>
      <c r="C53" s="28">
        <v>5</v>
      </c>
      <c r="D53" s="29">
        <v>10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6</v>
      </c>
      <c r="C59" s="28">
        <v>5</v>
      </c>
      <c r="D59" s="29">
        <v>11</v>
      </c>
    </row>
    <row r="60" spans="1:4" ht="18" customHeight="1" x14ac:dyDescent="0.2">
      <c r="A60" s="31">
        <v>45</v>
      </c>
      <c r="B60" s="27">
        <v>3</v>
      </c>
      <c r="C60" s="28">
        <v>1</v>
      </c>
      <c r="D60" s="29">
        <v>4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2</v>
      </c>
      <c r="C63" s="28">
        <v>1</v>
      </c>
      <c r="D63" s="29">
        <v>3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7</v>
      </c>
      <c r="C65" s="28">
        <v>6</v>
      </c>
      <c r="D65" s="29">
        <v>13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0</v>
      </c>
      <c r="C67" s="28">
        <v>3</v>
      </c>
      <c r="D67" s="29">
        <v>3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3</v>
      </c>
      <c r="C71" s="28">
        <v>6</v>
      </c>
      <c r="D71" s="29">
        <v>9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3</v>
      </c>
      <c r="D74" s="29">
        <v>5</v>
      </c>
    </row>
    <row r="75" spans="1:4" ht="18" customHeight="1" x14ac:dyDescent="0.2">
      <c r="A75" s="31">
        <v>58</v>
      </c>
      <c r="B75" s="27">
        <v>3</v>
      </c>
      <c r="C75" s="28">
        <v>3</v>
      </c>
      <c r="D75" s="29">
        <v>6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10</v>
      </c>
      <c r="C77" s="28">
        <v>9</v>
      </c>
      <c r="D77" s="29">
        <v>19</v>
      </c>
    </row>
    <row r="78" spans="1:4" ht="18" customHeight="1" x14ac:dyDescent="0.2">
      <c r="A78" s="31">
        <v>60</v>
      </c>
      <c r="B78" s="27">
        <v>4</v>
      </c>
      <c r="C78" s="28">
        <v>4</v>
      </c>
      <c r="D78" s="29">
        <v>8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5</v>
      </c>
      <c r="C80" s="28">
        <v>0</v>
      </c>
      <c r="D80" s="29">
        <v>5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5</v>
      </c>
      <c r="D82" s="29">
        <v>5</v>
      </c>
    </row>
    <row r="83" spans="1:4" ht="18" customHeight="1" x14ac:dyDescent="0.2">
      <c r="A83" s="31" t="s">
        <v>61</v>
      </c>
      <c r="B83" s="27">
        <v>11</v>
      </c>
      <c r="C83" s="28">
        <v>11</v>
      </c>
      <c r="D83" s="29">
        <v>22</v>
      </c>
    </row>
    <row r="84" spans="1:4" ht="18" customHeight="1" x14ac:dyDescent="0.2">
      <c r="A84" s="31" t="s">
        <v>62</v>
      </c>
      <c r="B84" s="27">
        <v>67</v>
      </c>
      <c r="C84" s="28">
        <v>63</v>
      </c>
      <c r="D84" s="29">
        <v>130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5</v>
      </c>
      <c r="C86" s="28">
        <v>1</v>
      </c>
      <c r="D86" s="29">
        <v>6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2</v>
      </c>
      <c r="C88" s="28">
        <v>2</v>
      </c>
      <c r="D88" s="29">
        <v>4</v>
      </c>
    </row>
    <row r="89" spans="1:4" ht="18" customHeight="1" x14ac:dyDescent="0.2">
      <c r="A89" s="31">
        <v>69</v>
      </c>
      <c r="B89" s="27">
        <v>5</v>
      </c>
      <c r="C89" s="28">
        <v>2</v>
      </c>
      <c r="D89" s="29">
        <v>7</v>
      </c>
    </row>
    <row r="90" spans="1:4" ht="18" customHeight="1" x14ac:dyDescent="0.2">
      <c r="A90" s="31" t="s">
        <v>63</v>
      </c>
      <c r="B90" s="27">
        <v>16</v>
      </c>
      <c r="C90" s="28">
        <v>7</v>
      </c>
      <c r="D90" s="29">
        <v>23</v>
      </c>
    </row>
    <row r="91" spans="1:4" ht="18" customHeight="1" x14ac:dyDescent="0.2">
      <c r="A91" s="31">
        <v>70</v>
      </c>
      <c r="B91" s="27">
        <v>5</v>
      </c>
      <c r="C91" s="28">
        <v>2</v>
      </c>
      <c r="D91" s="29">
        <v>7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4</v>
      </c>
      <c r="C93" s="28">
        <v>1</v>
      </c>
      <c r="D93" s="29">
        <v>5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64</v>
      </c>
      <c r="B96" s="27">
        <v>16</v>
      </c>
      <c r="C96" s="28">
        <v>7</v>
      </c>
      <c r="D96" s="29">
        <v>23</v>
      </c>
    </row>
    <row r="97" spans="1:4" ht="18" customHeight="1" x14ac:dyDescent="0.2">
      <c r="A97" s="31">
        <v>75</v>
      </c>
      <c r="B97" s="27">
        <v>0</v>
      </c>
      <c r="C97" s="28">
        <v>2</v>
      </c>
      <c r="D97" s="29">
        <v>2</v>
      </c>
    </row>
    <row r="98" spans="1:4" ht="18" customHeight="1" x14ac:dyDescent="0.2">
      <c r="A98" s="31">
        <v>76</v>
      </c>
      <c r="B98" s="27">
        <v>1</v>
      </c>
      <c r="C98" s="28">
        <v>5</v>
      </c>
      <c r="D98" s="29">
        <v>6</v>
      </c>
    </row>
    <row r="99" spans="1:4" ht="18" customHeight="1" x14ac:dyDescent="0.2">
      <c r="A99" s="31">
        <v>77</v>
      </c>
      <c r="B99" s="27">
        <v>4</v>
      </c>
      <c r="C99" s="28">
        <v>1</v>
      </c>
      <c r="D99" s="29">
        <v>5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7</v>
      </c>
      <c r="C102" s="28">
        <v>10</v>
      </c>
      <c r="D102" s="29">
        <v>17</v>
      </c>
    </row>
    <row r="103" spans="1:4" ht="18" customHeight="1" x14ac:dyDescent="0.2">
      <c r="A103" s="31">
        <v>80</v>
      </c>
      <c r="B103" s="27">
        <v>2</v>
      </c>
      <c r="C103" s="28">
        <v>3</v>
      </c>
      <c r="D103" s="29">
        <v>5</v>
      </c>
    </row>
    <row r="104" spans="1:4" ht="18" customHeight="1" x14ac:dyDescent="0.2">
      <c r="A104" s="31">
        <v>81</v>
      </c>
      <c r="B104" s="27">
        <v>0</v>
      </c>
      <c r="C104" s="28">
        <v>3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2</v>
      </c>
      <c r="C106" s="28">
        <v>4</v>
      </c>
      <c r="D106" s="29">
        <v>6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5</v>
      </c>
      <c r="C108" s="28">
        <v>13</v>
      </c>
      <c r="D108" s="29">
        <v>18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4</v>
      </c>
      <c r="C114" s="28">
        <v>8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7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1</v>
      </c>
      <c r="C120" s="28">
        <v>12</v>
      </c>
      <c r="D120" s="29">
        <v>13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9</v>
      </c>
      <c r="C130" s="5">
        <v>59</v>
      </c>
      <c r="D130" s="6">
        <v>108</v>
      </c>
    </row>
    <row r="131" spans="1:4" ht="18" customHeight="1" x14ac:dyDescent="0.2">
      <c r="A131" s="33" t="s">
        <v>47</v>
      </c>
      <c r="B131" s="7">
        <v>132</v>
      </c>
      <c r="C131" s="8">
        <v>136</v>
      </c>
      <c r="D131" s="9">
        <v>2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7</v>
      </c>
      <c r="D5" s="39">
        <v>10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5</v>
      </c>
      <c r="C7" s="28">
        <v>4</v>
      </c>
      <c r="D7" s="29">
        <v>9</v>
      </c>
    </row>
    <row r="8" spans="1:4" ht="18" customHeight="1" x14ac:dyDescent="0.2">
      <c r="A8" s="31">
        <v>3</v>
      </c>
      <c r="B8" s="35">
        <v>5</v>
      </c>
      <c r="C8" s="28">
        <v>3</v>
      </c>
      <c r="D8" s="29">
        <v>8</v>
      </c>
    </row>
    <row r="9" spans="1:4" ht="18" customHeight="1" x14ac:dyDescent="0.2">
      <c r="A9" s="31">
        <v>4</v>
      </c>
      <c r="B9" s="36">
        <v>8</v>
      </c>
      <c r="C9" s="38">
        <v>4</v>
      </c>
      <c r="D9" s="40">
        <v>12</v>
      </c>
    </row>
    <row r="10" spans="1:4" ht="18" customHeight="1" x14ac:dyDescent="0.2">
      <c r="A10" s="31" t="s">
        <v>48</v>
      </c>
      <c r="B10" s="27">
        <v>22</v>
      </c>
      <c r="C10" s="28">
        <v>20</v>
      </c>
      <c r="D10" s="29">
        <v>42</v>
      </c>
    </row>
    <row r="11" spans="1:4" ht="18" customHeight="1" x14ac:dyDescent="0.2">
      <c r="A11" s="31">
        <v>5</v>
      </c>
      <c r="B11" s="35">
        <v>2</v>
      </c>
      <c r="C11" s="28">
        <v>5</v>
      </c>
      <c r="D11" s="29">
        <v>7</v>
      </c>
    </row>
    <row r="12" spans="1:4" ht="18" customHeight="1" x14ac:dyDescent="0.2">
      <c r="A12" s="31">
        <v>6</v>
      </c>
      <c r="B12" s="35">
        <v>1</v>
      </c>
      <c r="C12" s="28">
        <v>5</v>
      </c>
      <c r="D12" s="29">
        <v>6</v>
      </c>
    </row>
    <row r="13" spans="1:4" ht="18" customHeight="1" x14ac:dyDescent="0.2">
      <c r="A13" s="31">
        <v>7</v>
      </c>
      <c r="B13" s="35">
        <v>6</v>
      </c>
      <c r="C13" s="28">
        <v>4</v>
      </c>
      <c r="D13" s="29">
        <v>10</v>
      </c>
    </row>
    <row r="14" spans="1:4" ht="18" customHeight="1" x14ac:dyDescent="0.2">
      <c r="A14" s="31">
        <v>8</v>
      </c>
      <c r="B14" s="35">
        <v>4</v>
      </c>
      <c r="C14" s="28">
        <v>1</v>
      </c>
      <c r="D14" s="29">
        <v>5</v>
      </c>
    </row>
    <row r="15" spans="1:4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4" ht="18" customHeight="1" x14ac:dyDescent="0.2">
      <c r="A16" s="31" t="s">
        <v>49</v>
      </c>
      <c r="B16" s="27">
        <v>19</v>
      </c>
      <c r="C16" s="28">
        <v>20</v>
      </c>
      <c r="D16" s="29">
        <v>39</v>
      </c>
    </row>
    <row r="17" spans="1:4" ht="18" customHeight="1" x14ac:dyDescent="0.2">
      <c r="A17" s="31">
        <v>10</v>
      </c>
      <c r="B17" s="27">
        <v>5</v>
      </c>
      <c r="C17" s="28">
        <v>5</v>
      </c>
      <c r="D17" s="29">
        <v>10</v>
      </c>
    </row>
    <row r="18" spans="1:4" ht="18" customHeight="1" x14ac:dyDescent="0.2">
      <c r="A18" s="31">
        <v>11</v>
      </c>
      <c r="B18" s="27">
        <v>5</v>
      </c>
      <c r="C18" s="28">
        <v>4</v>
      </c>
      <c r="D18" s="29">
        <v>9</v>
      </c>
    </row>
    <row r="19" spans="1:4" ht="18" customHeight="1" x14ac:dyDescent="0.2">
      <c r="A19" s="31">
        <v>12</v>
      </c>
      <c r="B19" s="27">
        <v>5</v>
      </c>
      <c r="C19" s="28">
        <v>7</v>
      </c>
      <c r="D19" s="29">
        <v>12</v>
      </c>
    </row>
    <row r="20" spans="1:4" ht="18" customHeight="1" x14ac:dyDescent="0.2">
      <c r="A20" s="31">
        <v>13</v>
      </c>
      <c r="B20" s="27">
        <v>5</v>
      </c>
      <c r="C20" s="28">
        <v>8</v>
      </c>
      <c r="D20" s="29">
        <v>13</v>
      </c>
    </row>
    <row r="21" spans="1:4" ht="18" customHeight="1" x14ac:dyDescent="0.2">
      <c r="A21" s="31">
        <v>14</v>
      </c>
      <c r="B21" s="27">
        <v>8</v>
      </c>
      <c r="C21" s="28">
        <v>3</v>
      </c>
      <c r="D21" s="29">
        <v>11</v>
      </c>
    </row>
    <row r="22" spans="1:4" ht="18" customHeight="1" x14ac:dyDescent="0.2">
      <c r="A22" s="31" t="s">
        <v>50</v>
      </c>
      <c r="B22" s="27">
        <v>28</v>
      </c>
      <c r="C22" s="28">
        <v>27</v>
      </c>
      <c r="D22" s="29">
        <v>55</v>
      </c>
    </row>
    <row r="23" spans="1:4" ht="18" customHeight="1" x14ac:dyDescent="0.2">
      <c r="A23" s="31" t="s">
        <v>51</v>
      </c>
      <c r="B23" s="27">
        <v>69</v>
      </c>
      <c r="C23" s="28">
        <v>67</v>
      </c>
      <c r="D23" s="29">
        <v>136</v>
      </c>
    </row>
    <row r="24" spans="1:4" ht="18" customHeight="1" x14ac:dyDescent="0.2">
      <c r="A24" s="31">
        <v>15</v>
      </c>
      <c r="B24" s="27">
        <v>9</v>
      </c>
      <c r="C24" s="28">
        <v>9</v>
      </c>
      <c r="D24" s="29">
        <v>18</v>
      </c>
    </row>
    <row r="25" spans="1:4" ht="18" customHeight="1" x14ac:dyDescent="0.2">
      <c r="A25" s="31">
        <v>16</v>
      </c>
      <c r="B25" s="27">
        <v>0</v>
      </c>
      <c r="C25" s="28">
        <v>8</v>
      </c>
      <c r="D25" s="29">
        <v>8</v>
      </c>
    </row>
    <row r="26" spans="1:4" ht="18" customHeight="1" x14ac:dyDescent="0.2">
      <c r="A26" s="31">
        <v>17</v>
      </c>
      <c r="B26" s="27">
        <v>13</v>
      </c>
      <c r="C26" s="28">
        <v>6</v>
      </c>
      <c r="D26" s="29">
        <v>19</v>
      </c>
    </row>
    <row r="27" spans="1:4" ht="18" customHeight="1" x14ac:dyDescent="0.2">
      <c r="A27" s="31">
        <v>18</v>
      </c>
      <c r="B27" s="27">
        <v>8</v>
      </c>
      <c r="C27" s="28">
        <v>6</v>
      </c>
      <c r="D27" s="29">
        <v>14</v>
      </c>
    </row>
    <row r="28" spans="1:4" ht="18" customHeight="1" x14ac:dyDescent="0.2">
      <c r="A28" s="31">
        <v>19</v>
      </c>
      <c r="B28" s="27">
        <v>6</v>
      </c>
      <c r="C28" s="28">
        <v>7</v>
      </c>
      <c r="D28" s="29">
        <v>13</v>
      </c>
    </row>
    <row r="29" spans="1:4" ht="18" customHeight="1" x14ac:dyDescent="0.2">
      <c r="A29" s="31" t="s">
        <v>52</v>
      </c>
      <c r="B29" s="27">
        <v>36</v>
      </c>
      <c r="C29" s="28">
        <v>36</v>
      </c>
      <c r="D29" s="29">
        <v>72</v>
      </c>
    </row>
    <row r="30" spans="1:4" ht="18" customHeight="1" x14ac:dyDescent="0.2">
      <c r="A30" s="31">
        <v>20</v>
      </c>
      <c r="B30" s="27">
        <v>7</v>
      </c>
      <c r="C30" s="28">
        <v>6</v>
      </c>
      <c r="D30" s="29">
        <v>13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7</v>
      </c>
      <c r="C32" s="28">
        <v>5</v>
      </c>
      <c r="D32" s="29">
        <v>12</v>
      </c>
    </row>
    <row r="33" spans="1:4" ht="18" customHeight="1" x14ac:dyDescent="0.2">
      <c r="A33" s="31">
        <v>23</v>
      </c>
      <c r="B33" s="27">
        <v>9</v>
      </c>
      <c r="C33" s="28">
        <v>4</v>
      </c>
      <c r="D33" s="29">
        <v>13</v>
      </c>
    </row>
    <row r="34" spans="1:4" ht="18" customHeight="1" x14ac:dyDescent="0.2">
      <c r="A34" s="31">
        <v>24</v>
      </c>
      <c r="B34" s="27">
        <v>4</v>
      </c>
      <c r="C34" s="28">
        <v>6</v>
      </c>
      <c r="D34" s="29">
        <v>10</v>
      </c>
    </row>
    <row r="35" spans="1:4" ht="18" customHeight="1" x14ac:dyDescent="0.2">
      <c r="A35" s="31" t="s">
        <v>53</v>
      </c>
      <c r="B35" s="27">
        <v>33</v>
      </c>
      <c r="C35" s="28">
        <v>26</v>
      </c>
      <c r="D35" s="29">
        <v>59</v>
      </c>
    </row>
    <row r="36" spans="1:4" ht="18" customHeight="1" x14ac:dyDescent="0.2">
      <c r="A36" s="31">
        <v>25</v>
      </c>
      <c r="B36" s="27">
        <v>12</v>
      </c>
      <c r="C36" s="28">
        <v>7</v>
      </c>
      <c r="D36" s="29">
        <v>19</v>
      </c>
    </row>
    <row r="37" spans="1:4" ht="18" customHeight="1" x14ac:dyDescent="0.2">
      <c r="A37" s="31">
        <v>26</v>
      </c>
      <c r="B37" s="27">
        <v>11</v>
      </c>
      <c r="C37" s="28">
        <v>5</v>
      </c>
      <c r="D37" s="29">
        <v>16</v>
      </c>
    </row>
    <row r="38" spans="1:4" ht="18" customHeight="1" x14ac:dyDescent="0.2">
      <c r="A38" s="31">
        <v>27</v>
      </c>
      <c r="B38" s="27">
        <v>12</v>
      </c>
      <c r="C38" s="28">
        <v>4</v>
      </c>
      <c r="D38" s="29">
        <v>16</v>
      </c>
    </row>
    <row r="39" spans="1:4" ht="18" customHeight="1" x14ac:dyDescent="0.2">
      <c r="A39" s="31">
        <v>28</v>
      </c>
      <c r="B39" s="27">
        <v>8</v>
      </c>
      <c r="C39" s="28">
        <v>9</v>
      </c>
      <c r="D39" s="29">
        <v>17</v>
      </c>
    </row>
    <row r="40" spans="1:4" ht="18" customHeight="1" x14ac:dyDescent="0.2">
      <c r="A40" s="31">
        <v>29</v>
      </c>
      <c r="B40" s="27">
        <v>11</v>
      </c>
      <c r="C40" s="28">
        <v>12</v>
      </c>
      <c r="D40" s="29">
        <v>23</v>
      </c>
    </row>
    <row r="41" spans="1:4" ht="18" customHeight="1" x14ac:dyDescent="0.2">
      <c r="A41" s="31" t="s">
        <v>54</v>
      </c>
      <c r="B41" s="27">
        <v>54</v>
      </c>
      <c r="C41" s="28">
        <v>37</v>
      </c>
      <c r="D41" s="29">
        <v>91</v>
      </c>
    </row>
    <row r="42" spans="1:4" ht="18" customHeight="1" x14ac:dyDescent="0.2">
      <c r="A42" s="31">
        <v>30</v>
      </c>
      <c r="B42" s="27">
        <v>12</v>
      </c>
      <c r="C42" s="28">
        <v>15</v>
      </c>
      <c r="D42" s="29">
        <v>27</v>
      </c>
    </row>
    <row r="43" spans="1:4" ht="18" customHeight="1" x14ac:dyDescent="0.2">
      <c r="A43" s="31">
        <v>31</v>
      </c>
      <c r="B43" s="27">
        <v>11</v>
      </c>
      <c r="C43" s="28">
        <v>6</v>
      </c>
      <c r="D43" s="29">
        <v>17</v>
      </c>
    </row>
    <row r="44" spans="1:4" ht="18" customHeight="1" x14ac:dyDescent="0.2">
      <c r="A44" s="31">
        <v>32</v>
      </c>
      <c r="B44" s="27">
        <v>10</v>
      </c>
      <c r="C44" s="28">
        <v>8</v>
      </c>
      <c r="D44" s="29">
        <v>18</v>
      </c>
    </row>
    <row r="45" spans="1:4" ht="18" customHeight="1" x14ac:dyDescent="0.2">
      <c r="A45" s="31">
        <v>33</v>
      </c>
      <c r="B45" s="27">
        <v>14</v>
      </c>
      <c r="C45" s="28">
        <v>13</v>
      </c>
      <c r="D45" s="29">
        <v>27</v>
      </c>
    </row>
    <row r="46" spans="1:4" ht="18" customHeight="1" x14ac:dyDescent="0.2">
      <c r="A46" s="31">
        <v>34</v>
      </c>
      <c r="B46" s="27">
        <v>16</v>
      </c>
      <c r="C46" s="28">
        <v>9</v>
      </c>
      <c r="D46" s="29">
        <v>25</v>
      </c>
    </row>
    <row r="47" spans="1:4" ht="18" customHeight="1" x14ac:dyDescent="0.2">
      <c r="A47" s="31" t="s">
        <v>55</v>
      </c>
      <c r="B47" s="27">
        <v>63</v>
      </c>
      <c r="C47" s="28">
        <v>51</v>
      </c>
      <c r="D47" s="29">
        <v>114</v>
      </c>
    </row>
    <row r="48" spans="1:4" ht="18" customHeight="1" x14ac:dyDescent="0.2">
      <c r="A48" s="31">
        <v>35</v>
      </c>
      <c r="B48" s="27">
        <v>9</v>
      </c>
      <c r="C48" s="28">
        <v>6</v>
      </c>
      <c r="D48" s="29">
        <v>15</v>
      </c>
    </row>
    <row r="49" spans="1:4" ht="18" customHeight="1" x14ac:dyDescent="0.2">
      <c r="A49" s="31">
        <v>36</v>
      </c>
      <c r="B49" s="27">
        <v>18</v>
      </c>
      <c r="C49" s="28">
        <v>9</v>
      </c>
      <c r="D49" s="29">
        <v>27</v>
      </c>
    </row>
    <row r="50" spans="1:4" ht="18" customHeight="1" x14ac:dyDescent="0.2">
      <c r="A50" s="31">
        <v>37</v>
      </c>
      <c r="B50" s="27">
        <v>15</v>
      </c>
      <c r="C50" s="28">
        <v>15</v>
      </c>
      <c r="D50" s="29">
        <v>30</v>
      </c>
    </row>
    <row r="51" spans="1:4" ht="18" customHeight="1" x14ac:dyDescent="0.2">
      <c r="A51" s="31">
        <v>38</v>
      </c>
      <c r="B51" s="27">
        <v>14</v>
      </c>
      <c r="C51" s="28">
        <v>7</v>
      </c>
      <c r="D51" s="29">
        <v>21</v>
      </c>
    </row>
    <row r="52" spans="1:4" ht="18" customHeight="1" x14ac:dyDescent="0.2">
      <c r="A52" s="31">
        <v>39</v>
      </c>
      <c r="B52" s="27">
        <v>13</v>
      </c>
      <c r="C52" s="28">
        <v>8</v>
      </c>
      <c r="D52" s="29">
        <v>21</v>
      </c>
    </row>
    <row r="53" spans="1:4" ht="18" customHeight="1" x14ac:dyDescent="0.2">
      <c r="A53" s="31" t="s">
        <v>56</v>
      </c>
      <c r="B53" s="27">
        <v>69</v>
      </c>
      <c r="C53" s="28">
        <v>45</v>
      </c>
      <c r="D53" s="29">
        <v>114</v>
      </c>
    </row>
    <row r="54" spans="1:4" ht="18" customHeight="1" x14ac:dyDescent="0.2">
      <c r="A54" s="31">
        <v>40</v>
      </c>
      <c r="B54" s="27">
        <v>12</v>
      </c>
      <c r="C54" s="28">
        <v>9</v>
      </c>
      <c r="D54" s="29">
        <v>21</v>
      </c>
    </row>
    <row r="55" spans="1:4" ht="18" customHeight="1" x14ac:dyDescent="0.2">
      <c r="A55" s="31">
        <v>41</v>
      </c>
      <c r="B55" s="27">
        <v>16</v>
      </c>
      <c r="C55" s="28">
        <v>13</v>
      </c>
      <c r="D55" s="29">
        <v>29</v>
      </c>
    </row>
    <row r="56" spans="1:4" ht="18" customHeight="1" x14ac:dyDescent="0.2">
      <c r="A56" s="31">
        <v>42</v>
      </c>
      <c r="B56" s="27">
        <v>10</v>
      </c>
      <c r="C56" s="28">
        <v>10</v>
      </c>
      <c r="D56" s="29">
        <v>20</v>
      </c>
    </row>
    <row r="57" spans="1:4" ht="18" customHeight="1" x14ac:dyDescent="0.2">
      <c r="A57" s="31">
        <v>43</v>
      </c>
      <c r="B57" s="27">
        <v>22</v>
      </c>
      <c r="C57" s="28">
        <v>12</v>
      </c>
      <c r="D57" s="29">
        <v>34</v>
      </c>
    </row>
    <row r="58" spans="1:4" ht="18" customHeight="1" x14ac:dyDescent="0.2">
      <c r="A58" s="31">
        <v>44</v>
      </c>
      <c r="B58" s="27">
        <v>14</v>
      </c>
      <c r="C58" s="28">
        <v>11</v>
      </c>
      <c r="D58" s="29">
        <v>25</v>
      </c>
    </row>
    <row r="59" spans="1:4" ht="18" customHeight="1" x14ac:dyDescent="0.2">
      <c r="A59" s="31" t="s">
        <v>57</v>
      </c>
      <c r="B59" s="27">
        <v>74</v>
      </c>
      <c r="C59" s="28">
        <v>55</v>
      </c>
      <c r="D59" s="29">
        <v>129</v>
      </c>
    </row>
    <row r="60" spans="1:4" ht="18" customHeight="1" x14ac:dyDescent="0.2">
      <c r="A60" s="31">
        <v>45</v>
      </c>
      <c r="B60" s="27">
        <v>16</v>
      </c>
      <c r="C60" s="28">
        <v>9</v>
      </c>
      <c r="D60" s="29">
        <v>25</v>
      </c>
    </row>
    <row r="61" spans="1:4" ht="18" customHeight="1" x14ac:dyDescent="0.2">
      <c r="A61" s="31">
        <v>46</v>
      </c>
      <c r="B61" s="27">
        <v>11</v>
      </c>
      <c r="C61" s="28">
        <v>5</v>
      </c>
      <c r="D61" s="29">
        <v>16</v>
      </c>
    </row>
    <row r="62" spans="1:4" ht="18" customHeight="1" x14ac:dyDescent="0.2">
      <c r="A62" s="31">
        <v>47</v>
      </c>
      <c r="B62" s="27">
        <v>18</v>
      </c>
      <c r="C62" s="28">
        <v>5</v>
      </c>
      <c r="D62" s="29">
        <v>23</v>
      </c>
    </row>
    <row r="63" spans="1:4" ht="18" customHeight="1" x14ac:dyDescent="0.2">
      <c r="A63" s="31">
        <v>48</v>
      </c>
      <c r="B63" s="27">
        <v>16</v>
      </c>
      <c r="C63" s="28">
        <v>12</v>
      </c>
      <c r="D63" s="29">
        <v>28</v>
      </c>
    </row>
    <row r="64" spans="1:4" ht="18" customHeight="1" x14ac:dyDescent="0.2">
      <c r="A64" s="31">
        <v>49</v>
      </c>
      <c r="B64" s="27">
        <v>13</v>
      </c>
      <c r="C64" s="28">
        <v>14</v>
      </c>
      <c r="D64" s="29">
        <v>27</v>
      </c>
    </row>
    <row r="65" spans="1:4" ht="18" customHeight="1" x14ac:dyDescent="0.2">
      <c r="A65" s="31" t="s">
        <v>58</v>
      </c>
      <c r="B65" s="27">
        <v>74</v>
      </c>
      <c r="C65" s="28">
        <v>45</v>
      </c>
      <c r="D65" s="29">
        <v>119</v>
      </c>
    </row>
    <row r="66" spans="1:4" ht="18" customHeight="1" x14ac:dyDescent="0.2">
      <c r="A66" s="31">
        <v>50</v>
      </c>
      <c r="B66" s="27">
        <v>15</v>
      </c>
      <c r="C66" s="28">
        <v>12</v>
      </c>
      <c r="D66" s="29">
        <v>27</v>
      </c>
    </row>
    <row r="67" spans="1:4" ht="18" customHeight="1" x14ac:dyDescent="0.2">
      <c r="A67" s="31">
        <v>51</v>
      </c>
      <c r="B67" s="27">
        <v>6</v>
      </c>
      <c r="C67" s="28">
        <v>11</v>
      </c>
      <c r="D67" s="29">
        <v>17</v>
      </c>
    </row>
    <row r="68" spans="1:4" ht="18" customHeight="1" x14ac:dyDescent="0.2">
      <c r="A68" s="31">
        <v>52</v>
      </c>
      <c r="B68" s="27">
        <v>14</v>
      </c>
      <c r="C68" s="28">
        <v>8</v>
      </c>
      <c r="D68" s="29">
        <v>22</v>
      </c>
    </row>
    <row r="69" spans="1:4" ht="18" customHeight="1" x14ac:dyDescent="0.2">
      <c r="A69" s="31">
        <v>53</v>
      </c>
      <c r="B69" s="27">
        <v>11</v>
      </c>
      <c r="C69" s="28">
        <v>12</v>
      </c>
      <c r="D69" s="29">
        <v>23</v>
      </c>
    </row>
    <row r="70" spans="1:4" ht="18" customHeight="1" x14ac:dyDescent="0.2">
      <c r="A70" s="31">
        <v>54</v>
      </c>
      <c r="B70" s="27">
        <v>16</v>
      </c>
      <c r="C70" s="28">
        <v>13</v>
      </c>
      <c r="D70" s="29">
        <v>29</v>
      </c>
    </row>
    <row r="71" spans="1:4" ht="18" customHeight="1" x14ac:dyDescent="0.2">
      <c r="A71" s="31" t="s">
        <v>59</v>
      </c>
      <c r="B71" s="27">
        <v>62</v>
      </c>
      <c r="C71" s="28">
        <v>56</v>
      </c>
      <c r="D71" s="29">
        <v>118</v>
      </c>
    </row>
    <row r="72" spans="1:4" ht="18" customHeight="1" x14ac:dyDescent="0.2">
      <c r="A72" s="31">
        <v>55</v>
      </c>
      <c r="B72" s="27">
        <v>17</v>
      </c>
      <c r="C72" s="28">
        <v>10</v>
      </c>
      <c r="D72" s="29">
        <v>27</v>
      </c>
    </row>
    <row r="73" spans="1:4" ht="18" customHeight="1" x14ac:dyDescent="0.2">
      <c r="A73" s="31">
        <v>56</v>
      </c>
      <c r="B73" s="27">
        <v>15</v>
      </c>
      <c r="C73" s="28">
        <v>18</v>
      </c>
      <c r="D73" s="29">
        <v>33</v>
      </c>
    </row>
    <row r="74" spans="1:4" ht="18" customHeight="1" x14ac:dyDescent="0.2">
      <c r="A74" s="31">
        <v>57</v>
      </c>
      <c r="B74" s="27">
        <v>11</v>
      </c>
      <c r="C74" s="28">
        <v>5</v>
      </c>
      <c r="D74" s="29">
        <v>16</v>
      </c>
    </row>
    <row r="75" spans="1:4" ht="18" customHeight="1" x14ac:dyDescent="0.2">
      <c r="A75" s="31">
        <v>58</v>
      </c>
      <c r="B75" s="27">
        <v>12</v>
      </c>
      <c r="C75" s="28">
        <v>21</v>
      </c>
      <c r="D75" s="29">
        <v>33</v>
      </c>
    </row>
    <row r="76" spans="1:4" ht="18" customHeight="1" x14ac:dyDescent="0.2">
      <c r="A76" s="31">
        <v>59</v>
      </c>
      <c r="B76" s="27">
        <v>15</v>
      </c>
      <c r="C76" s="28">
        <v>9</v>
      </c>
      <c r="D76" s="29">
        <v>24</v>
      </c>
    </row>
    <row r="77" spans="1:4" ht="18" customHeight="1" x14ac:dyDescent="0.2">
      <c r="A77" s="31" t="s">
        <v>60</v>
      </c>
      <c r="B77" s="27">
        <v>70</v>
      </c>
      <c r="C77" s="28">
        <v>63</v>
      </c>
      <c r="D77" s="29">
        <v>133</v>
      </c>
    </row>
    <row r="78" spans="1:4" ht="18" customHeight="1" x14ac:dyDescent="0.2">
      <c r="A78" s="31">
        <v>60</v>
      </c>
      <c r="B78" s="27">
        <v>12</v>
      </c>
      <c r="C78" s="28">
        <v>27</v>
      </c>
      <c r="D78" s="29">
        <v>39</v>
      </c>
    </row>
    <row r="79" spans="1:4" ht="18" customHeight="1" x14ac:dyDescent="0.2">
      <c r="A79" s="31">
        <v>61</v>
      </c>
      <c r="B79" s="27">
        <v>17</v>
      </c>
      <c r="C79" s="28">
        <v>17</v>
      </c>
      <c r="D79" s="29">
        <v>34</v>
      </c>
    </row>
    <row r="80" spans="1:4" ht="18" customHeight="1" x14ac:dyDescent="0.2">
      <c r="A80" s="31">
        <v>62</v>
      </c>
      <c r="B80" s="27">
        <v>25</v>
      </c>
      <c r="C80" s="28">
        <v>28</v>
      </c>
      <c r="D80" s="29">
        <v>53</v>
      </c>
    </row>
    <row r="81" spans="1:4" ht="18" customHeight="1" x14ac:dyDescent="0.2">
      <c r="A81" s="31">
        <v>63</v>
      </c>
      <c r="B81" s="27">
        <v>19</v>
      </c>
      <c r="C81" s="28">
        <v>14</v>
      </c>
      <c r="D81" s="29">
        <v>33</v>
      </c>
    </row>
    <row r="82" spans="1:4" ht="18" customHeight="1" x14ac:dyDescent="0.2">
      <c r="A82" s="31">
        <v>64</v>
      </c>
      <c r="B82" s="27">
        <v>19</v>
      </c>
      <c r="C82" s="28">
        <v>18</v>
      </c>
      <c r="D82" s="29">
        <v>37</v>
      </c>
    </row>
    <row r="83" spans="1:4" ht="18" customHeight="1" x14ac:dyDescent="0.2">
      <c r="A83" s="31" t="s">
        <v>61</v>
      </c>
      <c r="B83" s="27">
        <v>92</v>
      </c>
      <c r="C83" s="28">
        <v>104</v>
      </c>
      <c r="D83" s="29">
        <v>196</v>
      </c>
    </row>
    <row r="84" spans="1:4" ht="18" customHeight="1" x14ac:dyDescent="0.2">
      <c r="A84" s="31" t="s">
        <v>62</v>
      </c>
      <c r="B84" s="27">
        <v>627</v>
      </c>
      <c r="C84" s="28">
        <v>518</v>
      </c>
      <c r="D84" s="29">
        <v>1145</v>
      </c>
    </row>
    <row r="85" spans="1:4" ht="18" customHeight="1" x14ac:dyDescent="0.2">
      <c r="A85" s="31">
        <v>65</v>
      </c>
      <c r="B85" s="27">
        <v>36</v>
      </c>
      <c r="C85" s="28">
        <v>23</v>
      </c>
      <c r="D85" s="29">
        <v>59</v>
      </c>
    </row>
    <row r="86" spans="1:4" ht="18" customHeight="1" x14ac:dyDescent="0.2">
      <c r="A86" s="31">
        <v>66</v>
      </c>
      <c r="B86" s="27">
        <v>29</v>
      </c>
      <c r="C86" s="28">
        <v>25</v>
      </c>
      <c r="D86" s="29">
        <v>54</v>
      </c>
    </row>
    <row r="87" spans="1:4" ht="18" customHeight="1" x14ac:dyDescent="0.2">
      <c r="A87" s="31">
        <v>67</v>
      </c>
      <c r="B87" s="27">
        <v>22</v>
      </c>
      <c r="C87" s="28">
        <v>11</v>
      </c>
      <c r="D87" s="29">
        <v>33</v>
      </c>
    </row>
    <row r="88" spans="1:4" ht="18" customHeight="1" x14ac:dyDescent="0.2">
      <c r="A88" s="31">
        <v>68</v>
      </c>
      <c r="B88" s="27">
        <v>25</v>
      </c>
      <c r="C88" s="28">
        <v>16</v>
      </c>
      <c r="D88" s="29">
        <v>41</v>
      </c>
    </row>
    <row r="89" spans="1:4" ht="18" customHeight="1" x14ac:dyDescent="0.2">
      <c r="A89" s="31">
        <v>69</v>
      </c>
      <c r="B89" s="27">
        <v>22</v>
      </c>
      <c r="C89" s="28">
        <v>22</v>
      </c>
      <c r="D89" s="29">
        <v>44</v>
      </c>
    </row>
    <row r="90" spans="1:4" ht="18" customHeight="1" x14ac:dyDescent="0.2">
      <c r="A90" s="31" t="s">
        <v>63</v>
      </c>
      <c r="B90" s="27">
        <v>134</v>
      </c>
      <c r="C90" s="28">
        <v>97</v>
      </c>
      <c r="D90" s="29">
        <v>231</v>
      </c>
    </row>
    <row r="91" spans="1:4" ht="18" customHeight="1" x14ac:dyDescent="0.2">
      <c r="A91" s="31">
        <v>70</v>
      </c>
      <c r="B91" s="27">
        <v>17</v>
      </c>
      <c r="C91" s="28">
        <v>18</v>
      </c>
      <c r="D91" s="29">
        <v>35</v>
      </c>
    </row>
    <row r="92" spans="1:4" ht="18" customHeight="1" x14ac:dyDescent="0.2">
      <c r="A92" s="31">
        <v>71</v>
      </c>
      <c r="B92" s="27">
        <v>24</v>
      </c>
      <c r="C92" s="28">
        <v>22</v>
      </c>
      <c r="D92" s="29">
        <v>46</v>
      </c>
    </row>
    <row r="93" spans="1:4" ht="18" customHeight="1" x14ac:dyDescent="0.2">
      <c r="A93" s="31">
        <v>72</v>
      </c>
      <c r="B93" s="27">
        <v>29</v>
      </c>
      <c r="C93" s="28">
        <v>23</v>
      </c>
      <c r="D93" s="29">
        <v>52</v>
      </c>
    </row>
    <row r="94" spans="1:4" ht="18" customHeight="1" x14ac:dyDescent="0.2">
      <c r="A94" s="31">
        <v>73</v>
      </c>
      <c r="B94" s="27">
        <v>5</v>
      </c>
      <c r="C94" s="28">
        <v>11</v>
      </c>
      <c r="D94" s="29">
        <v>16</v>
      </c>
    </row>
    <row r="95" spans="1:4" ht="18" customHeight="1" x14ac:dyDescent="0.2">
      <c r="A95" s="31">
        <v>74</v>
      </c>
      <c r="B95" s="27">
        <v>14</v>
      </c>
      <c r="C95" s="28">
        <v>16</v>
      </c>
      <c r="D95" s="29">
        <v>30</v>
      </c>
    </row>
    <row r="96" spans="1:4" ht="18" customHeight="1" x14ac:dyDescent="0.2">
      <c r="A96" s="31" t="s">
        <v>64</v>
      </c>
      <c r="B96" s="27">
        <v>89</v>
      </c>
      <c r="C96" s="28">
        <v>90</v>
      </c>
      <c r="D96" s="29">
        <v>179</v>
      </c>
    </row>
    <row r="97" spans="1:4" ht="18" customHeight="1" x14ac:dyDescent="0.2">
      <c r="A97" s="31">
        <v>75</v>
      </c>
      <c r="B97" s="27">
        <v>12</v>
      </c>
      <c r="C97" s="28">
        <v>15</v>
      </c>
      <c r="D97" s="29">
        <v>27</v>
      </c>
    </row>
    <row r="98" spans="1:4" ht="18" customHeight="1" x14ac:dyDescent="0.2">
      <c r="A98" s="31">
        <v>76</v>
      </c>
      <c r="B98" s="27">
        <v>9</v>
      </c>
      <c r="C98" s="28">
        <v>11</v>
      </c>
      <c r="D98" s="29">
        <v>20</v>
      </c>
    </row>
    <row r="99" spans="1:4" ht="18" customHeight="1" x14ac:dyDescent="0.2">
      <c r="A99" s="31">
        <v>77</v>
      </c>
      <c r="B99" s="27">
        <v>11</v>
      </c>
      <c r="C99" s="28">
        <v>16</v>
      </c>
      <c r="D99" s="29">
        <v>27</v>
      </c>
    </row>
    <row r="100" spans="1:4" ht="18" customHeight="1" x14ac:dyDescent="0.2">
      <c r="A100" s="31">
        <v>78</v>
      </c>
      <c r="B100" s="27">
        <v>12</v>
      </c>
      <c r="C100" s="28">
        <v>11</v>
      </c>
      <c r="D100" s="29">
        <v>23</v>
      </c>
    </row>
    <row r="101" spans="1:4" ht="18" customHeight="1" x14ac:dyDescent="0.2">
      <c r="A101" s="31">
        <v>79</v>
      </c>
      <c r="B101" s="27">
        <v>6</v>
      </c>
      <c r="C101" s="28">
        <v>11</v>
      </c>
      <c r="D101" s="29">
        <v>17</v>
      </c>
    </row>
    <row r="102" spans="1:4" ht="18" customHeight="1" x14ac:dyDescent="0.2">
      <c r="A102" s="31" t="s">
        <v>65</v>
      </c>
      <c r="B102" s="27">
        <v>50</v>
      </c>
      <c r="C102" s="28">
        <v>64</v>
      </c>
      <c r="D102" s="29">
        <v>114</v>
      </c>
    </row>
    <row r="103" spans="1:4" ht="18" customHeight="1" x14ac:dyDescent="0.2">
      <c r="A103" s="31">
        <v>80</v>
      </c>
      <c r="B103" s="27">
        <v>14</v>
      </c>
      <c r="C103" s="28">
        <v>9</v>
      </c>
      <c r="D103" s="29">
        <v>23</v>
      </c>
    </row>
    <row r="104" spans="1:4" ht="18" customHeight="1" x14ac:dyDescent="0.2">
      <c r="A104" s="31">
        <v>81</v>
      </c>
      <c r="B104" s="27">
        <v>9</v>
      </c>
      <c r="C104" s="28">
        <v>10</v>
      </c>
      <c r="D104" s="29">
        <v>19</v>
      </c>
    </row>
    <row r="105" spans="1:4" ht="18" customHeight="1" x14ac:dyDescent="0.2">
      <c r="A105" s="31">
        <v>82</v>
      </c>
      <c r="B105" s="27">
        <v>9</v>
      </c>
      <c r="C105" s="28">
        <v>18</v>
      </c>
      <c r="D105" s="29">
        <v>27</v>
      </c>
    </row>
    <row r="106" spans="1:4" ht="18" customHeight="1" x14ac:dyDescent="0.2">
      <c r="A106" s="31">
        <v>83</v>
      </c>
      <c r="B106" s="27">
        <v>7</v>
      </c>
      <c r="C106" s="28">
        <v>19</v>
      </c>
      <c r="D106" s="29">
        <v>26</v>
      </c>
    </row>
    <row r="107" spans="1:4" ht="18" customHeight="1" x14ac:dyDescent="0.2">
      <c r="A107" s="31">
        <v>84</v>
      </c>
      <c r="B107" s="27">
        <v>5</v>
      </c>
      <c r="C107" s="28">
        <v>11</v>
      </c>
      <c r="D107" s="29">
        <v>16</v>
      </c>
    </row>
    <row r="108" spans="1:4" ht="18" customHeight="1" x14ac:dyDescent="0.2">
      <c r="A108" s="31" t="s">
        <v>66</v>
      </c>
      <c r="B108" s="27">
        <v>44</v>
      </c>
      <c r="C108" s="28">
        <v>67</v>
      </c>
      <c r="D108" s="29">
        <v>111</v>
      </c>
    </row>
    <row r="109" spans="1:4" ht="18" customHeight="1" x14ac:dyDescent="0.2">
      <c r="A109" s="31">
        <v>85</v>
      </c>
      <c r="B109" s="27">
        <v>8</v>
      </c>
      <c r="C109" s="28">
        <v>18</v>
      </c>
      <c r="D109" s="29">
        <v>26</v>
      </c>
    </row>
    <row r="110" spans="1:4" ht="18" customHeight="1" x14ac:dyDescent="0.2">
      <c r="A110" s="31">
        <v>86</v>
      </c>
      <c r="B110" s="27">
        <v>0</v>
      </c>
      <c r="C110" s="28">
        <v>19</v>
      </c>
      <c r="D110" s="29">
        <v>19</v>
      </c>
    </row>
    <row r="111" spans="1:4" ht="18" customHeight="1" x14ac:dyDescent="0.2">
      <c r="A111" s="31">
        <v>87</v>
      </c>
      <c r="B111" s="27">
        <v>5</v>
      </c>
      <c r="C111" s="28">
        <v>16</v>
      </c>
      <c r="D111" s="29">
        <v>21</v>
      </c>
    </row>
    <row r="112" spans="1:4" ht="18" customHeight="1" x14ac:dyDescent="0.2">
      <c r="A112" s="31">
        <v>88</v>
      </c>
      <c r="B112" s="27">
        <v>10</v>
      </c>
      <c r="C112" s="28">
        <v>15</v>
      </c>
      <c r="D112" s="29">
        <v>25</v>
      </c>
    </row>
    <row r="113" spans="1:4" ht="18" customHeight="1" x14ac:dyDescent="0.2">
      <c r="A113" s="31">
        <v>89</v>
      </c>
      <c r="B113" s="27">
        <v>5</v>
      </c>
      <c r="C113" s="28">
        <v>11</v>
      </c>
      <c r="D113" s="29">
        <v>16</v>
      </c>
    </row>
    <row r="114" spans="1:4" ht="18" customHeight="1" x14ac:dyDescent="0.2">
      <c r="A114" s="31" t="s">
        <v>67</v>
      </c>
      <c r="B114" s="27">
        <v>28</v>
      </c>
      <c r="C114" s="28">
        <v>79</v>
      </c>
      <c r="D114" s="29">
        <v>107</v>
      </c>
    </row>
    <row r="115" spans="1:4" ht="18" customHeight="1" x14ac:dyDescent="0.2">
      <c r="A115" s="31">
        <v>90</v>
      </c>
      <c r="B115" s="27">
        <v>4</v>
      </c>
      <c r="C115" s="28">
        <v>14</v>
      </c>
      <c r="D115" s="29">
        <v>18</v>
      </c>
    </row>
    <row r="116" spans="1:4" ht="18" customHeight="1" x14ac:dyDescent="0.2">
      <c r="A116" s="31">
        <v>91</v>
      </c>
      <c r="B116" s="27">
        <v>3</v>
      </c>
      <c r="C116" s="28">
        <v>7</v>
      </c>
      <c r="D116" s="29">
        <v>10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5</v>
      </c>
      <c r="C118" s="28">
        <v>13</v>
      </c>
      <c r="D118" s="29">
        <v>18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15</v>
      </c>
      <c r="C120" s="28">
        <v>41</v>
      </c>
      <c r="D120" s="29">
        <v>56</v>
      </c>
    </row>
    <row r="121" spans="1:4" ht="18" customHeight="1" x14ac:dyDescent="0.2">
      <c r="A121" s="31">
        <v>95</v>
      </c>
      <c r="B121" s="27">
        <v>3</v>
      </c>
      <c r="C121" s="28">
        <v>4</v>
      </c>
      <c r="D121" s="29">
        <v>7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6</v>
      </c>
      <c r="C126" s="28">
        <v>10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366</v>
      </c>
      <c r="C130" s="5">
        <v>451</v>
      </c>
      <c r="D130" s="6">
        <v>817</v>
      </c>
    </row>
    <row r="131" spans="1:4" ht="18" customHeight="1" x14ac:dyDescent="0.2">
      <c r="A131" s="33" t="s">
        <v>47</v>
      </c>
      <c r="B131" s="7">
        <v>1062</v>
      </c>
      <c r="C131" s="8">
        <v>1036</v>
      </c>
      <c r="D131" s="9">
        <v>20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3</v>
      </c>
      <c r="C5" s="37">
        <v>23</v>
      </c>
      <c r="D5" s="39">
        <v>56</v>
      </c>
    </row>
    <row r="6" spans="1:4" ht="18" customHeight="1" x14ac:dyDescent="0.2">
      <c r="A6" s="31">
        <v>1</v>
      </c>
      <c r="B6" s="35">
        <v>29</v>
      </c>
      <c r="C6" s="28">
        <v>27</v>
      </c>
      <c r="D6" s="29">
        <v>56</v>
      </c>
    </row>
    <row r="7" spans="1:4" ht="18" customHeight="1" x14ac:dyDescent="0.2">
      <c r="A7" s="31">
        <v>2</v>
      </c>
      <c r="B7" s="35">
        <v>32</v>
      </c>
      <c r="C7" s="28">
        <v>32</v>
      </c>
      <c r="D7" s="29">
        <v>64</v>
      </c>
    </row>
    <row r="8" spans="1:4" ht="18" customHeight="1" x14ac:dyDescent="0.2">
      <c r="A8" s="31">
        <v>3</v>
      </c>
      <c r="B8" s="35">
        <v>28</v>
      </c>
      <c r="C8" s="28">
        <v>37</v>
      </c>
      <c r="D8" s="29">
        <v>65</v>
      </c>
    </row>
    <row r="9" spans="1:4" ht="18" customHeight="1" x14ac:dyDescent="0.2">
      <c r="A9" s="31">
        <v>4</v>
      </c>
      <c r="B9" s="36">
        <v>52</v>
      </c>
      <c r="C9" s="38">
        <v>31</v>
      </c>
      <c r="D9" s="40">
        <v>83</v>
      </c>
    </row>
    <row r="10" spans="1:4" ht="18" customHeight="1" x14ac:dyDescent="0.2">
      <c r="A10" s="31" t="s">
        <v>48</v>
      </c>
      <c r="B10" s="27">
        <v>174</v>
      </c>
      <c r="C10" s="28">
        <v>150</v>
      </c>
      <c r="D10" s="29">
        <v>324</v>
      </c>
    </row>
    <row r="11" spans="1:4" ht="18" customHeight="1" x14ac:dyDescent="0.2">
      <c r="A11" s="31">
        <v>5</v>
      </c>
      <c r="B11" s="35">
        <v>30</v>
      </c>
      <c r="C11" s="28">
        <v>30</v>
      </c>
      <c r="D11" s="29">
        <v>60</v>
      </c>
    </row>
    <row r="12" spans="1:4" ht="18" customHeight="1" x14ac:dyDescent="0.2">
      <c r="A12" s="31">
        <v>6</v>
      </c>
      <c r="B12" s="35">
        <v>36</v>
      </c>
      <c r="C12" s="28">
        <v>36</v>
      </c>
      <c r="D12" s="29">
        <v>72</v>
      </c>
    </row>
    <row r="13" spans="1:4" ht="18" customHeight="1" x14ac:dyDescent="0.2">
      <c r="A13" s="31">
        <v>7</v>
      </c>
      <c r="B13" s="35">
        <v>37</v>
      </c>
      <c r="C13" s="28">
        <v>37</v>
      </c>
      <c r="D13" s="29">
        <v>74</v>
      </c>
    </row>
    <row r="14" spans="1:4" ht="18" customHeight="1" x14ac:dyDescent="0.2">
      <c r="A14" s="31">
        <v>8</v>
      </c>
      <c r="B14" s="35">
        <v>48</v>
      </c>
      <c r="C14" s="28">
        <v>42</v>
      </c>
      <c r="D14" s="29">
        <v>90</v>
      </c>
    </row>
    <row r="15" spans="1:4" ht="18" customHeight="1" x14ac:dyDescent="0.2">
      <c r="A15" s="31">
        <v>9</v>
      </c>
      <c r="B15" s="35">
        <v>52</v>
      </c>
      <c r="C15" s="28">
        <v>44</v>
      </c>
      <c r="D15" s="29">
        <v>96</v>
      </c>
    </row>
    <row r="16" spans="1:4" ht="18" customHeight="1" x14ac:dyDescent="0.2">
      <c r="A16" s="31" t="s">
        <v>49</v>
      </c>
      <c r="B16" s="27">
        <v>203</v>
      </c>
      <c r="C16" s="28">
        <v>189</v>
      </c>
      <c r="D16" s="29">
        <v>392</v>
      </c>
    </row>
    <row r="17" spans="1:4" ht="18" customHeight="1" x14ac:dyDescent="0.2">
      <c r="A17" s="31">
        <v>10</v>
      </c>
      <c r="B17" s="27">
        <v>44</v>
      </c>
      <c r="C17" s="28">
        <v>40</v>
      </c>
      <c r="D17" s="29">
        <v>84</v>
      </c>
    </row>
    <row r="18" spans="1:4" ht="18" customHeight="1" x14ac:dyDescent="0.2">
      <c r="A18" s="31">
        <v>11</v>
      </c>
      <c r="B18" s="27">
        <v>40</v>
      </c>
      <c r="C18" s="28">
        <v>46</v>
      </c>
      <c r="D18" s="29">
        <v>86</v>
      </c>
    </row>
    <row r="19" spans="1:4" ht="18" customHeight="1" x14ac:dyDescent="0.2">
      <c r="A19" s="31">
        <v>12</v>
      </c>
      <c r="B19" s="27">
        <v>40</v>
      </c>
      <c r="C19" s="28">
        <v>36</v>
      </c>
      <c r="D19" s="29">
        <v>76</v>
      </c>
    </row>
    <row r="20" spans="1:4" ht="18" customHeight="1" x14ac:dyDescent="0.2">
      <c r="A20" s="31">
        <v>13</v>
      </c>
      <c r="B20" s="27">
        <v>41</v>
      </c>
      <c r="C20" s="28">
        <v>50</v>
      </c>
      <c r="D20" s="29">
        <v>91</v>
      </c>
    </row>
    <row r="21" spans="1:4" ht="18" customHeight="1" x14ac:dyDescent="0.2">
      <c r="A21" s="31">
        <v>14</v>
      </c>
      <c r="B21" s="27">
        <v>60</v>
      </c>
      <c r="C21" s="28">
        <v>48</v>
      </c>
      <c r="D21" s="29">
        <v>108</v>
      </c>
    </row>
    <row r="22" spans="1:4" ht="18" customHeight="1" x14ac:dyDescent="0.2">
      <c r="A22" s="31" t="s">
        <v>50</v>
      </c>
      <c r="B22" s="27">
        <v>225</v>
      </c>
      <c r="C22" s="28">
        <v>220</v>
      </c>
      <c r="D22" s="29">
        <v>445</v>
      </c>
    </row>
    <row r="23" spans="1:4" ht="18" customHeight="1" x14ac:dyDescent="0.2">
      <c r="A23" s="31" t="s">
        <v>51</v>
      </c>
      <c r="B23" s="27">
        <v>602</v>
      </c>
      <c r="C23" s="28">
        <v>559</v>
      </c>
      <c r="D23" s="29">
        <v>1161</v>
      </c>
    </row>
    <row r="24" spans="1:4" ht="18" customHeight="1" x14ac:dyDescent="0.2">
      <c r="A24" s="31">
        <v>15</v>
      </c>
      <c r="B24" s="27">
        <v>59</v>
      </c>
      <c r="C24" s="28">
        <v>48</v>
      </c>
      <c r="D24" s="29">
        <v>107</v>
      </c>
    </row>
    <row r="25" spans="1:4" ht="18" customHeight="1" x14ac:dyDescent="0.2">
      <c r="A25" s="31">
        <v>16</v>
      </c>
      <c r="B25" s="27">
        <v>57</v>
      </c>
      <c r="C25" s="28">
        <v>50</v>
      </c>
      <c r="D25" s="29">
        <v>107</v>
      </c>
    </row>
    <row r="26" spans="1:4" ht="18" customHeight="1" x14ac:dyDescent="0.2">
      <c r="A26" s="31">
        <v>17</v>
      </c>
      <c r="B26" s="27">
        <v>76</v>
      </c>
      <c r="C26" s="28">
        <v>62</v>
      </c>
      <c r="D26" s="29">
        <v>138</v>
      </c>
    </row>
    <row r="27" spans="1:4" ht="18" customHeight="1" x14ac:dyDescent="0.2">
      <c r="A27" s="31">
        <v>18</v>
      </c>
      <c r="B27" s="27">
        <v>54</v>
      </c>
      <c r="C27" s="28">
        <v>58</v>
      </c>
      <c r="D27" s="29">
        <v>112</v>
      </c>
    </row>
    <row r="28" spans="1:4" ht="18" customHeight="1" x14ac:dyDescent="0.2">
      <c r="A28" s="31">
        <v>19</v>
      </c>
      <c r="B28" s="27">
        <v>68</v>
      </c>
      <c r="C28" s="28">
        <v>59</v>
      </c>
      <c r="D28" s="29">
        <v>127</v>
      </c>
    </row>
    <row r="29" spans="1:4" ht="18" customHeight="1" x14ac:dyDescent="0.2">
      <c r="A29" s="31" t="s">
        <v>52</v>
      </c>
      <c r="B29" s="27">
        <v>314</v>
      </c>
      <c r="C29" s="28">
        <v>277</v>
      </c>
      <c r="D29" s="29">
        <v>591</v>
      </c>
    </row>
    <row r="30" spans="1:4" ht="18" customHeight="1" x14ac:dyDescent="0.2">
      <c r="A30" s="31">
        <v>20</v>
      </c>
      <c r="B30" s="27">
        <v>45</v>
      </c>
      <c r="C30" s="28">
        <v>73</v>
      </c>
      <c r="D30" s="29">
        <v>118</v>
      </c>
    </row>
    <row r="31" spans="1:4" ht="18" customHeight="1" x14ac:dyDescent="0.2">
      <c r="A31" s="31">
        <v>21</v>
      </c>
      <c r="B31" s="27">
        <v>79</v>
      </c>
      <c r="C31" s="28">
        <v>59</v>
      </c>
      <c r="D31" s="29">
        <v>138</v>
      </c>
    </row>
    <row r="32" spans="1:4" ht="18" customHeight="1" x14ac:dyDescent="0.2">
      <c r="A32" s="31">
        <v>22</v>
      </c>
      <c r="B32" s="27">
        <v>60</v>
      </c>
      <c r="C32" s="28">
        <v>49</v>
      </c>
      <c r="D32" s="29">
        <v>109</v>
      </c>
    </row>
    <row r="33" spans="1:4" ht="18" customHeight="1" x14ac:dyDescent="0.2">
      <c r="A33" s="31">
        <v>23</v>
      </c>
      <c r="B33" s="27">
        <v>64</v>
      </c>
      <c r="C33" s="28">
        <v>43</v>
      </c>
      <c r="D33" s="29">
        <v>107</v>
      </c>
    </row>
    <row r="34" spans="1:4" ht="18" customHeight="1" x14ac:dyDescent="0.2">
      <c r="A34" s="31">
        <v>24</v>
      </c>
      <c r="B34" s="27">
        <v>65</v>
      </c>
      <c r="C34" s="28">
        <v>52</v>
      </c>
      <c r="D34" s="29">
        <v>117</v>
      </c>
    </row>
    <row r="35" spans="1:4" ht="18" customHeight="1" x14ac:dyDescent="0.2">
      <c r="A35" s="31" t="s">
        <v>53</v>
      </c>
      <c r="B35" s="27">
        <v>313</v>
      </c>
      <c r="C35" s="28">
        <v>276</v>
      </c>
      <c r="D35" s="29">
        <v>589</v>
      </c>
    </row>
    <row r="36" spans="1:4" ht="18" customHeight="1" x14ac:dyDescent="0.2">
      <c r="A36" s="31">
        <v>25</v>
      </c>
      <c r="B36" s="27">
        <v>67</v>
      </c>
      <c r="C36" s="28">
        <v>57</v>
      </c>
      <c r="D36" s="29">
        <v>124</v>
      </c>
    </row>
    <row r="37" spans="1:4" ht="18" customHeight="1" x14ac:dyDescent="0.2">
      <c r="A37" s="31">
        <v>26</v>
      </c>
      <c r="B37" s="27">
        <v>42</v>
      </c>
      <c r="C37" s="28">
        <v>40</v>
      </c>
      <c r="D37" s="29">
        <v>82</v>
      </c>
    </row>
    <row r="38" spans="1:4" ht="18" customHeight="1" x14ac:dyDescent="0.2">
      <c r="A38" s="31">
        <v>27</v>
      </c>
      <c r="B38" s="27">
        <v>64</v>
      </c>
      <c r="C38" s="28">
        <v>53</v>
      </c>
      <c r="D38" s="29">
        <v>117</v>
      </c>
    </row>
    <row r="39" spans="1:4" ht="18" customHeight="1" x14ac:dyDescent="0.2">
      <c r="A39" s="31">
        <v>28</v>
      </c>
      <c r="B39" s="27">
        <v>54</v>
      </c>
      <c r="C39" s="28">
        <v>35</v>
      </c>
      <c r="D39" s="29">
        <v>89</v>
      </c>
    </row>
    <row r="40" spans="1:4" ht="18" customHeight="1" x14ac:dyDescent="0.2">
      <c r="A40" s="31">
        <v>29</v>
      </c>
      <c r="B40" s="27">
        <v>49</v>
      </c>
      <c r="C40" s="28">
        <v>43</v>
      </c>
      <c r="D40" s="29">
        <v>92</v>
      </c>
    </row>
    <row r="41" spans="1:4" ht="18" customHeight="1" x14ac:dyDescent="0.2">
      <c r="A41" s="31" t="s">
        <v>54</v>
      </c>
      <c r="B41" s="27">
        <v>276</v>
      </c>
      <c r="C41" s="28">
        <v>228</v>
      </c>
      <c r="D41" s="29">
        <v>504</v>
      </c>
    </row>
    <row r="42" spans="1:4" ht="18" customHeight="1" x14ac:dyDescent="0.2">
      <c r="A42" s="31">
        <v>30</v>
      </c>
      <c r="B42" s="27">
        <v>57</v>
      </c>
      <c r="C42" s="28">
        <v>32</v>
      </c>
      <c r="D42" s="29">
        <v>89</v>
      </c>
    </row>
    <row r="43" spans="1:4" ht="18" customHeight="1" x14ac:dyDescent="0.2">
      <c r="A43" s="31">
        <v>31</v>
      </c>
      <c r="B43" s="27">
        <v>62</v>
      </c>
      <c r="C43" s="28">
        <v>54</v>
      </c>
      <c r="D43" s="29">
        <v>116</v>
      </c>
    </row>
    <row r="44" spans="1:4" ht="18" customHeight="1" x14ac:dyDescent="0.2">
      <c r="A44" s="31">
        <v>32</v>
      </c>
      <c r="B44" s="27">
        <v>61</v>
      </c>
      <c r="C44" s="28">
        <v>57</v>
      </c>
      <c r="D44" s="29">
        <v>118</v>
      </c>
    </row>
    <row r="45" spans="1:4" ht="18" customHeight="1" x14ac:dyDescent="0.2">
      <c r="A45" s="31">
        <v>33</v>
      </c>
      <c r="B45" s="27">
        <v>60</v>
      </c>
      <c r="C45" s="28">
        <v>53</v>
      </c>
      <c r="D45" s="29">
        <v>113</v>
      </c>
    </row>
    <row r="46" spans="1:4" ht="18" customHeight="1" x14ac:dyDescent="0.2">
      <c r="A46" s="31">
        <v>34</v>
      </c>
      <c r="B46" s="27">
        <v>64</v>
      </c>
      <c r="C46" s="28">
        <v>60</v>
      </c>
      <c r="D46" s="29">
        <v>124</v>
      </c>
    </row>
    <row r="47" spans="1:4" ht="18" customHeight="1" x14ac:dyDescent="0.2">
      <c r="A47" s="31" t="s">
        <v>55</v>
      </c>
      <c r="B47" s="27">
        <v>304</v>
      </c>
      <c r="C47" s="28">
        <v>256</v>
      </c>
      <c r="D47" s="29">
        <v>560</v>
      </c>
    </row>
    <row r="48" spans="1:4" ht="18" customHeight="1" x14ac:dyDescent="0.2">
      <c r="A48" s="31">
        <v>35</v>
      </c>
      <c r="B48" s="27">
        <v>67</v>
      </c>
      <c r="C48" s="28">
        <v>47</v>
      </c>
      <c r="D48" s="29">
        <v>114</v>
      </c>
    </row>
    <row r="49" spans="1:4" ht="18" customHeight="1" x14ac:dyDescent="0.2">
      <c r="A49" s="31">
        <v>36</v>
      </c>
      <c r="B49" s="27">
        <v>67</v>
      </c>
      <c r="C49" s="28">
        <v>40</v>
      </c>
      <c r="D49" s="29">
        <v>107</v>
      </c>
    </row>
    <row r="50" spans="1:4" ht="18" customHeight="1" x14ac:dyDescent="0.2">
      <c r="A50" s="31">
        <v>37</v>
      </c>
      <c r="B50" s="27">
        <v>64</v>
      </c>
      <c r="C50" s="28">
        <v>65</v>
      </c>
      <c r="D50" s="29">
        <v>129</v>
      </c>
    </row>
    <row r="51" spans="1:4" ht="18" customHeight="1" x14ac:dyDescent="0.2">
      <c r="A51" s="31">
        <v>38</v>
      </c>
      <c r="B51" s="27">
        <v>57</v>
      </c>
      <c r="C51" s="28">
        <v>55</v>
      </c>
      <c r="D51" s="29">
        <v>112</v>
      </c>
    </row>
    <row r="52" spans="1:4" ht="18" customHeight="1" x14ac:dyDescent="0.2">
      <c r="A52" s="31">
        <v>39</v>
      </c>
      <c r="B52" s="27">
        <v>61</v>
      </c>
      <c r="C52" s="28">
        <v>47</v>
      </c>
      <c r="D52" s="29">
        <v>108</v>
      </c>
    </row>
    <row r="53" spans="1:4" ht="18" customHeight="1" x14ac:dyDescent="0.2">
      <c r="A53" s="31" t="s">
        <v>56</v>
      </c>
      <c r="B53" s="27">
        <v>316</v>
      </c>
      <c r="C53" s="28">
        <v>254</v>
      </c>
      <c r="D53" s="29">
        <v>570</v>
      </c>
    </row>
    <row r="54" spans="1:4" ht="18" customHeight="1" x14ac:dyDescent="0.2">
      <c r="A54" s="31">
        <v>40</v>
      </c>
      <c r="B54" s="27">
        <v>60</v>
      </c>
      <c r="C54" s="28">
        <v>64</v>
      </c>
      <c r="D54" s="29">
        <v>124</v>
      </c>
    </row>
    <row r="55" spans="1:4" ht="18" customHeight="1" x14ac:dyDescent="0.2">
      <c r="A55" s="31">
        <v>41</v>
      </c>
      <c r="B55" s="27">
        <v>66</v>
      </c>
      <c r="C55" s="28">
        <v>74</v>
      </c>
      <c r="D55" s="29">
        <v>140</v>
      </c>
    </row>
    <row r="56" spans="1:4" ht="18" customHeight="1" x14ac:dyDescent="0.2">
      <c r="A56" s="31">
        <v>42</v>
      </c>
      <c r="B56" s="27">
        <v>75</v>
      </c>
      <c r="C56" s="28">
        <v>54</v>
      </c>
      <c r="D56" s="29">
        <v>129</v>
      </c>
    </row>
    <row r="57" spans="1:4" ht="18" customHeight="1" x14ac:dyDescent="0.2">
      <c r="A57" s="31">
        <v>43</v>
      </c>
      <c r="B57" s="27">
        <v>67</v>
      </c>
      <c r="C57" s="28">
        <v>64</v>
      </c>
      <c r="D57" s="29">
        <v>131</v>
      </c>
    </row>
    <row r="58" spans="1:4" ht="18" customHeight="1" x14ac:dyDescent="0.2">
      <c r="A58" s="31">
        <v>44</v>
      </c>
      <c r="B58" s="27">
        <v>67</v>
      </c>
      <c r="C58" s="28">
        <v>92</v>
      </c>
      <c r="D58" s="29">
        <v>159</v>
      </c>
    </row>
    <row r="59" spans="1:4" ht="18" customHeight="1" x14ac:dyDescent="0.2">
      <c r="A59" s="31" t="s">
        <v>57</v>
      </c>
      <c r="B59" s="27">
        <v>335</v>
      </c>
      <c r="C59" s="28">
        <v>348</v>
      </c>
      <c r="D59" s="29">
        <v>683</v>
      </c>
    </row>
    <row r="60" spans="1:4" ht="18" customHeight="1" x14ac:dyDescent="0.2">
      <c r="A60" s="31">
        <v>45</v>
      </c>
      <c r="B60" s="27">
        <v>81</v>
      </c>
      <c r="C60" s="28">
        <v>69</v>
      </c>
      <c r="D60" s="29">
        <v>150</v>
      </c>
    </row>
    <row r="61" spans="1:4" ht="18" customHeight="1" x14ac:dyDescent="0.2">
      <c r="A61" s="31">
        <v>46</v>
      </c>
      <c r="B61" s="27">
        <v>92</v>
      </c>
      <c r="C61" s="28">
        <v>81</v>
      </c>
      <c r="D61" s="29">
        <v>173</v>
      </c>
    </row>
    <row r="62" spans="1:4" ht="18" customHeight="1" x14ac:dyDescent="0.2">
      <c r="A62" s="31">
        <v>47</v>
      </c>
      <c r="B62" s="27">
        <v>92</v>
      </c>
      <c r="C62" s="28">
        <v>96</v>
      </c>
      <c r="D62" s="29">
        <v>188</v>
      </c>
    </row>
    <row r="63" spans="1:4" ht="18" customHeight="1" x14ac:dyDescent="0.2">
      <c r="A63" s="31">
        <v>48</v>
      </c>
      <c r="B63" s="27">
        <v>96</v>
      </c>
      <c r="C63" s="28">
        <v>100</v>
      </c>
      <c r="D63" s="29">
        <v>196</v>
      </c>
    </row>
    <row r="64" spans="1:4" ht="18" customHeight="1" x14ac:dyDescent="0.2">
      <c r="A64" s="31">
        <v>49</v>
      </c>
      <c r="B64" s="27">
        <v>71</v>
      </c>
      <c r="C64" s="28">
        <v>79</v>
      </c>
      <c r="D64" s="29">
        <v>150</v>
      </c>
    </row>
    <row r="65" spans="1:4" ht="18" customHeight="1" x14ac:dyDescent="0.2">
      <c r="A65" s="31" t="s">
        <v>58</v>
      </c>
      <c r="B65" s="27">
        <v>432</v>
      </c>
      <c r="C65" s="28">
        <v>425</v>
      </c>
      <c r="D65" s="29">
        <v>857</v>
      </c>
    </row>
    <row r="66" spans="1:4" ht="18" customHeight="1" x14ac:dyDescent="0.2">
      <c r="A66" s="31">
        <v>50</v>
      </c>
      <c r="B66" s="27">
        <v>89</v>
      </c>
      <c r="C66" s="28">
        <v>79</v>
      </c>
      <c r="D66" s="29">
        <v>168</v>
      </c>
    </row>
    <row r="67" spans="1:4" ht="18" customHeight="1" x14ac:dyDescent="0.2">
      <c r="A67" s="31">
        <v>51</v>
      </c>
      <c r="B67" s="27">
        <v>91</v>
      </c>
      <c r="C67" s="28">
        <v>77</v>
      </c>
      <c r="D67" s="29">
        <v>168</v>
      </c>
    </row>
    <row r="68" spans="1:4" ht="18" customHeight="1" x14ac:dyDescent="0.2">
      <c r="A68" s="31">
        <v>52</v>
      </c>
      <c r="B68" s="27">
        <v>94</v>
      </c>
      <c r="C68" s="28">
        <v>101</v>
      </c>
      <c r="D68" s="29">
        <v>195</v>
      </c>
    </row>
    <row r="69" spans="1:4" ht="18" customHeight="1" x14ac:dyDescent="0.2">
      <c r="A69" s="31">
        <v>53</v>
      </c>
      <c r="B69" s="27">
        <v>67</v>
      </c>
      <c r="C69" s="28">
        <v>69</v>
      </c>
      <c r="D69" s="29">
        <v>136</v>
      </c>
    </row>
    <row r="70" spans="1:4" ht="18" customHeight="1" x14ac:dyDescent="0.2">
      <c r="A70" s="31">
        <v>54</v>
      </c>
      <c r="B70" s="27">
        <v>74</v>
      </c>
      <c r="C70" s="28">
        <v>79</v>
      </c>
      <c r="D70" s="29">
        <v>153</v>
      </c>
    </row>
    <row r="71" spans="1:4" ht="18" customHeight="1" x14ac:dyDescent="0.2">
      <c r="A71" s="31" t="s">
        <v>59</v>
      </c>
      <c r="B71" s="27">
        <v>415</v>
      </c>
      <c r="C71" s="28">
        <v>405</v>
      </c>
      <c r="D71" s="29">
        <v>820</v>
      </c>
    </row>
    <row r="72" spans="1:4" ht="18" customHeight="1" x14ac:dyDescent="0.2">
      <c r="A72" s="31">
        <v>55</v>
      </c>
      <c r="B72" s="27">
        <v>85</v>
      </c>
      <c r="C72" s="28">
        <v>77</v>
      </c>
      <c r="D72" s="29">
        <v>162</v>
      </c>
    </row>
    <row r="73" spans="1:4" ht="18" customHeight="1" x14ac:dyDescent="0.2">
      <c r="A73" s="31">
        <v>56</v>
      </c>
      <c r="B73" s="27">
        <v>82</v>
      </c>
      <c r="C73" s="28">
        <v>72</v>
      </c>
      <c r="D73" s="29">
        <v>154</v>
      </c>
    </row>
    <row r="74" spans="1:4" ht="18" customHeight="1" x14ac:dyDescent="0.2">
      <c r="A74" s="31">
        <v>57</v>
      </c>
      <c r="B74" s="27">
        <v>82</v>
      </c>
      <c r="C74" s="28">
        <v>74</v>
      </c>
      <c r="D74" s="29">
        <v>156</v>
      </c>
    </row>
    <row r="75" spans="1:4" ht="18" customHeight="1" x14ac:dyDescent="0.2">
      <c r="A75" s="31">
        <v>58</v>
      </c>
      <c r="B75" s="27">
        <v>74</v>
      </c>
      <c r="C75" s="28">
        <v>96</v>
      </c>
      <c r="D75" s="29">
        <v>170</v>
      </c>
    </row>
    <row r="76" spans="1:4" ht="18" customHeight="1" x14ac:dyDescent="0.2">
      <c r="A76" s="31">
        <v>59</v>
      </c>
      <c r="B76" s="27">
        <v>77</v>
      </c>
      <c r="C76" s="28">
        <v>85</v>
      </c>
      <c r="D76" s="29">
        <v>162</v>
      </c>
    </row>
    <row r="77" spans="1:4" ht="18" customHeight="1" x14ac:dyDescent="0.2">
      <c r="A77" s="31" t="s">
        <v>60</v>
      </c>
      <c r="B77" s="27">
        <v>400</v>
      </c>
      <c r="C77" s="28">
        <v>404</v>
      </c>
      <c r="D77" s="29">
        <v>804</v>
      </c>
    </row>
    <row r="78" spans="1:4" ht="18" customHeight="1" x14ac:dyDescent="0.2">
      <c r="A78" s="31">
        <v>60</v>
      </c>
      <c r="B78" s="27">
        <v>84</v>
      </c>
      <c r="C78" s="28">
        <v>80</v>
      </c>
      <c r="D78" s="29">
        <v>164</v>
      </c>
    </row>
    <row r="79" spans="1:4" ht="18" customHeight="1" x14ac:dyDescent="0.2">
      <c r="A79" s="31">
        <v>61</v>
      </c>
      <c r="B79" s="27">
        <v>87</v>
      </c>
      <c r="C79" s="28">
        <v>82</v>
      </c>
      <c r="D79" s="29">
        <v>169</v>
      </c>
    </row>
    <row r="80" spans="1:4" ht="18" customHeight="1" x14ac:dyDescent="0.2">
      <c r="A80" s="31">
        <v>62</v>
      </c>
      <c r="B80" s="27">
        <v>75</v>
      </c>
      <c r="C80" s="28">
        <v>66</v>
      </c>
      <c r="D80" s="29">
        <v>141</v>
      </c>
    </row>
    <row r="81" spans="1:4" ht="18" customHeight="1" x14ac:dyDescent="0.2">
      <c r="A81" s="31">
        <v>63</v>
      </c>
      <c r="B81" s="27">
        <v>82</v>
      </c>
      <c r="C81" s="28">
        <v>75</v>
      </c>
      <c r="D81" s="29">
        <v>157</v>
      </c>
    </row>
    <row r="82" spans="1:4" ht="18" customHeight="1" x14ac:dyDescent="0.2">
      <c r="A82" s="31">
        <v>64</v>
      </c>
      <c r="B82" s="27">
        <v>77</v>
      </c>
      <c r="C82" s="28">
        <v>84</v>
      </c>
      <c r="D82" s="29">
        <v>161</v>
      </c>
    </row>
    <row r="83" spans="1:4" ht="18" customHeight="1" x14ac:dyDescent="0.2">
      <c r="A83" s="31" t="s">
        <v>61</v>
      </c>
      <c r="B83" s="27">
        <v>405</v>
      </c>
      <c r="C83" s="28">
        <v>387</v>
      </c>
      <c r="D83" s="29">
        <v>792</v>
      </c>
    </row>
    <row r="84" spans="1:4" ht="18" customHeight="1" x14ac:dyDescent="0.2">
      <c r="A84" s="31" t="s">
        <v>62</v>
      </c>
      <c r="B84" s="27">
        <v>3510</v>
      </c>
      <c r="C84" s="28">
        <v>3260</v>
      </c>
      <c r="D84" s="29">
        <v>6770</v>
      </c>
    </row>
    <row r="85" spans="1:4" ht="18" customHeight="1" x14ac:dyDescent="0.2">
      <c r="A85" s="31">
        <v>65</v>
      </c>
      <c r="B85" s="27">
        <v>84</v>
      </c>
      <c r="C85" s="28">
        <v>74</v>
      </c>
      <c r="D85" s="29">
        <v>158</v>
      </c>
    </row>
    <row r="86" spans="1:4" ht="18" customHeight="1" x14ac:dyDescent="0.2">
      <c r="A86" s="31">
        <v>66</v>
      </c>
      <c r="B86" s="27">
        <v>69</v>
      </c>
      <c r="C86" s="28">
        <v>93</v>
      </c>
      <c r="D86" s="29">
        <v>162</v>
      </c>
    </row>
    <row r="87" spans="1:4" ht="18" customHeight="1" x14ac:dyDescent="0.2">
      <c r="A87" s="31">
        <v>67</v>
      </c>
      <c r="B87" s="27">
        <v>69</v>
      </c>
      <c r="C87" s="28">
        <v>85</v>
      </c>
      <c r="D87" s="29">
        <v>154</v>
      </c>
    </row>
    <row r="88" spans="1:4" ht="18" customHeight="1" x14ac:dyDescent="0.2">
      <c r="A88" s="31">
        <v>68</v>
      </c>
      <c r="B88" s="27">
        <v>82</v>
      </c>
      <c r="C88" s="28">
        <v>86</v>
      </c>
      <c r="D88" s="29">
        <v>168</v>
      </c>
    </row>
    <row r="89" spans="1:4" ht="18" customHeight="1" x14ac:dyDescent="0.2">
      <c r="A89" s="31">
        <v>69</v>
      </c>
      <c r="B89" s="27">
        <v>92</v>
      </c>
      <c r="C89" s="28">
        <v>77</v>
      </c>
      <c r="D89" s="29">
        <v>169</v>
      </c>
    </row>
    <row r="90" spans="1:4" ht="18" customHeight="1" x14ac:dyDescent="0.2">
      <c r="A90" s="31" t="s">
        <v>63</v>
      </c>
      <c r="B90" s="27">
        <v>396</v>
      </c>
      <c r="C90" s="28">
        <v>415</v>
      </c>
      <c r="D90" s="29">
        <v>811</v>
      </c>
    </row>
    <row r="91" spans="1:4" ht="18" customHeight="1" x14ac:dyDescent="0.2">
      <c r="A91" s="31">
        <v>70</v>
      </c>
      <c r="B91" s="27">
        <v>87</v>
      </c>
      <c r="C91" s="28">
        <v>104</v>
      </c>
      <c r="D91" s="29">
        <v>191</v>
      </c>
    </row>
    <row r="92" spans="1:4" ht="18" customHeight="1" x14ac:dyDescent="0.2">
      <c r="A92" s="31">
        <v>71</v>
      </c>
      <c r="B92" s="27">
        <v>98</v>
      </c>
      <c r="C92" s="28">
        <v>106</v>
      </c>
      <c r="D92" s="29">
        <v>204</v>
      </c>
    </row>
    <row r="93" spans="1:4" ht="18" customHeight="1" x14ac:dyDescent="0.2">
      <c r="A93" s="31">
        <v>72</v>
      </c>
      <c r="B93" s="27">
        <v>99</v>
      </c>
      <c r="C93" s="28">
        <v>129</v>
      </c>
      <c r="D93" s="29">
        <v>228</v>
      </c>
    </row>
    <row r="94" spans="1:4" ht="18" customHeight="1" x14ac:dyDescent="0.2">
      <c r="A94" s="31">
        <v>73</v>
      </c>
      <c r="B94" s="27">
        <v>48</v>
      </c>
      <c r="C94" s="28">
        <v>58</v>
      </c>
      <c r="D94" s="29">
        <v>106</v>
      </c>
    </row>
    <row r="95" spans="1:4" ht="18" customHeight="1" x14ac:dyDescent="0.2">
      <c r="A95" s="31">
        <v>74</v>
      </c>
      <c r="B95" s="27">
        <v>62</v>
      </c>
      <c r="C95" s="28">
        <v>76</v>
      </c>
      <c r="D95" s="29">
        <v>138</v>
      </c>
    </row>
    <row r="96" spans="1:4" ht="18" customHeight="1" x14ac:dyDescent="0.2">
      <c r="A96" s="31" t="s">
        <v>64</v>
      </c>
      <c r="B96" s="27">
        <v>394</v>
      </c>
      <c r="C96" s="28">
        <v>473</v>
      </c>
      <c r="D96" s="29">
        <v>867</v>
      </c>
    </row>
    <row r="97" spans="1:4" ht="18" customHeight="1" x14ac:dyDescent="0.2">
      <c r="A97" s="31">
        <v>75</v>
      </c>
      <c r="B97" s="27">
        <v>60</v>
      </c>
      <c r="C97" s="28">
        <v>97</v>
      </c>
      <c r="D97" s="29">
        <v>157</v>
      </c>
    </row>
    <row r="98" spans="1:4" ht="18" customHeight="1" x14ac:dyDescent="0.2">
      <c r="A98" s="31">
        <v>76</v>
      </c>
      <c r="B98" s="27">
        <v>60</v>
      </c>
      <c r="C98" s="28">
        <v>97</v>
      </c>
      <c r="D98" s="29">
        <v>157</v>
      </c>
    </row>
    <row r="99" spans="1:4" ht="18" customHeight="1" x14ac:dyDescent="0.2">
      <c r="A99" s="31">
        <v>77</v>
      </c>
      <c r="B99" s="27">
        <v>78</v>
      </c>
      <c r="C99" s="28">
        <v>99</v>
      </c>
      <c r="D99" s="29">
        <v>177</v>
      </c>
    </row>
    <row r="100" spans="1:4" ht="18" customHeight="1" x14ac:dyDescent="0.2">
      <c r="A100" s="31">
        <v>78</v>
      </c>
      <c r="B100" s="27">
        <v>73</v>
      </c>
      <c r="C100" s="28">
        <v>94</v>
      </c>
      <c r="D100" s="29">
        <v>167</v>
      </c>
    </row>
    <row r="101" spans="1:4" ht="18" customHeight="1" x14ac:dyDescent="0.2">
      <c r="A101" s="31">
        <v>79</v>
      </c>
      <c r="B101" s="27">
        <v>61</v>
      </c>
      <c r="C101" s="28">
        <v>86</v>
      </c>
      <c r="D101" s="29">
        <v>147</v>
      </c>
    </row>
    <row r="102" spans="1:4" ht="18" customHeight="1" x14ac:dyDescent="0.2">
      <c r="A102" s="31" t="s">
        <v>65</v>
      </c>
      <c r="B102" s="27">
        <v>332</v>
      </c>
      <c r="C102" s="28">
        <v>473</v>
      </c>
      <c r="D102" s="29">
        <v>805</v>
      </c>
    </row>
    <row r="103" spans="1:4" ht="18" customHeight="1" x14ac:dyDescent="0.2">
      <c r="A103" s="31">
        <v>80</v>
      </c>
      <c r="B103" s="27">
        <v>44</v>
      </c>
      <c r="C103" s="28">
        <v>67</v>
      </c>
      <c r="D103" s="29">
        <v>111</v>
      </c>
    </row>
    <row r="104" spans="1:4" ht="18" customHeight="1" x14ac:dyDescent="0.2">
      <c r="A104" s="31">
        <v>81</v>
      </c>
      <c r="B104" s="27">
        <v>53</v>
      </c>
      <c r="C104" s="28">
        <v>66</v>
      </c>
      <c r="D104" s="29">
        <v>119</v>
      </c>
    </row>
    <row r="105" spans="1:4" ht="18" customHeight="1" x14ac:dyDescent="0.2">
      <c r="A105" s="31">
        <v>82</v>
      </c>
      <c r="B105" s="27">
        <v>48</v>
      </c>
      <c r="C105" s="28">
        <v>54</v>
      </c>
      <c r="D105" s="29">
        <v>102</v>
      </c>
    </row>
    <row r="106" spans="1:4" ht="18" customHeight="1" x14ac:dyDescent="0.2">
      <c r="A106" s="31">
        <v>83</v>
      </c>
      <c r="B106" s="27">
        <v>48</v>
      </c>
      <c r="C106" s="28">
        <v>70</v>
      </c>
      <c r="D106" s="29">
        <v>118</v>
      </c>
    </row>
    <row r="107" spans="1:4" ht="18" customHeight="1" x14ac:dyDescent="0.2">
      <c r="A107" s="31">
        <v>84</v>
      </c>
      <c r="B107" s="27">
        <v>36</v>
      </c>
      <c r="C107" s="28">
        <v>78</v>
      </c>
      <c r="D107" s="29">
        <v>114</v>
      </c>
    </row>
    <row r="108" spans="1:4" ht="18" customHeight="1" x14ac:dyDescent="0.2">
      <c r="A108" s="31" t="s">
        <v>66</v>
      </c>
      <c r="B108" s="27">
        <v>229</v>
      </c>
      <c r="C108" s="28">
        <v>335</v>
      </c>
      <c r="D108" s="29">
        <v>564</v>
      </c>
    </row>
    <row r="109" spans="1:4" ht="18" customHeight="1" x14ac:dyDescent="0.2">
      <c r="A109" s="31">
        <v>85</v>
      </c>
      <c r="B109" s="27">
        <v>36</v>
      </c>
      <c r="C109" s="28">
        <v>69</v>
      </c>
      <c r="D109" s="29">
        <v>105</v>
      </c>
    </row>
    <row r="110" spans="1:4" ht="18" customHeight="1" x14ac:dyDescent="0.2">
      <c r="A110" s="31">
        <v>86</v>
      </c>
      <c r="B110" s="27">
        <v>19</v>
      </c>
      <c r="C110" s="28">
        <v>54</v>
      </c>
      <c r="D110" s="29">
        <v>73</v>
      </c>
    </row>
    <row r="111" spans="1:4" ht="18" customHeight="1" x14ac:dyDescent="0.2">
      <c r="A111" s="31">
        <v>87</v>
      </c>
      <c r="B111" s="27">
        <v>33</v>
      </c>
      <c r="C111" s="28">
        <v>62</v>
      </c>
      <c r="D111" s="29">
        <v>95</v>
      </c>
    </row>
    <row r="112" spans="1:4" ht="18" customHeight="1" x14ac:dyDescent="0.2">
      <c r="A112" s="31">
        <v>88</v>
      </c>
      <c r="B112" s="27">
        <v>15</v>
      </c>
      <c r="C112" s="28">
        <v>65</v>
      </c>
      <c r="D112" s="29">
        <v>80</v>
      </c>
    </row>
    <row r="113" spans="1:4" ht="18" customHeight="1" x14ac:dyDescent="0.2">
      <c r="A113" s="31">
        <v>89</v>
      </c>
      <c r="B113" s="27">
        <v>20</v>
      </c>
      <c r="C113" s="28">
        <v>48</v>
      </c>
      <c r="D113" s="29">
        <v>68</v>
      </c>
    </row>
    <row r="114" spans="1:4" ht="18" customHeight="1" x14ac:dyDescent="0.2">
      <c r="A114" s="31" t="s">
        <v>67</v>
      </c>
      <c r="B114" s="27">
        <v>123</v>
      </c>
      <c r="C114" s="28">
        <v>298</v>
      </c>
      <c r="D114" s="29">
        <v>421</v>
      </c>
    </row>
    <row r="115" spans="1:4" ht="18" customHeight="1" x14ac:dyDescent="0.2">
      <c r="A115" s="31">
        <v>90</v>
      </c>
      <c r="B115" s="27">
        <v>14</v>
      </c>
      <c r="C115" s="28">
        <v>40</v>
      </c>
      <c r="D115" s="29">
        <v>54</v>
      </c>
    </row>
    <row r="116" spans="1:4" ht="18" customHeight="1" x14ac:dyDescent="0.2">
      <c r="A116" s="31">
        <v>91</v>
      </c>
      <c r="B116" s="27">
        <v>10</v>
      </c>
      <c r="C116" s="28">
        <v>34</v>
      </c>
      <c r="D116" s="29">
        <v>44</v>
      </c>
    </row>
    <row r="117" spans="1:4" ht="18" customHeight="1" x14ac:dyDescent="0.2">
      <c r="A117" s="31">
        <v>92</v>
      </c>
      <c r="B117" s="27">
        <v>6</v>
      </c>
      <c r="C117" s="28">
        <v>28</v>
      </c>
      <c r="D117" s="29">
        <v>34</v>
      </c>
    </row>
    <row r="118" spans="1:4" ht="18" customHeight="1" x14ac:dyDescent="0.2">
      <c r="A118" s="31">
        <v>93</v>
      </c>
      <c r="B118" s="27">
        <v>7</v>
      </c>
      <c r="C118" s="28">
        <v>19</v>
      </c>
      <c r="D118" s="29">
        <v>26</v>
      </c>
    </row>
    <row r="119" spans="1:4" ht="18" customHeight="1" x14ac:dyDescent="0.2">
      <c r="A119" s="31">
        <v>94</v>
      </c>
      <c r="B119" s="27">
        <v>8</v>
      </c>
      <c r="C119" s="28">
        <v>18</v>
      </c>
      <c r="D119" s="29">
        <v>26</v>
      </c>
    </row>
    <row r="120" spans="1:4" ht="18" customHeight="1" x14ac:dyDescent="0.2">
      <c r="A120" s="31" t="s">
        <v>68</v>
      </c>
      <c r="B120" s="27">
        <v>45</v>
      </c>
      <c r="C120" s="28">
        <v>139</v>
      </c>
      <c r="D120" s="29">
        <v>184</v>
      </c>
    </row>
    <row r="121" spans="1:4" ht="18" customHeight="1" x14ac:dyDescent="0.2">
      <c r="A121" s="31">
        <v>95</v>
      </c>
      <c r="B121" s="27">
        <v>4</v>
      </c>
      <c r="C121" s="28">
        <v>10</v>
      </c>
      <c r="D121" s="29">
        <v>14</v>
      </c>
    </row>
    <row r="122" spans="1:4" ht="18" customHeight="1" x14ac:dyDescent="0.2">
      <c r="A122" s="31">
        <v>96</v>
      </c>
      <c r="B122" s="27">
        <v>1</v>
      </c>
      <c r="C122" s="28">
        <v>13</v>
      </c>
      <c r="D122" s="29">
        <v>14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6</v>
      </c>
      <c r="D124" s="29">
        <v>6</v>
      </c>
    </row>
    <row r="125" spans="1:4" ht="18" customHeight="1" x14ac:dyDescent="0.2">
      <c r="A125" s="31">
        <v>99</v>
      </c>
      <c r="B125" s="27">
        <v>1</v>
      </c>
      <c r="C125" s="28">
        <v>6</v>
      </c>
      <c r="D125" s="29">
        <v>7</v>
      </c>
    </row>
    <row r="126" spans="1:4" ht="18" customHeight="1" x14ac:dyDescent="0.2">
      <c r="A126" s="31" t="s">
        <v>69</v>
      </c>
      <c r="B126" s="27">
        <v>7</v>
      </c>
      <c r="C126" s="28">
        <v>39</v>
      </c>
      <c r="D126" s="29">
        <v>46</v>
      </c>
    </row>
    <row r="127" spans="1:4" ht="18" customHeight="1" x14ac:dyDescent="0.2">
      <c r="A127" s="31">
        <v>100</v>
      </c>
      <c r="B127" s="27">
        <v>1</v>
      </c>
      <c r="C127" s="28">
        <v>3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6</v>
      </c>
      <c r="D129" s="29">
        <v>7</v>
      </c>
    </row>
    <row r="130" spans="1:4" ht="18" customHeight="1" x14ac:dyDescent="0.2">
      <c r="A130" s="31" t="s">
        <v>72</v>
      </c>
      <c r="B130" s="4">
        <v>1527</v>
      </c>
      <c r="C130" s="5">
        <v>2178</v>
      </c>
      <c r="D130" s="6">
        <v>3705</v>
      </c>
    </row>
    <row r="131" spans="1:4" ht="18" customHeight="1" x14ac:dyDescent="0.2">
      <c r="A131" s="33" t="s">
        <v>47</v>
      </c>
      <c r="B131" s="7">
        <v>5639</v>
      </c>
      <c r="C131" s="8">
        <v>5997</v>
      </c>
      <c r="D131" s="9">
        <v>1163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1</v>
      </c>
      <c r="C5" s="37">
        <v>25</v>
      </c>
      <c r="D5" s="39">
        <v>56</v>
      </c>
    </row>
    <row r="6" spans="1:4" ht="18" customHeight="1" x14ac:dyDescent="0.2">
      <c r="A6" s="31">
        <v>1</v>
      </c>
      <c r="B6" s="35">
        <v>29</v>
      </c>
      <c r="C6" s="28">
        <v>43</v>
      </c>
      <c r="D6" s="29">
        <v>72</v>
      </c>
    </row>
    <row r="7" spans="1:4" ht="18" customHeight="1" x14ac:dyDescent="0.2">
      <c r="A7" s="31">
        <v>2</v>
      </c>
      <c r="B7" s="35">
        <v>44</v>
      </c>
      <c r="C7" s="28">
        <v>25</v>
      </c>
      <c r="D7" s="29">
        <v>69</v>
      </c>
    </row>
    <row r="8" spans="1:4" ht="18" customHeight="1" x14ac:dyDescent="0.2">
      <c r="A8" s="31">
        <v>3</v>
      </c>
      <c r="B8" s="35">
        <v>45</v>
      </c>
      <c r="C8" s="28">
        <v>33</v>
      </c>
      <c r="D8" s="29">
        <v>78</v>
      </c>
    </row>
    <row r="9" spans="1:4" ht="18" customHeight="1" x14ac:dyDescent="0.2">
      <c r="A9" s="31">
        <v>4</v>
      </c>
      <c r="B9" s="36">
        <v>26</v>
      </c>
      <c r="C9" s="38">
        <v>52</v>
      </c>
      <c r="D9" s="40">
        <v>78</v>
      </c>
    </row>
    <row r="10" spans="1:4" ht="18" customHeight="1" x14ac:dyDescent="0.2">
      <c r="A10" s="31" t="s">
        <v>48</v>
      </c>
      <c r="B10" s="27">
        <v>175</v>
      </c>
      <c r="C10" s="28">
        <v>178</v>
      </c>
      <c r="D10" s="29">
        <v>353</v>
      </c>
    </row>
    <row r="11" spans="1:4" ht="18" customHeight="1" x14ac:dyDescent="0.2">
      <c r="A11" s="31">
        <v>5</v>
      </c>
      <c r="B11" s="35">
        <v>32</v>
      </c>
      <c r="C11" s="28">
        <v>33</v>
      </c>
      <c r="D11" s="29">
        <v>65</v>
      </c>
    </row>
    <row r="12" spans="1:4" ht="18" customHeight="1" x14ac:dyDescent="0.2">
      <c r="A12" s="31">
        <v>6</v>
      </c>
      <c r="B12" s="35">
        <v>41</v>
      </c>
      <c r="C12" s="28">
        <v>37</v>
      </c>
      <c r="D12" s="29">
        <v>78</v>
      </c>
    </row>
    <row r="13" spans="1:4" ht="18" customHeight="1" x14ac:dyDescent="0.2">
      <c r="A13" s="31">
        <v>7</v>
      </c>
      <c r="B13" s="35">
        <v>34</v>
      </c>
      <c r="C13" s="28">
        <v>31</v>
      </c>
      <c r="D13" s="29">
        <v>65</v>
      </c>
    </row>
    <row r="14" spans="1:4" ht="18" customHeight="1" x14ac:dyDescent="0.2">
      <c r="A14" s="31">
        <v>8</v>
      </c>
      <c r="B14" s="35">
        <v>37</v>
      </c>
      <c r="C14" s="28">
        <v>25</v>
      </c>
      <c r="D14" s="29">
        <v>62</v>
      </c>
    </row>
    <row r="15" spans="1:4" ht="18" customHeight="1" x14ac:dyDescent="0.2">
      <c r="A15" s="31">
        <v>9</v>
      </c>
      <c r="B15" s="35">
        <v>44</v>
      </c>
      <c r="C15" s="28">
        <v>35</v>
      </c>
      <c r="D15" s="29">
        <v>79</v>
      </c>
    </row>
    <row r="16" spans="1:4" ht="18" customHeight="1" x14ac:dyDescent="0.2">
      <c r="A16" s="31" t="s">
        <v>49</v>
      </c>
      <c r="B16" s="27">
        <v>188</v>
      </c>
      <c r="C16" s="28">
        <v>161</v>
      </c>
      <c r="D16" s="29">
        <v>349</v>
      </c>
    </row>
    <row r="17" spans="1:4" ht="18" customHeight="1" x14ac:dyDescent="0.2">
      <c r="A17" s="31">
        <v>10</v>
      </c>
      <c r="B17" s="27">
        <v>33</v>
      </c>
      <c r="C17" s="28">
        <v>37</v>
      </c>
      <c r="D17" s="29">
        <v>70</v>
      </c>
    </row>
    <row r="18" spans="1:4" ht="18" customHeight="1" x14ac:dyDescent="0.2">
      <c r="A18" s="31">
        <v>11</v>
      </c>
      <c r="B18" s="27">
        <v>41</v>
      </c>
      <c r="C18" s="28">
        <v>30</v>
      </c>
      <c r="D18" s="29">
        <v>71</v>
      </c>
    </row>
    <row r="19" spans="1:4" ht="18" customHeight="1" x14ac:dyDescent="0.2">
      <c r="A19" s="31">
        <v>12</v>
      </c>
      <c r="B19" s="27">
        <v>44</v>
      </c>
      <c r="C19" s="28">
        <v>27</v>
      </c>
      <c r="D19" s="29">
        <v>71</v>
      </c>
    </row>
    <row r="20" spans="1:4" ht="18" customHeight="1" x14ac:dyDescent="0.2">
      <c r="A20" s="31">
        <v>13</v>
      </c>
      <c r="B20" s="27">
        <v>32</v>
      </c>
      <c r="C20" s="28">
        <v>41</v>
      </c>
      <c r="D20" s="29">
        <v>73</v>
      </c>
    </row>
    <row r="21" spans="1:4" ht="18" customHeight="1" x14ac:dyDescent="0.2">
      <c r="A21" s="31">
        <v>14</v>
      </c>
      <c r="B21" s="27">
        <v>45</v>
      </c>
      <c r="C21" s="28">
        <v>35</v>
      </c>
      <c r="D21" s="29">
        <v>80</v>
      </c>
    </row>
    <row r="22" spans="1:4" ht="18" customHeight="1" x14ac:dyDescent="0.2">
      <c r="A22" s="31" t="s">
        <v>50</v>
      </c>
      <c r="B22" s="27">
        <v>195</v>
      </c>
      <c r="C22" s="28">
        <v>170</v>
      </c>
      <c r="D22" s="29">
        <v>365</v>
      </c>
    </row>
    <row r="23" spans="1:4" ht="18" customHeight="1" x14ac:dyDescent="0.2">
      <c r="A23" s="31" t="s">
        <v>51</v>
      </c>
      <c r="B23" s="27">
        <v>558</v>
      </c>
      <c r="C23" s="28">
        <v>509</v>
      </c>
      <c r="D23" s="29">
        <v>1067</v>
      </c>
    </row>
    <row r="24" spans="1:4" ht="18" customHeight="1" x14ac:dyDescent="0.2">
      <c r="A24" s="31">
        <v>15</v>
      </c>
      <c r="B24" s="27">
        <v>34</v>
      </c>
      <c r="C24" s="28">
        <v>38</v>
      </c>
      <c r="D24" s="29">
        <v>72</v>
      </c>
    </row>
    <row r="25" spans="1:4" ht="18" customHeight="1" x14ac:dyDescent="0.2">
      <c r="A25" s="31">
        <v>16</v>
      </c>
      <c r="B25" s="27">
        <v>41</v>
      </c>
      <c r="C25" s="28">
        <v>32</v>
      </c>
      <c r="D25" s="29">
        <v>73</v>
      </c>
    </row>
    <row r="26" spans="1:4" ht="18" customHeight="1" x14ac:dyDescent="0.2">
      <c r="A26" s="31">
        <v>17</v>
      </c>
      <c r="B26" s="27">
        <v>40</v>
      </c>
      <c r="C26" s="28">
        <v>45</v>
      </c>
      <c r="D26" s="29">
        <v>85</v>
      </c>
    </row>
    <row r="27" spans="1:4" ht="18" customHeight="1" x14ac:dyDescent="0.2">
      <c r="A27" s="31">
        <v>18</v>
      </c>
      <c r="B27" s="27">
        <v>44</v>
      </c>
      <c r="C27" s="28">
        <v>42</v>
      </c>
      <c r="D27" s="29">
        <v>86</v>
      </c>
    </row>
    <row r="28" spans="1:4" ht="18" customHeight="1" x14ac:dyDescent="0.2">
      <c r="A28" s="31">
        <v>19</v>
      </c>
      <c r="B28" s="27">
        <v>42</v>
      </c>
      <c r="C28" s="28">
        <v>49</v>
      </c>
      <c r="D28" s="29">
        <v>91</v>
      </c>
    </row>
    <row r="29" spans="1:4" ht="18" customHeight="1" x14ac:dyDescent="0.2">
      <c r="A29" s="31" t="s">
        <v>52</v>
      </c>
      <c r="B29" s="27">
        <v>201</v>
      </c>
      <c r="C29" s="28">
        <v>206</v>
      </c>
      <c r="D29" s="29">
        <v>407</v>
      </c>
    </row>
    <row r="30" spans="1:4" ht="18" customHeight="1" x14ac:dyDescent="0.2">
      <c r="A30" s="31">
        <v>20</v>
      </c>
      <c r="B30" s="27">
        <v>38</v>
      </c>
      <c r="C30" s="28">
        <v>37</v>
      </c>
      <c r="D30" s="29">
        <v>75</v>
      </c>
    </row>
    <row r="31" spans="1:4" ht="18" customHeight="1" x14ac:dyDescent="0.2">
      <c r="A31" s="31">
        <v>21</v>
      </c>
      <c r="B31" s="27">
        <v>32</v>
      </c>
      <c r="C31" s="28">
        <v>37</v>
      </c>
      <c r="D31" s="29">
        <v>69</v>
      </c>
    </row>
    <row r="32" spans="1:4" ht="18" customHeight="1" x14ac:dyDescent="0.2">
      <c r="A32" s="31">
        <v>22</v>
      </c>
      <c r="B32" s="27">
        <v>38</v>
      </c>
      <c r="C32" s="28">
        <v>34</v>
      </c>
      <c r="D32" s="29">
        <v>72</v>
      </c>
    </row>
    <row r="33" spans="1:4" ht="18" customHeight="1" x14ac:dyDescent="0.2">
      <c r="A33" s="31">
        <v>23</v>
      </c>
      <c r="B33" s="27">
        <v>37</v>
      </c>
      <c r="C33" s="28">
        <v>26</v>
      </c>
      <c r="D33" s="29">
        <v>63</v>
      </c>
    </row>
    <row r="34" spans="1:4" ht="18" customHeight="1" x14ac:dyDescent="0.2">
      <c r="A34" s="31">
        <v>24</v>
      </c>
      <c r="B34" s="27">
        <v>33</v>
      </c>
      <c r="C34" s="28">
        <v>40</v>
      </c>
      <c r="D34" s="29">
        <v>73</v>
      </c>
    </row>
    <row r="35" spans="1:4" ht="18" customHeight="1" x14ac:dyDescent="0.2">
      <c r="A35" s="31" t="s">
        <v>53</v>
      </c>
      <c r="B35" s="27">
        <v>178</v>
      </c>
      <c r="C35" s="28">
        <v>174</v>
      </c>
      <c r="D35" s="29">
        <v>352</v>
      </c>
    </row>
    <row r="36" spans="1:4" ht="18" customHeight="1" x14ac:dyDescent="0.2">
      <c r="A36" s="31">
        <v>25</v>
      </c>
      <c r="B36" s="27">
        <v>35</v>
      </c>
      <c r="C36" s="28">
        <v>29</v>
      </c>
      <c r="D36" s="29">
        <v>64</v>
      </c>
    </row>
    <row r="37" spans="1:4" ht="18" customHeight="1" x14ac:dyDescent="0.2">
      <c r="A37" s="31">
        <v>26</v>
      </c>
      <c r="B37" s="27">
        <v>33</v>
      </c>
      <c r="C37" s="28">
        <v>38</v>
      </c>
      <c r="D37" s="29">
        <v>71</v>
      </c>
    </row>
    <row r="38" spans="1:4" ht="18" customHeight="1" x14ac:dyDescent="0.2">
      <c r="A38" s="31">
        <v>27</v>
      </c>
      <c r="B38" s="27">
        <v>44</v>
      </c>
      <c r="C38" s="28">
        <v>39</v>
      </c>
      <c r="D38" s="29">
        <v>83</v>
      </c>
    </row>
    <row r="39" spans="1:4" ht="18" customHeight="1" x14ac:dyDescent="0.2">
      <c r="A39" s="31">
        <v>28</v>
      </c>
      <c r="B39" s="27">
        <v>38</v>
      </c>
      <c r="C39" s="28">
        <v>35</v>
      </c>
      <c r="D39" s="29">
        <v>73</v>
      </c>
    </row>
    <row r="40" spans="1:4" ht="18" customHeight="1" x14ac:dyDescent="0.2">
      <c r="A40" s="31">
        <v>29</v>
      </c>
      <c r="B40" s="27">
        <v>39</v>
      </c>
      <c r="C40" s="28">
        <v>45</v>
      </c>
      <c r="D40" s="29">
        <v>84</v>
      </c>
    </row>
    <row r="41" spans="1:4" ht="18" customHeight="1" x14ac:dyDescent="0.2">
      <c r="A41" s="31" t="s">
        <v>54</v>
      </c>
      <c r="B41" s="27">
        <v>189</v>
      </c>
      <c r="C41" s="28">
        <v>186</v>
      </c>
      <c r="D41" s="29">
        <v>375</v>
      </c>
    </row>
    <row r="42" spans="1:4" ht="18" customHeight="1" x14ac:dyDescent="0.2">
      <c r="A42" s="31">
        <v>30</v>
      </c>
      <c r="B42" s="27">
        <v>40</v>
      </c>
      <c r="C42" s="28">
        <v>39</v>
      </c>
      <c r="D42" s="29">
        <v>79</v>
      </c>
    </row>
    <row r="43" spans="1:4" ht="18" customHeight="1" x14ac:dyDescent="0.2">
      <c r="A43" s="31">
        <v>31</v>
      </c>
      <c r="B43" s="27">
        <v>37</v>
      </c>
      <c r="C43" s="28">
        <v>40</v>
      </c>
      <c r="D43" s="29">
        <v>77</v>
      </c>
    </row>
    <row r="44" spans="1:4" ht="18" customHeight="1" x14ac:dyDescent="0.2">
      <c r="A44" s="31">
        <v>32</v>
      </c>
      <c r="B44" s="27">
        <v>46</v>
      </c>
      <c r="C44" s="28">
        <v>38</v>
      </c>
      <c r="D44" s="29">
        <v>84</v>
      </c>
    </row>
    <row r="45" spans="1:4" ht="18" customHeight="1" x14ac:dyDescent="0.2">
      <c r="A45" s="31">
        <v>33</v>
      </c>
      <c r="B45" s="27">
        <v>51</v>
      </c>
      <c r="C45" s="28">
        <v>46</v>
      </c>
      <c r="D45" s="29">
        <v>97</v>
      </c>
    </row>
    <row r="46" spans="1:4" ht="18" customHeight="1" x14ac:dyDescent="0.2">
      <c r="A46" s="31">
        <v>34</v>
      </c>
      <c r="B46" s="27">
        <v>55</v>
      </c>
      <c r="C46" s="28">
        <v>52</v>
      </c>
      <c r="D46" s="29">
        <v>107</v>
      </c>
    </row>
    <row r="47" spans="1:4" ht="18" customHeight="1" x14ac:dyDescent="0.2">
      <c r="A47" s="31" t="s">
        <v>55</v>
      </c>
      <c r="B47" s="27">
        <v>229</v>
      </c>
      <c r="C47" s="28">
        <v>215</v>
      </c>
      <c r="D47" s="29">
        <v>444</v>
      </c>
    </row>
    <row r="48" spans="1:4" ht="18" customHeight="1" x14ac:dyDescent="0.2">
      <c r="A48" s="31">
        <v>35</v>
      </c>
      <c r="B48" s="27">
        <v>71</v>
      </c>
      <c r="C48" s="28">
        <v>43</v>
      </c>
      <c r="D48" s="29">
        <v>114</v>
      </c>
    </row>
    <row r="49" spans="1:4" ht="18" customHeight="1" x14ac:dyDescent="0.2">
      <c r="A49" s="31">
        <v>36</v>
      </c>
      <c r="B49" s="27">
        <v>44</v>
      </c>
      <c r="C49" s="28">
        <v>39</v>
      </c>
      <c r="D49" s="29">
        <v>83</v>
      </c>
    </row>
    <row r="50" spans="1:4" ht="18" customHeight="1" x14ac:dyDescent="0.2">
      <c r="A50" s="31">
        <v>37</v>
      </c>
      <c r="B50" s="27">
        <v>44</v>
      </c>
      <c r="C50" s="28">
        <v>52</v>
      </c>
      <c r="D50" s="29">
        <v>96</v>
      </c>
    </row>
    <row r="51" spans="1:4" ht="18" customHeight="1" x14ac:dyDescent="0.2">
      <c r="A51" s="31">
        <v>38</v>
      </c>
      <c r="B51" s="27">
        <v>40</v>
      </c>
      <c r="C51" s="28">
        <v>49</v>
      </c>
      <c r="D51" s="29">
        <v>89</v>
      </c>
    </row>
    <row r="52" spans="1:4" ht="18" customHeight="1" x14ac:dyDescent="0.2">
      <c r="A52" s="31">
        <v>39</v>
      </c>
      <c r="B52" s="27">
        <v>49</v>
      </c>
      <c r="C52" s="28">
        <v>49</v>
      </c>
      <c r="D52" s="29">
        <v>98</v>
      </c>
    </row>
    <row r="53" spans="1:4" ht="18" customHeight="1" x14ac:dyDescent="0.2">
      <c r="A53" s="31" t="s">
        <v>56</v>
      </c>
      <c r="B53" s="27">
        <v>248</v>
      </c>
      <c r="C53" s="28">
        <v>232</v>
      </c>
      <c r="D53" s="29">
        <v>480</v>
      </c>
    </row>
    <row r="54" spans="1:4" ht="18" customHeight="1" x14ac:dyDescent="0.2">
      <c r="A54" s="31">
        <v>40</v>
      </c>
      <c r="B54" s="27">
        <v>67</v>
      </c>
      <c r="C54" s="28">
        <v>48</v>
      </c>
      <c r="D54" s="29">
        <v>115</v>
      </c>
    </row>
    <row r="55" spans="1:4" ht="18" customHeight="1" x14ac:dyDescent="0.2">
      <c r="A55" s="31">
        <v>41</v>
      </c>
      <c r="B55" s="27">
        <v>54</v>
      </c>
      <c r="C55" s="28">
        <v>50</v>
      </c>
      <c r="D55" s="29">
        <v>104</v>
      </c>
    </row>
    <row r="56" spans="1:4" ht="18" customHeight="1" x14ac:dyDescent="0.2">
      <c r="A56" s="31">
        <v>42</v>
      </c>
      <c r="B56" s="27">
        <v>55</v>
      </c>
      <c r="C56" s="28">
        <v>54</v>
      </c>
      <c r="D56" s="29">
        <v>109</v>
      </c>
    </row>
    <row r="57" spans="1:4" ht="18" customHeight="1" x14ac:dyDescent="0.2">
      <c r="A57" s="31">
        <v>43</v>
      </c>
      <c r="B57" s="27">
        <v>71</v>
      </c>
      <c r="C57" s="28">
        <v>56</v>
      </c>
      <c r="D57" s="29">
        <v>127</v>
      </c>
    </row>
    <row r="58" spans="1:4" ht="18" customHeight="1" x14ac:dyDescent="0.2">
      <c r="A58" s="31">
        <v>44</v>
      </c>
      <c r="B58" s="27">
        <v>66</v>
      </c>
      <c r="C58" s="28">
        <v>54</v>
      </c>
      <c r="D58" s="29">
        <v>120</v>
      </c>
    </row>
    <row r="59" spans="1:4" ht="18" customHeight="1" x14ac:dyDescent="0.2">
      <c r="A59" s="31" t="s">
        <v>57</v>
      </c>
      <c r="B59" s="27">
        <v>313</v>
      </c>
      <c r="C59" s="28">
        <v>262</v>
      </c>
      <c r="D59" s="29">
        <v>575</v>
      </c>
    </row>
    <row r="60" spans="1:4" ht="18" customHeight="1" x14ac:dyDescent="0.2">
      <c r="A60" s="31">
        <v>45</v>
      </c>
      <c r="B60" s="27">
        <v>51</v>
      </c>
      <c r="C60" s="28">
        <v>69</v>
      </c>
      <c r="D60" s="29">
        <v>120</v>
      </c>
    </row>
    <row r="61" spans="1:4" ht="18" customHeight="1" x14ac:dyDescent="0.2">
      <c r="A61" s="31">
        <v>46</v>
      </c>
      <c r="B61" s="27">
        <v>69</v>
      </c>
      <c r="C61" s="28">
        <v>53</v>
      </c>
      <c r="D61" s="29">
        <v>122</v>
      </c>
    </row>
    <row r="62" spans="1:4" ht="18" customHeight="1" x14ac:dyDescent="0.2">
      <c r="A62" s="31">
        <v>47</v>
      </c>
      <c r="B62" s="27">
        <v>55</v>
      </c>
      <c r="C62" s="28">
        <v>54</v>
      </c>
      <c r="D62" s="29">
        <v>109</v>
      </c>
    </row>
    <row r="63" spans="1:4" ht="18" customHeight="1" x14ac:dyDescent="0.2">
      <c r="A63" s="31">
        <v>48</v>
      </c>
      <c r="B63" s="27">
        <v>56</v>
      </c>
      <c r="C63" s="28">
        <v>53</v>
      </c>
      <c r="D63" s="29">
        <v>109</v>
      </c>
    </row>
    <row r="64" spans="1:4" ht="18" customHeight="1" x14ac:dyDescent="0.2">
      <c r="A64" s="31">
        <v>49</v>
      </c>
      <c r="B64" s="27">
        <v>43</v>
      </c>
      <c r="C64" s="28">
        <v>53</v>
      </c>
      <c r="D64" s="29">
        <v>96</v>
      </c>
    </row>
    <row r="65" spans="1:4" ht="18" customHeight="1" x14ac:dyDescent="0.2">
      <c r="A65" s="31" t="s">
        <v>58</v>
      </c>
      <c r="B65" s="27">
        <v>274</v>
      </c>
      <c r="C65" s="28">
        <v>282</v>
      </c>
      <c r="D65" s="29">
        <v>556</v>
      </c>
    </row>
    <row r="66" spans="1:4" ht="18" customHeight="1" x14ac:dyDescent="0.2">
      <c r="A66" s="31">
        <v>50</v>
      </c>
      <c r="B66" s="27">
        <v>47</v>
      </c>
      <c r="C66" s="28">
        <v>45</v>
      </c>
      <c r="D66" s="29">
        <v>92</v>
      </c>
    </row>
    <row r="67" spans="1:4" ht="18" customHeight="1" x14ac:dyDescent="0.2">
      <c r="A67" s="31">
        <v>51</v>
      </c>
      <c r="B67" s="27">
        <v>63</v>
      </c>
      <c r="C67" s="28">
        <v>54</v>
      </c>
      <c r="D67" s="29">
        <v>117</v>
      </c>
    </row>
    <row r="68" spans="1:4" ht="18" customHeight="1" x14ac:dyDescent="0.2">
      <c r="A68" s="31">
        <v>52</v>
      </c>
      <c r="B68" s="27">
        <v>41</v>
      </c>
      <c r="C68" s="28">
        <v>58</v>
      </c>
      <c r="D68" s="29">
        <v>99</v>
      </c>
    </row>
    <row r="69" spans="1:4" ht="18" customHeight="1" x14ac:dyDescent="0.2">
      <c r="A69" s="31">
        <v>53</v>
      </c>
      <c r="B69" s="27">
        <v>33</v>
      </c>
      <c r="C69" s="28">
        <v>27</v>
      </c>
      <c r="D69" s="29">
        <v>60</v>
      </c>
    </row>
    <row r="70" spans="1:4" ht="18" customHeight="1" x14ac:dyDescent="0.2">
      <c r="A70" s="31">
        <v>54</v>
      </c>
      <c r="B70" s="27">
        <v>56</v>
      </c>
      <c r="C70" s="28">
        <v>48</v>
      </c>
      <c r="D70" s="29">
        <v>104</v>
      </c>
    </row>
    <row r="71" spans="1:4" ht="18" customHeight="1" x14ac:dyDescent="0.2">
      <c r="A71" s="31" t="s">
        <v>59</v>
      </c>
      <c r="B71" s="27">
        <v>240</v>
      </c>
      <c r="C71" s="28">
        <v>232</v>
      </c>
      <c r="D71" s="29">
        <v>472</v>
      </c>
    </row>
    <row r="72" spans="1:4" ht="18" customHeight="1" x14ac:dyDescent="0.2">
      <c r="A72" s="31">
        <v>55</v>
      </c>
      <c r="B72" s="27">
        <v>61</v>
      </c>
      <c r="C72" s="28">
        <v>54</v>
      </c>
      <c r="D72" s="29">
        <v>115</v>
      </c>
    </row>
    <row r="73" spans="1:4" ht="18" customHeight="1" x14ac:dyDescent="0.2">
      <c r="A73" s="31">
        <v>56</v>
      </c>
      <c r="B73" s="27">
        <v>46</v>
      </c>
      <c r="C73" s="28">
        <v>41</v>
      </c>
      <c r="D73" s="29">
        <v>87</v>
      </c>
    </row>
    <row r="74" spans="1:4" ht="18" customHeight="1" x14ac:dyDescent="0.2">
      <c r="A74" s="31">
        <v>57</v>
      </c>
      <c r="B74" s="27">
        <v>38</v>
      </c>
      <c r="C74" s="28">
        <v>38</v>
      </c>
      <c r="D74" s="29">
        <v>76</v>
      </c>
    </row>
    <row r="75" spans="1:4" ht="18" customHeight="1" x14ac:dyDescent="0.2">
      <c r="A75" s="31">
        <v>58</v>
      </c>
      <c r="B75" s="27">
        <v>37</v>
      </c>
      <c r="C75" s="28">
        <v>34</v>
      </c>
      <c r="D75" s="29">
        <v>71</v>
      </c>
    </row>
    <row r="76" spans="1:4" ht="18" customHeight="1" x14ac:dyDescent="0.2">
      <c r="A76" s="31">
        <v>59</v>
      </c>
      <c r="B76" s="27">
        <v>42</v>
      </c>
      <c r="C76" s="28">
        <v>28</v>
      </c>
      <c r="D76" s="29">
        <v>70</v>
      </c>
    </row>
    <row r="77" spans="1:4" ht="18" customHeight="1" x14ac:dyDescent="0.2">
      <c r="A77" s="31" t="s">
        <v>60</v>
      </c>
      <c r="B77" s="27">
        <v>224</v>
      </c>
      <c r="C77" s="28">
        <v>195</v>
      </c>
      <c r="D77" s="29">
        <v>419</v>
      </c>
    </row>
    <row r="78" spans="1:4" ht="18" customHeight="1" x14ac:dyDescent="0.2">
      <c r="A78" s="31">
        <v>60</v>
      </c>
      <c r="B78" s="27">
        <v>44</v>
      </c>
      <c r="C78" s="28">
        <v>43</v>
      </c>
      <c r="D78" s="29">
        <v>87</v>
      </c>
    </row>
    <row r="79" spans="1:4" ht="18" customHeight="1" x14ac:dyDescent="0.2">
      <c r="A79" s="31">
        <v>61</v>
      </c>
      <c r="B79" s="27">
        <v>45</v>
      </c>
      <c r="C79" s="28">
        <v>33</v>
      </c>
      <c r="D79" s="29">
        <v>78</v>
      </c>
    </row>
    <row r="80" spans="1:4" ht="18" customHeight="1" x14ac:dyDescent="0.2">
      <c r="A80" s="31">
        <v>62</v>
      </c>
      <c r="B80" s="27">
        <v>34</v>
      </c>
      <c r="C80" s="28">
        <v>46</v>
      </c>
      <c r="D80" s="29">
        <v>80</v>
      </c>
    </row>
    <row r="81" spans="1:4" ht="18" customHeight="1" x14ac:dyDescent="0.2">
      <c r="A81" s="31">
        <v>63</v>
      </c>
      <c r="B81" s="27">
        <v>37</v>
      </c>
      <c r="C81" s="28">
        <v>44</v>
      </c>
      <c r="D81" s="29">
        <v>81</v>
      </c>
    </row>
    <row r="82" spans="1:4" ht="18" customHeight="1" x14ac:dyDescent="0.2">
      <c r="A82" s="31">
        <v>64</v>
      </c>
      <c r="B82" s="27">
        <v>41</v>
      </c>
      <c r="C82" s="28">
        <v>54</v>
      </c>
      <c r="D82" s="29">
        <v>95</v>
      </c>
    </row>
    <row r="83" spans="1:4" ht="18" customHeight="1" x14ac:dyDescent="0.2">
      <c r="A83" s="31" t="s">
        <v>61</v>
      </c>
      <c r="B83" s="27">
        <v>201</v>
      </c>
      <c r="C83" s="28">
        <v>220</v>
      </c>
      <c r="D83" s="29">
        <v>421</v>
      </c>
    </row>
    <row r="84" spans="1:4" ht="18" customHeight="1" x14ac:dyDescent="0.2">
      <c r="A84" s="31" t="s">
        <v>62</v>
      </c>
      <c r="B84" s="27">
        <v>2297</v>
      </c>
      <c r="C84" s="28">
        <v>2204</v>
      </c>
      <c r="D84" s="29">
        <v>4501</v>
      </c>
    </row>
    <row r="85" spans="1:4" ht="18" customHeight="1" x14ac:dyDescent="0.2">
      <c r="A85" s="31">
        <v>65</v>
      </c>
      <c r="B85" s="27">
        <v>48</v>
      </c>
      <c r="C85" s="28">
        <v>54</v>
      </c>
      <c r="D85" s="29">
        <v>102</v>
      </c>
    </row>
    <row r="86" spans="1:4" ht="18" customHeight="1" x14ac:dyDescent="0.2">
      <c r="A86" s="31">
        <v>66</v>
      </c>
      <c r="B86" s="27">
        <v>30</v>
      </c>
      <c r="C86" s="28">
        <v>34</v>
      </c>
      <c r="D86" s="29">
        <v>64</v>
      </c>
    </row>
    <row r="87" spans="1:4" ht="18" customHeight="1" x14ac:dyDescent="0.2">
      <c r="A87" s="31">
        <v>67</v>
      </c>
      <c r="B87" s="27">
        <v>45</v>
      </c>
      <c r="C87" s="28">
        <v>46</v>
      </c>
      <c r="D87" s="29">
        <v>91</v>
      </c>
    </row>
    <row r="88" spans="1:4" ht="18" customHeight="1" x14ac:dyDescent="0.2">
      <c r="A88" s="31">
        <v>68</v>
      </c>
      <c r="B88" s="27">
        <v>47</v>
      </c>
      <c r="C88" s="28">
        <v>48</v>
      </c>
      <c r="D88" s="29">
        <v>95</v>
      </c>
    </row>
    <row r="89" spans="1:4" ht="18" customHeight="1" x14ac:dyDescent="0.2">
      <c r="A89" s="31">
        <v>69</v>
      </c>
      <c r="B89" s="27">
        <v>61</v>
      </c>
      <c r="C89" s="28">
        <v>46</v>
      </c>
      <c r="D89" s="29">
        <v>107</v>
      </c>
    </row>
    <row r="90" spans="1:4" ht="18" customHeight="1" x14ac:dyDescent="0.2">
      <c r="A90" s="31" t="s">
        <v>63</v>
      </c>
      <c r="B90" s="27">
        <v>231</v>
      </c>
      <c r="C90" s="28">
        <v>228</v>
      </c>
      <c r="D90" s="29">
        <v>459</v>
      </c>
    </row>
    <row r="91" spans="1:4" ht="18" customHeight="1" x14ac:dyDescent="0.2">
      <c r="A91" s="31">
        <v>70</v>
      </c>
      <c r="B91" s="27">
        <v>47</v>
      </c>
      <c r="C91" s="28">
        <v>65</v>
      </c>
      <c r="D91" s="29">
        <v>112</v>
      </c>
    </row>
    <row r="92" spans="1:4" ht="18" customHeight="1" x14ac:dyDescent="0.2">
      <c r="A92" s="31">
        <v>71</v>
      </c>
      <c r="B92" s="27">
        <v>56</v>
      </c>
      <c r="C92" s="28">
        <v>64</v>
      </c>
      <c r="D92" s="29">
        <v>120</v>
      </c>
    </row>
    <row r="93" spans="1:4" ht="18" customHeight="1" x14ac:dyDescent="0.2">
      <c r="A93" s="31">
        <v>72</v>
      </c>
      <c r="B93" s="27">
        <v>50</v>
      </c>
      <c r="C93" s="28">
        <v>50</v>
      </c>
      <c r="D93" s="29">
        <v>100</v>
      </c>
    </row>
    <row r="94" spans="1:4" ht="18" customHeight="1" x14ac:dyDescent="0.2">
      <c r="A94" s="31">
        <v>73</v>
      </c>
      <c r="B94" s="27">
        <v>26</v>
      </c>
      <c r="C94" s="28">
        <v>32</v>
      </c>
      <c r="D94" s="29">
        <v>58</v>
      </c>
    </row>
    <row r="95" spans="1:4" ht="18" customHeight="1" x14ac:dyDescent="0.2">
      <c r="A95" s="31">
        <v>74</v>
      </c>
      <c r="B95" s="27">
        <v>33</v>
      </c>
      <c r="C95" s="28">
        <v>42</v>
      </c>
      <c r="D95" s="29">
        <v>75</v>
      </c>
    </row>
    <row r="96" spans="1:4" ht="18" customHeight="1" x14ac:dyDescent="0.2">
      <c r="A96" s="31" t="s">
        <v>64</v>
      </c>
      <c r="B96" s="27">
        <v>212</v>
      </c>
      <c r="C96" s="28">
        <v>253</v>
      </c>
      <c r="D96" s="29">
        <v>465</v>
      </c>
    </row>
    <row r="97" spans="1:4" ht="18" customHeight="1" x14ac:dyDescent="0.2">
      <c r="A97" s="31">
        <v>75</v>
      </c>
      <c r="B97" s="27">
        <v>33</v>
      </c>
      <c r="C97" s="28">
        <v>47</v>
      </c>
      <c r="D97" s="29">
        <v>80</v>
      </c>
    </row>
    <row r="98" spans="1:4" ht="18" customHeight="1" x14ac:dyDescent="0.2">
      <c r="A98" s="31">
        <v>76</v>
      </c>
      <c r="B98" s="27">
        <v>36</v>
      </c>
      <c r="C98" s="28">
        <v>45</v>
      </c>
      <c r="D98" s="29">
        <v>81</v>
      </c>
    </row>
    <row r="99" spans="1:4" ht="18" customHeight="1" x14ac:dyDescent="0.2">
      <c r="A99" s="31">
        <v>77</v>
      </c>
      <c r="B99" s="27">
        <v>37</v>
      </c>
      <c r="C99" s="28">
        <v>53</v>
      </c>
      <c r="D99" s="29">
        <v>90</v>
      </c>
    </row>
    <row r="100" spans="1:4" ht="18" customHeight="1" x14ac:dyDescent="0.2">
      <c r="A100" s="31">
        <v>78</v>
      </c>
      <c r="B100" s="27">
        <v>32</v>
      </c>
      <c r="C100" s="28">
        <v>39</v>
      </c>
      <c r="D100" s="29">
        <v>71</v>
      </c>
    </row>
    <row r="101" spans="1:4" ht="18" customHeight="1" x14ac:dyDescent="0.2">
      <c r="A101" s="31">
        <v>79</v>
      </c>
      <c r="B101" s="27">
        <v>29</v>
      </c>
      <c r="C101" s="28">
        <v>33</v>
      </c>
      <c r="D101" s="29">
        <v>62</v>
      </c>
    </row>
    <row r="102" spans="1:4" ht="18" customHeight="1" x14ac:dyDescent="0.2">
      <c r="A102" s="31" t="s">
        <v>65</v>
      </c>
      <c r="B102" s="27">
        <v>167</v>
      </c>
      <c r="C102" s="28">
        <v>217</v>
      </c>
      <c r="D102" s="29">
        <v>384</v>
      </c>
    </row>
    <row r="103" spans="1:4" ht="18" customHeight="1" x14ac:dyDescent="0.2">
      <c r="A103" s="31">
        <v>80</v>
      </c>
      <c r="B103" s="27">
        <v>28</v>
      </c>
      <c r="C103" s="28">
        <v>20</v>
      </c>
      <c r="D103" s="29">
        <v>48</v>
      </c>
    </row>
    <row r="104" spans="1:4" ht="18" customHeight="1" x14ac:dyDescent="0.2">
      <c r="A104" s="31">
        <v>81</v>
      </c>
      <c r="B104" s="27">
        <v>29</v>
      </c>
      <c r="C104" s="28">
        <v>30</v>
      </c>
      <c r="D104" s="29">
        <v>59</v>
      </c>
    </row>
    <row r="105" spans="1:4" ht="18" customHeight="1" x14ac:dyDescent="0.2">
      <c r="A105" s="31">
        <v>82</v>
      </c>
      <c r="B105" s="27">
        <v>23</v>
      </c>
      <c r="C105" s="28">
        <v>41</v>
      </c>
      <c r="D105" s="29">
        <v>64</v>
      </c>
    </row>
    <row r="106" spans="1:4" ht="18" customHeight="1" x14ac:dyDescent="0.2">
      <c r="A106" s="31">
        <v>83</v>
      </c>
      <c r="B106" s="27">
        <v>20</v>
      </c>
      <c r="C106" s="28">
        <v>29</v>
      </c>
      <c r="D106" s="29">
        <v>49</v>
      </c>
    </row>
    <row r="107" spans="1:4" ht="18" customHeight="1" x14ac:dyDescent="0.2">
      <c r="A107" s="31">
        <v>84</v>
      </c>
      <c r="B107" s="27">
        <v>19</v>
      </c>
      <c r="C107" s="28">
        <v>37</v>
      </c>
      <c r="D107" s="29">
        <v>56</v>
      </c>
    </row>
    <row r="108" spans="1:4" ht="18" customHeight="1" x14ac:dyDescent="0.2">
      <c r="A108" s="31" t="s">
        <v>66</v>
      </c>
      <c r="B108" s="27">
        <v>119</v>
      </c>
      <c r="C108" s="28">
        <v>157</v>
      </c>
      <c r="D108" s="29">
        <v>276</v>
      </c>
    </row>
    <row r="109" spans="1:4" ht="18" customHeight="1" x14ac:dyDescent="0.2">
      <c r="A109" s="31">
        <v>85</v>
      </c>
      <c r="B109" s="27">
        <v>19</v>
      </c>
      <c r="C109" s="28">
        <v>26</v>
      </c>
      <c r="D109" s="29">
        <v>45</v>
      </c>
    </row>
    <row r="110" spans="1:4" ht="18" customHeight="1" x14ac:dyDescent="0.2">
      <c r="A110" s="31">
        <v>86</v>
      </c>
      <c r="B110" s="27">
        <v>12</v>
      </c>
      <c r="C110" s="28">
        <v>20</v>
      </c>
      <c r="D110" s="29">
        <v>32</v>
      </c>
    </row>
    <row r="111" spans="1:4" ht="18" customHeight="1" x14ac:dyDescent="0.2">
      <c r="A111" s="31">
        <v>87</v>
      </c>
      <c r="B111" s="27">
        <v>11</v>
      </c>
      <c r="C111" s="28">
        <v>26</v>
      </c>
      <c r="D111" s="29">
        <v>37</v>
      </c>
    </row>
    <row r="112" spans="1:4" ht="18" customHeight="1" x14ac:dyDescent="0.2">
      <c r="A112" s="31">
        <v>88</v>
      </c>
      <c r="B112" s="27">
        <v>8</v>
      </c>
      <c r="C112" s="28">
        <v>21</v>
      </c>
      <c r="D112" s="29">
        <v>29</v>
      </c>
    </row>
    <row r="113" spans="1:4" ht="18" customHeight="1" x14ac:dyDescent="0.2">
      <c r="A113" s="31">
        <v>89</v>
      </c>
      <c r="B113" s="27">
        <v>7</v>
      </c>
      <c r="C113" s="28">
        <v>29</v>
      </c>
      <c r="D113" s="29">
        <v>36</v>
      </c>
    </row>
    <row r="114" spans="1:4" ht="18" customHeight="1" x14ac:dyDescent="0.2">
      <c r="A114" s="31" t="s">
        <v>67</v>
      </c>
      <c r="B114" s="27">
        <v>57</v>
      </c>
      <c r="C114" s="28">
        <v>122</v>
      </c>
      <c r="D114" s="29">
        <v>179</v>
      </c>
    </row>
    <row r="115" spans="1:4" ht="18" customHeight="1" x14ac:dyDescent="0.2">
      <c r="A115" s="31">
        <v>90</v>
      </c>
      <c r="B115" s="27">
        <v>10</v>
      </c>
      <c r="C115" s="28">
        <v>21</v>
      </c>
      <c r="D115" s="29">
        <v>31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5</v>
      </c>
      <c r="C117" s="28">
        <v>14</v>
      </c>
      <c r="D117" s="29">
        <v>19</v>
      </c>
    </row>
    <row r="118" spans="1:4" ht="18" customHeight="1" x14ac:dyDescent="0.2">
      <c r="A118" s="31">
        <v>93</v>
      </c>
      <c r="B118" s="27">
        <v>4</v>
      </c>
      <c r="C118" s="28">
        <v>14</v>
      </c>
      <c r="D118" s="29">
        <v>18</v>
      </c>
    </row>
    <row r="119" spans="1:4" ht="18" customHeight="1" x14ac:dyDescent="0.2">
      <c r="A119" s="31">
        <v>94</v>
      </c>
      <c r="B119" s="27">
        <v>1</v>
      </c>
      <c r="C119" s="28">
        <v>9</v>
      </c>
      <c r="D119" s="29">
        <v>10</v>
      </c>
    </row>
    <row r="120" spans="1:4" ht="18" customHeight="1" x14ac:dyDescent="0.2">
      <c r="A120" s="31" t="s">
        <v>68</v>
      </c>
      <c r="B120" s="27">
        <v>26</v>
      </c>
      <c r="C120" s="28">
        <v>75</v>
      </c>
      <c r="D120" s="29">
        <v>101</v>
      </c>
    </row>
    <row r="121" spans="1:4" ht="18" customHeight="1" x14ac:dyDescent="0.2">
      <c r="A121" s="31">
        <v>95</v>
      </c>
      <c r="B121" s="27">
        <v>3</v>
      </c>
      <c r="C121" s="28">
        <v>7</v>
      </c>
      <c r="D121" s="29">
        <v>10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2</v>
      </c>
      <c r="C125" s="28">
        <v>1</v>
      </c>
      <c r="D125" s="29">
        <v>3</v>
      </c>
    </row>
    <row r="126" spans="1:4" ht="18" customHeight="1" x14ac:dyDescent="0.2">
      <c r="A126" s="31" t="s">
        <v>69</v>
      </c>
      <c r="B126" s="27">
        <v>7</v>
      </c>
      <c r="C126" s="28">
        <v>19</v>
      </c>
      <c r="D126" s="29">
        <v>2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819</v>
      </c>
      <c r="C130" s="5">
        <v>1076</v>
      </c>
      <c r="D130" s="6">
        <v>1895</v>
      </c>
    </row>
    <row r="131" spans="1:4" ht="18" customHeight="1" x14ac:dyDescent="0.2">
      <c r="A131" s="33" t="s">
        <v>47</v>
      </c>
      <c r="B131" s="7">
        <v>3674</v>
      </c>
      <c r="C131" s="8">
        <v>3789</v>
      </c>
      <c r="D131" s="9">
        <v>74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9</v>
      </c>
      <c r="C5" s="37">
        <v>57</v>
      </c>
      <c r="D5" s="39">
        <v>126</v>
      </c>
    </row>
    <row r="6" spans="1:4" ht="18" customHeight="1" x14ac:dyDescent="0.2">
      <c r="A6" s="31">
        <v>1</v>
      </c>
      <c r="B6" s="35">
        <v>60</v>
      </c>
      <c r="C6" s="28">
        <v>74</v>
      </c>
      <c r="D6" s="29">
        <v>134</v>
      </c>
    </row>
    <row r="7" spans="1:4" ht="18" customHeight="1" x14ac:dyDescent="0.2">
      <c r="A7" s="31">
        <v>2</v>
      </c>
      <c r="B7" s="35">
        <v>82</v>
      </c>
      <c r="C7" s="28">
        <v>62</v>
      </c>
      <c r="D7" s="29">
        <v>144</v>
      </c>
    </row>
    <row r="8" spans="1:4" ht="18" customHeight="1" x14ac:dyDescent="0.2">
      <c r="A8" s="31">
        <v>3</v>
      </c>
      <c r="B8" s="35">
        <v>79</v>
      </c>
      <c r="C8" s="28">
        <v>73</v>
      </c>
      <c r="D8" s="29">
        <v>152</v>
      </c>
    </row>
    <row r="9" spans="1:4" ht="18" customHeight="1" x14ac:dyDescent="0.2">
      <c r="A9" s="31">
        <v>4</v>
      </c>
      <c r="B9" s="36">
        <v>91</v>
      </c>
      <c r="C9" s="38">
        <v>88</v>
      </c>
      <c r="D9" s="40">
        <v>179</v>
      </c>
    </row>
    <row r="10" spans="1:4" ht="18" customHeight="1" x14ac:dyDescent="0.2">
      <c r="A10" s="31" t="s">
        <v>48</v>
      </c>
      <c r="B10" s="27">
        <v>381</v>
      </c>
      <c r="C10" s="28">
        <v>354</v>
      </c>
      <c r="D10" s="29">
        <v>735</v>
      </c>
    </row>
    <row r="11" spans="1:4" ht="18" customHeight="1" x14ac:dyDescent="0.2">
      <c r="A11" s="31">
        <v>5</v>
      </c>
      <c r="B11" s="35">
        <v>65</v>
      </c>
      <c r="C11" s="28">
        <v>69</v>
      </c>
      <c r="D11" s="29">
        <v>134</v>
      </c>
    </row>
    <row r="12" spans="1:4" ht="18" customHeight="1" x14ac:dyDescent="0.2">
      <c r="A12" s="31">
        <v>6</v>
      </c>
      <c r="B12" s="35">
        <v>81</v>
      </c>
      <c r="C12" s="28">
        <v>80</v>
      </c>
      <c r="D12" s="29">
        <v>161</v>
      </c>
    </row>
    <row r="13" spans="1:4" ht="18" customHeight="1" x14ac:dyDescent="0.2">
      <c r="A13" s="31">
        <v>7</v>
      </c>
      <c r="B13" s="35">
        <v>77</v>
      </c>
      <c r="C13" s="28">
        <v>73</v>
      </c>
      <c r="D13" s="29">
        <v>150</v>
      </c>
    </row>
    <row r="14" spans="1:4" ht="18" customHeight="1" x14ac:dyDescent="0.2">
      <c r="A14" s="31">
        <v>8</v>
      </c>
      <c r="B14" s="35">
        <v>92</v>
      </c>
      <c r="C14" s="28">
        <v>69</v>
      </c>
      <c r="D14" s="29">
        <v>161</v>
      </c>
    </row>
    <row r="15" spans="1:4" ht="18" customHeight="1" x14ac:dyDescent="0.2">
      <c r="A15" s="31">
        <v>9</v>
      </c>
      <c r="B15" s="35">
        <v>107</v>
      </c>
      <c r="C15" s="28">
        <v>84</v>
      </c>
      <c r="D15" s="29">
        <v>191</v>
      </c>
    </row>
    <row r="16" spans="1:4" ht="18" customHeight="1" x14ac:dyDescent="0.2">
      <c r="A16" s="31" t="s">
        <v>49</v>
      </c>
      <c r="B16" s="27">
        <v>422</v>
      </c>
      <c r="C16" s="28">
        <v>375</v>
      </c>
      <c r="D16" s="29">
        <v>797</v>
      </c>
    </row>
    <row r="17" spans="1:4" ht="18" customHeight="1" x14ac:dyDescent="0.2">
      <c r="A17" s="31">
        <v>10</v>
      </c>
      <c r="B17" s="27">
        <v>84</v>
      </c>
      <c r="C17" s="28">
        <v>84</v>
      </c>
      <c r="D17" s="29">
        <v>168</v>
      </c>
    </row>
    <row r="18" spans="1:4" ht="18" customHeight="1" x14ac:dyDescent="0.2">
      <c r="A18" s="31">
        <v>11</v>
      </c>
      <c r="B18" s="27">
        <v>86</v>
      </c>
      <c r="C18" s="28">
        <v>83</v>
      </c>
      <c r="D18" s="29">
        <v>169</v>
      </c>
    </row>
    <row r="19" spans="1:4" ht="18" customHeight="1" x14ac:dyDescent="0.2">
      <c r="A19" s="31">
        <v>12</v>
      </c>
      <c r="B19" s="27">
        <v>90</v>
      </c>
      <c r="C19" s="28">
        <v>73</v>
      </c>
      <c r="D19" s="29">
        <v>163</v>
      </c>
    </row>
    <row r="20" spans="1:4" ht="18" customHeight="1" x14ac:dyDescent="0.2">
      <c r="A20" s="31">
        <v>13</v>
      </c>
      <c r="B20" s="27">
        <v>79</v>
      </c>
      <c r="C20" s="28">
        <v>102</v>
      </c>
      <c r="D20" s="29">
        <v>181</v>
      </c>
    </row>
    <row r="21" spans="1:4" ht="18" customHeight="1" x14ac:dyDescent="0.2">
      <c r="A21" s="31">
        <v>14</v>
      </c>
      <c r="B21" s="27">
        <v>116</v>
      </c>
      <c r="C21" s="28">
        <v>86</v>
      </c>
      <c r="D21" s="29">
        <v>202</v>
      </c>
    </row>
    <row r="22" spans="1:4" ht="18" customHeight="1" x14ac:dyDescent="0.2">
      <c r="A22" s="31" t="s">
        <v>50</v>
      </c>
      <c r="B22" s="27">
        <v>455</v>
      </c>
      <c r="C22" s="28">
        <v>428</v>
      </c>
      <c r="D22" s="29">
        <v>883</v>
      </c>
    </row>
    <row r="23" spans="1:4" ht="18" customHeight="1" x14ac:dyDescent="0.2">
      <c r="A23" s="31" t="s">
        <v>51</v>
      </c>
      <c r="B23" s="27">
        <v>1258</v>
      </c>
      <c r="C23" s="28">
        <v>1157</v>
      </c>
      <c r="D23" s="29">
        <v>2415</v>
      </c>
    </row>
    <row r="24" spans="1:4" ht="18" customHeight="1" x14ac:dyDescent="0.2">
      <c r="A24" s="31">
        <v>15</v>
      </c>
      <c r="B24" s="27">
        <v>106</v>
      </c>
      <c r="C24" s="28">
        <v>96</v>
      </c>
      <c r="D24" s="29">
        <v>202</v>
      </c>
    </row>
    <row r="25" spans="1:4" ht="18" customHeight="1" x14ac:dyDescent="0.2">
      <c r="A25" s="31">
        <v>16</v>
      </c>
      <c r="B25" s="27">
        <v>99</v>
      </c>
      <c r="C25" s="28">
        <v>94</v>
      </c>
      <c r="D25" s="29">
        <v>193</v>
      </c>
    </row>
    <row r="26" spans="1:4" ht="18" customHeight="1" x14ac:dyDescent="0.2">
      <c r="A26" s="31">
        <v>17</v>
      </c>
      <c r="B26" s="27">
        <v>130</v>
      </c>
      <c r="C26" s="28">
        <v>115</v>
      </c>
      <c r="D26" s="29">
        <v>245</v>
      </c>
    </row>
    <row r="27" spans="1:4" ht="18" customHeight="1" x14ac:dyDescent="0.2">
      <c r="A27" s="31">
        <v>18</v>
      </c>
      <c r="B27" s="27">
        <v>111</v>
      </c>
      <c r="C27" s="28">
        <v>109</v>
      </c>
      <c r="D27" s="29">
        <v>220</v>
      </c>
    </row>
    <row r="28" spans="1:4" ht="18" customHeight="1" x14ac:dyDescent="0.2">
      <c r="A28" s="31">
        <v>19</v>
      </c>
      <c r="B28" s="27">
        <v>116</v>
      </c>
      <c r="C28" s="28">
        <v>116</v>
      </c>
      <c r="D28" s="29">
        <v>232</v>
      </c>
    </row>
    <row r="29" spans="1:4" ht="18" customHeight="1" x14ac:dyDescent="0.2">
      <c r="A29" s="31" t="s">
        <v>52</v>
      </c>
      <c r="B29" s="27">
        <v>562</v>
      </c>
      <c r="C29" s="28">
        <v>530</v>
      </c>
      <c r="D29" s="29">
        <v>1092</v>
      </c>
    </row>
    <row r="30" spans="1:4" ht="18" customHeight="1" x14ac:dyDescent="0.2">
      <c r="A30" s="31">
        <v>20</v>
      </c>
      <c r="B30" s="27">
        <v>92</v>
      </c>
      <c r="C30" s="28">
        <v>119</v>
      </c>
      <c r="D30" s="29">
        <v>211</v>
      </c>
    </row>
    <row r="31" spans="1:4" ht="18" customHeight="1" x14ac:dyDescent="0.2">
      <c r="A31" s="31">
        <v>21</v>
      </c>
      <c r="B31" s="27">
        <v>120</v>
      </c>
      <c r="C31" s="28">
        <v>104</v>
      </c>
      <c r="D31" s="29">
        <v>224</v>
      </c>
    </row>
    <row r="32" spans="1:4" ht="18" customHeight="1" x14ac:dyDescent="0.2">
      <c r="A32" s="31">
        <v>22</v>
      </c>
      <c r="B32" s="27">
        <v>106</v>
      </c>
      <c r="C32" s="28">
        <v>89</v>
      </c>
      <c r="D32" s="29">
        <v>195</v>
      </c>
    </row>
    <row r="33" spans="1:4" ht="18" customHeight="1" x14ac:dyDescent="0.2">
      <c r="A33" s="31">
        <v>23</v>
      </c>
      <c r="B33" s="27">
        <v>114</v>
      </c>
      <c r="C33" s="28">
        <v>74</v>
      </c>
      <c r="D33" s="29">
        <v>188</v>
      </c>
    </row>
    <row r="34" spans="1:4" ht="18" customHeight="1" x14ac:dyDescent="0.2">
      <c r="A34" s="31">
        <v>24</v>
      </c>
      <c r="B34" s="27">
        <v>107</v>
      </c>
      <c r="C34" s="28">
        <v>99</v>
      </c>
      <c r="D34" s="29">
        <v>206</v>
      </c>
    </row>
    <row r="35" spans="1:4" ht="18" customHeight="1" x14ac:dyDescent="0.2">
      <c r="A35" s="31" t="s">
        <v>53</v>
      </c>
      <c r="B35" s="27">
        <v>539</v>
      </c>
      <c r="C35" s="28">
        <v>485</v>
      </c>
      <c r="D35" s="29">
        <v>1024</v>
      </c>
    </row>
    <row r="36" spans="1:4" ht="18" customHeight="1" x14ac:dyDescent="0.2">
      <c r="A36" s="31">
        <v>25</v>
      </c>
      <c r="B36" s="27">
        <v>115</v>
      </c>
      <c r="C36" s="28">
        <v>95</v>
      </c>
      <c r="D36" s="29">
        <v>210</v>
      </c>
    </row>
    <row r="37" spans="1:4" ht="18" customHeight="1" x14ac:dyDescent="0.2">
      <c r="A37" s="31">
        <v>26</v>
      </c>
      <c r="B37" s="27">
        <v>89</v>
      </c>
      <c r="C37" s="28">
        <v>85</v>
      </c>
      <c r="D37" s="29">
        <v>174</v>
      </c>
    </row>
    <row r="38" spans="1:4" ht="18" customHeight="1" x14ac:dyDescent="0.2">
      <c r="A38" s="31">
        <v>27</v>
      </c>
      <c r="B38" s="27">
        <v>123</v>
      </c>
      <c r="C38" s="28">
        <v>98</v>
      </c>
      <c r="D38" s="29">
        <v>221</v>
      </c>
    </row>
    <row r="39" spans="1:4" ht="18" customHeight="1" x14ac:dyDescent="0.2">
      <c r="A39" s="31">
        <v>28</v>
      </c>
      <c r="B39" s="27">
        <v>102</v>
      </c>
      <c r="C39" s="28">
        <v>79</v>
      </c>
      <c r="D39" s="29">
        <v>181</v>
      </c>
    </row>
    <row r="40" spans="1:4" ht="18" customHeight="1" x14ac:dyDescent="0.2">
      <c r="A40" s="31">
        <v>29</v>
      </c>
      <c r="B40" s="27">
        <v>100</v>
      </c>
      <c r="C40" s="28">
        <v>103</v>
      </c>
      <c r="D40" s="29">
        <v>203</v>
      </c>
    </row>
    <row r="41" spans="1:4" ht="18" customHeight="1" x14ac:dyDescent="0.2">
      <c r="A41" s="31" t="s">
        <v>54</v>
      </c>
      <c r="B41" s="27">
        <v>529</v>
      </c>
      <c r="C41" s="28">
        <v>460</v>
      </c>
      <c r="D41" s="29">
        <v>989</v>
      </c>
    </row>
    <row r="42" spans="1:4" ht="18" customHeight="1" x14ac:dyDescent="0.2">
      <c r="A42" s="31">
        <v>30</v>
      </c>
      <c r="B42" s="27">
        <v>110</v>
      </c>
      <c r="C42" s="28">
        <v>88</v>
      </c>
      <c r="D42" s="29">
        <v>198</v>
      </c>
    </row>
    <row r="43" spans="1:4" ht="18" customHeight="1" x14ac:dyDescent="0.2">
      <c r="A43" s="31">
        <v>31</v>
      </c>
      <c r="B43" s="27">
        <v>115</v>
      </c>
      <c r="C43" s="28">
        <v>103</v>
      </c>
      <c r="D43" s="29">
        <v>218</v>
      </c>
    </row>
    <row r="44" spans="1:4" ht="18" customHeight="1" x14ac:dyDescent="0.2">
      <c r="A44" s="31">
        <v>32</v>
      </c>
      <c r="B44" s="27">
        <v>120</v>
      </c>
      <c r="C44" s="28">
        <v>103</v>
      </c>
      <c r="D44" s="29">
        <v>223</v>
      </c>
    </row>
    <row r="45" spans="1:4" ht="18" customHeight="1" x14ac:dyDescent="0.2">
      <c r="A45" s="31">
        <v>33</v>
      </c>
      <c r="B45" s="27">
        <v>129</v>
      </c>
      <c r="C45" s="28">
        <v>116</v>
      </c>
      <c r="D45" s="29">
        <v>245</v>
      </c>
    </row>
    <row r="46" spans="1:4" ht="18" customHeight="1" x14ac:dyDescent="0.2">
      <c r="A46" s="31">
        <v>34</v>
      </c>
      <c r="B46" s="27">
        <v>136</v>
      </c>
      <c r="C46" s="28">
        <v>123</v>
      </c>
      <c r="D46" s="29">
        <v>259</v>
      </c>
    </row>
    <row r="47" spans="1:4" ht="18" customHeight="1" x14ac:dyDescent="0.2">
      <c r="A47" s="31" t="s">
        <v>55</v>
      </c>
      <c r="B47" s="27">
        <v>610</v>
      </c>
      <c r="C47" s="28">
        <v>533</v>
      </c>
      <c r="D47" s="29">
        <v>1143</v>
      </c>
    </row>
    <row r="48" spans="1:4" ht="18" customHeight="1" x14ac:dyDescent="0.2">
      <c r="A48" s="31">
        <v>35</v>
      </c>
      <c r="B48" s="27">
        <v>151</v>
      </c>
      <c r="C48" s="28">
        <v>98</v>
      </c>
      <c r="D48" s="29">
        <v>249</v>
      </c>
    </row>
    <row r="49" spans="1:4" ht="18" customHeight="1" x14ac:dyDescent="0.2">
      <c r="A49" s="31">
        <v>36</v>
      </c>
      <c r="B49" s="27">
        <v>130</v>
      </c>
      <c r="C49" s="28">
        <v>92</v>
      </c>
      <c r="D49" s="29">
        <v>222</v>
      </c>
    </row>
    <row r="50" spans="1:4" ht="18" customHeight="1" x14ac:dyDescent="0.2">
      <c r="A50" s="31">
        <v>37</v>
      </c>
      <c r="B50" s="27">
        <v>126</v>
      </c>
      <c r="C50" s="28">
        <v>133</v>
      </c>
      <c r="D50" s="29">
        <v>259</v>
      </c>
    </row>
    <row r="51" spans="1:4" ht="18" customHeight="1" x14ac:dyDescent="0.2">
      <c r="A51" s="31">
        <v>38</v>
      </c>
      <c r="B51" s="27">
        <v>113</v>
      </c>
      <c r="C51" s="28">
        <v>115</v>
      </c>
      <c r="D51" s="29">
        <v>228</v>
      </c>
    </row>
    <row r="52" spans="1:4" ht="18" customHeight="1" x14ac:dyDescent="0.2">
      <c r="A52" s="31">
        <v>39</v>
      </c>
      <c r="B52" s="27">
        <v>126</v>
      </c>
      <c r="C52" s="28">
        <v>106</v>
      </c>
      <c r="D52" s="29">
        <v>232</v>
      </c>
    </row>
    <row r="53" spans="1:4" ht="18" customHeight="1" x14ac:dyDescent="0.2">
      <c r="A53" s="31" t="s">
        <v>56</v>
      </c>
      <c r="B53" s="27">
        <v>646</v>
      </c>
      <c r="C53" s="28">
        <v>544</v>
      </c>
      <c r="D53" s="29">
        <v>1190</v>
      </c>
    </row>
    <row r="54" spans="1:4" ht="18" customHeight="1" x14ac:dyDescent="0.2">
      <c r="A54" s="31">
        <v>40</v>
      </c>
      <c r="B54" s="27">
        <v>142</v>
      </c>
      <c r="C54" s="28">
        <v>122</v>
      </c>
      <c r="D54" s="29">
        <v>264</v>
      </c>
    </row>
    <row r="55" spans="1:4" ht="18" customHeight="1" x14ac:dyDescent="0.2">
      <c r="A55" s="31">
        <v>41</v>
      </c>
      <c r="B55" s="27">
        <v>138</v>
      </c>
      <c r="C55" s="28">
        <v>141</v>
      </c>
      <c r="D55" s="29">
        <v>279</v>
      </c>
    </row>
    <row r="56" spans="1:4" ht="18" customHeight="1" x14ac:dyDescent="0.2">
      <c r="A56" s="31">
        <v>42</v>
      </c>
      <c r="B56" s="27">
        <v>143</v>
      </c>
      <c r="C56" s="28">
        <v>122</v>
      </c>
      <c r="D56" s="29">
        <v>265</v>
      </c>
    </row>
    <row r="57" spans="1:4" ht="18" customHeight="1" x14ac:dyDescent="0.2">
      <c r="A57" s="31">
        <v>43</v>
      </c>
      <c r="B57" s="27">
        <v>163</v>
      </c>
      <c r="C57" s="28">
        <v>136</v>
      </c>
      <c r="D57" s="29">
        <v>299</v>
      </c>
    </row>
    <row r="58" spans="1:4" ht="18" customHeight="1" x14ac:dyDescent="0.2">
      <c r="A58" s="31">
        <v>44</v>
      </c>
      <c r="B58" s="27">
        <v>151</v>
      </c>
      <c r="C58" s="28">
        <v>159</v>
      </c>
      <c r="D58" s="29">
        <v>310</v>
      </c>
    </row>
    <row r="59" spans="1:4" ht="18" customHeight="1" x14ac:dyDescent="0.2">
      <c r="A59" s="31" t="s">
        <v>57</v>
      </c>
      <c r="B59" s="27">
        <v>737</v>
      </c>
      <c r="C59" s="28">
        <v>680</v>
      </c>
      <c r="D59" s="29">
        <v>1417</v>
      </c>
    </row>
    <row r="60" spans="1:4" ht="18" customHeight="1" x14ac:dyDescent="0.2">
      <c r="A60" s="31">
        <v>45</v>
      </c>
      <c r="B60" s="27">
        <v>152</v>
      </c>
      <c r="C60" s="28">
        <v>149</v>
      </c>
      <c r="D60" s="29">
        <v>301</v>
      </c>
    </row>
    <row r="61" spans="1:4" ht="18" customHeight="1" x14ac:dyDescent="0.2">
      <c r="A61" s="31">
        <v>46</v>
      </c>
      <c r="B61" s="27">
        <v>174</v>
      </c>
      <c r="C61" s="28">
        <v>140</v>
      </c>
      <c r="D61" s="29">
        <v>314</v>
      </c>
    </row>
    <row r="62" spans="1:4" ht="18" customHeight="1" x14ac:dyDescent="0.2">
      <c r="A62" s="31">
        <v>47</v>
      </c>
      <c r="B62" s="27">
        <v>167</v>
      </c>
      <c r="C62" s="28">
        <v>158</v>
      </c>
      <c r="D62" s="29">
        <v>325</v>
      </c>
    </row>
    <row r="63" spans="1:4" ht="18" customHeight="1" x14ac:dyDescent="0.2">
      <c r="A63" s="31">
        <v>48</v>
      </c>
      <c r="B63" s="27">
        <v>170</v>
      </c>
      <c r="C63" s="28">
        <v>167</v>
      </c>
      <c r="D63" s="29">
        <v>337</v>
      </c>
    </row>
    <row r="64" spans="1:4" ht="18" customHeight="1" x14ac:dyDescent="0.2">
      <c r="A64" s="31">
        <v>49</v>
      </c>
      <c r="B64" s="27">
        <v>128</v>
      </c>
      <c r="C64" s="28">
        <v>148</v>
      </c>
      <c r="D64" s="29">
        <v>276</v>
      </c>
    </row>
    <row r="65" spans="1:4" ht="18" customHeight="1" x14ac:dyDescent="0.2">
      <c r="A65" s="31" t="s">
        <v>58</v>
      </c>
      <c r="B65" s="27">
        <v>791</v>
      </c>
      <c r="C65" s="28">
        <v>762</v>
      </c>
      <c r="D65" s="29">
        <v>1553</v>
      </c>
    </row>
    <row r="66" spans="1:4" ht="18" customHeight="1" x14ac:dyDescent="0.2">
      <c r="A66" s="31">
        <v>50</v>
      </c>
      <c r="B66" s="27">
        <v>155</v>
      </c>
      <c r="C66" s="28">
        <v>138</v>
      </c>
      <c r="D66" s="29">
        <v>293</v>
      </c>
    </row>
    <row r="67" spans="1:4" ht="18" customHeight="1" x14ac:dyDescent="0.2">
      <c r="A67" s="31">
        <v>51</v>
      </c>
      <c r="B67" s="27">
        <v>162</v>
      </c>
      <c r="C67" s="28">
        <v>147</v>
      </c>
      <c r="D67" s="29">
        <v>309</v>
      </c>
    </row>
    <row r="68" spans="1:4" ht="18" customHeight="1" x14ac:dyDescent="0.2">
      <c r="A68" s="31">
        <v>52</v>
      </c>
      <c r="B68" s="27">
        <v>151</v>
      </c>
      <c r="C68" s="28">
        <v>167</v>
      </c>
      <c r="D68" s="29">
        <v>318</v>
      </c>
    </row>
    <row r="69" spans="1:4" ht="18" customHeight="1" x14ac:dyDescent="0.2">
      <c r="A69" s="31">
        <v>53</v>
      </c>
      <c r="B69" s="27">
        <v>112</v>
      </c>
      <c r="C69" s="28">
        <v>110</v>
      </c>
      <c r="D69" s="29">
        <v>222</v>
      </c>
    </row>
    <row r="70" spans="1:4" ht="18" customHeight="1" x14ac:dyDescent="0.2">
      <c r="A70" s="31">
        <v>54</v>
      </c>
      <c r="B70" s="27">
        <v>149</v>
      </c>
      <c r="C70" s="28">
        <v>145</v>
      </c>
      <c r="D70" s="29">
        <v>294</v>
      </c>
    </row>
    <row r="71" spans="1:4" ht="18" customHeight="1" x14ac:dyDescent="0.2">
      <c r="A71" s="31" t="s">
        <v>59</v>
      </c>
      <c r="B71" s="27">
        <v>729</v>
      </c>
      <c r="C71" s="28">
        <v>707</v>
      </c>
      <c r="D71" s="29">
        <v>1436</v>
      </c>
    </row>
    <row r="72" spans="1:4" ht="18" customHeight="1" x14ac:dyDescent="0.2">
      <c r="A72" s="31">
        <v>55</v>
      </c>
      <c r="B72" s="27">
        <v>165</v>
      </c>
      <c r="C72" s="28">
        <v>142</v>
      </c>
      <c r="D72" s="29">
        <v>307</v>
      </c>
    </row>
    <row r="73" spans="1:4" ht="18" customHeight="1" x14ac:dyDescent="0.2">
      <c r="A73" s="31">
        <v>56</v>
      </c>
      <c r="B73" s="27">
        <v>146</v>
      </c>
      <c r="C73" s="28">
        <v>133</v>
      </c>
      <c r="D73" s="29">
        <v>279</v>
      </c>
    </row>
    <row r="74" spans="1:4" ht="18" customHeight="1" x14ac:dyDescent="0.2">
      <c r="A74" s="31">
        <v>57</v>
      </c>
      <c r="B74" s="27">
        <v>137</v>
      </c>
      <c r="C74" s="28">
        <v>122</v>
      </c>
      <c r="D74" s="29">
        <v>259</v>
      </c>
    </row>
    <row r="75" spans="1:4" ht="18" customHeight="1" x14ac:dyDescent="0.2">
      <c r="A75" s="31">
        <v>58</v>
      </c>
      <c r="B75" s="27">
        <v>129</v>
      </c>
      <c r="C75" s="28">
        <v>158</v>
      </c>
      <c r="D75" s="29">
        <v>287</v>
      </c>
    </row>
    <row r="76" spans="1:4" ht="18" customHeight="1" x14ac:dyDescent="0.2">
      <c r="A76" s="31">
        <v>59</v>
      </c>
      <c r="B76" s="27">
        <v>138</v>
      </c>
      <c r="C76" s="28">
        <v>123</v>
      </c>
      <c r="D76" s="29">
        <v>261</v>
      </c>
    </row>
    <row r="77" spans="1:4" ht="18" customHeight="1" x14ac:dyDescent="0.2">
      <c r="A77" s="31" t="s">
        <v>60</v>
      </c>
      <c r="B77" s="27">
        <v>715</v>
      </c>
      <c r="C77" s="28">
        <v>678</v>
      </c>
      <c r="D77" s="29">
        <v>1393</v>
      </c>
    </row>
    <row r="78" spans="1:4" ht="18" customHeight="1" x14ac:dyDescent="0.2">
      <c r="A78" s="31">
        <v>60</v>
      </c>
      <c r="B78" s="27">
        <v>147</v>
      </c>
      <c r="C78" s="28">
        <v>155</v>
      </c>
      <c r="D78" s="29">
        <v>302</v>
      </c>
    </row>
    <row r="79" spans="1:4" ht="18" customHeight="1" x14ac:dyDescent="0.2">
      <c r="A79" s="31">
        <v>61</v>
      </c>
      <c r="B79" s="27">
        <v>152</v>
      </c>
      <c r="C79" s="28">
        <v>134</v>
      </c>
      <c r="D79" s="29">
        <v>286</v>
      </c>
    </row>
    <row r="80" spans="1:4" ht="18" customHeight="1" x14ac:dyDescent="0.2">
      <c r="A80" s="31">
        <v>62</v>
      </c>
      <c r="B80" s="27">
        <v>140</v>
      </c>
      <c r="C80" s="28">
        <v>140</v>
      </c>
      <c r="D80" s="29">
        <v>280</v>
      </c>
    </row>
    <row r="81" spans="1:4" ht="18" customHeight="1" x14ac:dyDescent="0.2">
      <c r="A81" s="31">
        <v>63</v>
      </c>
      <c r="B81" s="27">
        <v>138</v>
      </c>
      <c r="C81" s="28">
        <v>137</v>
      </c>
      <c r="D81" s="29">
        <v>275</v>
      </c>
    </row>
    <row r="82" spans="1:4" ht="18" customHeight="1" x14ac:dyDescent="0.2">
      <c r="A82" s="31">
        <v>64</v>
      </c>
      <c r="B82" s="27">
        <v>141</v>
      </c>
      <c r="C82" s="28">
        <v>164</v>
      </c>
      <c r="D82" s="29">
        <v>305</v>
      </c>
    </row>
    <row r="83" spans="1:4" ht="18" customHeight="1" x14ac:dyDescent="0.2">
      <c r="A83" s="31" t="s">
        <v>61</v>
      </c>
      <c r="B83" s="27">
        <v>718</v>
      </c>
      <c r="C83" s="28">
        <v>730</v>
      </c>
      <c r="D83" s="29">
        <v>1448</v>
      </c>
    </row>
    <row r="84" spans="1:4" ht="18" customHeight="1" x14ac:dyDescent="0.2">
      <c r="A84" s="31" t="s">
        <v>62</v>
      </c>
      <c r="B84" s="27">
        <v>6576</v>
      </c>
      <c r="C84" s="28">
        <v>6109</v>
      </c>
      <c r="D84" s="29">
        <v>12685</v>
      </c>
    </row>
    <row r="85" spans="1:4" ht="18" customHeight="1" x14ac:dyDescent="0.2">
      <c r="A85" s="31">
        <v>65</v>
      </c>
      <c r="B85" s="27">
        <v>174</v>
      </c>
      <c r="C85" s="28">
        <v>156</v>
      </c>
      <c r="D85" s="29">
        <v>330</v>
      </c>
    </row>
    <row r="86" spans="1:4" ht="18" customHeight="1" x14ac:dyDescent="0.2">
      <c r="A86" s="31">
        <v>66</v>
      </c>
      <c r="B86" s="27">
        <v>135</v>
      </c>
      <c r="C86" s="28">
        <v>156</v>
      </c>
      <c r="D86" s="29">
        <v>291</v>
      </c>
    </row>
    <row r="87" spans="1:4" ht="18" customHeight="1" x14ac:dyDescent="0.2">
      <c r="A87" s="31">
        <v>67</v>
      </c>
      <c r="B87" s="27">
        <v>140</v>
      </c>
      <c r="C87" s="28">
        <v>148</v>
      </c>
      <c r="D87" s="29">
        <v>288</v>
      </c>
    </row>
    <row r="88" spans="1:4" ht="18" customHeight="1" x14ac:dyDescent="0.2">
      <c r="A88" s="31">
        <v>68</v>
      </c>
      <c r="B88" s="27">
        <v>159</v>
      </c>
      <c r="C88" s="28">
        <v>154</v>
      </c>
      <c r="D88" s="29">
        <v>313</v>
      </c>
    </row>
    <row r="89" spans="1:4" ht="18" customHeight="1" x14ac:dyDescent="0.2">
      <c r="A89" s="31">
        <v>69</v>
      </c>
      <c r="B89" s="27">
        <v>182</v>
      </c>
      <c r="C89" s="28">
        <v>150</v>
      </c>
      <c r="D89" s="29">
        <v>332</v>
      </c>
    </row>
    <row r="90" spans="1:4" ht="18" customHeight="1" x14ac:dyDescent="0.2">
      <c r="A90" s="31" t="s">
        <v>63</v>
      </c>
      <c r="B90" s="27">
        <v>790</v>
      </c>
      <c r="C90" s="28">
        <v>764</v>
      </c>
      <c r="D90" s="29">
        <v>1554</v>
      </c>
    </row>
    <row r="91" spans="1:4" ht="18" customHeight="1" x14ac:dyDescent="0.2">
      <c r="A91" s="31">
        <v>70</v>
      </c>
      <c r="B91" s="27">
        <v>162</v>
      </c>
      <c r="C91" s="28">
        <v>193</v>
      </c>
      <c r="D91" s="29">
        <v>355</v>
      </c>
    </row>
    <row r="92" spans="1:4" ht="18" customHeight="1" x14ac:dyDescent="0.2">
      <c r="A92" s="31">
        <v>71</v>
      </c>
      <c r="B92" s="27">
        <v>184</v>
      </c>
      <c r="C92" s="28">
        <v>198</v>
      </c>
      <c r="D92" s="29">
        <v>382</v>
      </c>
    </row>
    <row r="93" spans="1:4" ht="18" customHeight="1" x14ac:dyDescent="0.2">
      <c r="A93" s="31">
        <v>72</v>
      </c>
      <c r="B93" s="27">
        <v>188</v>
      </c>
      <c r="C93" s="28">
        <v>209</v>
      </c>
      <c r="D93" s="29">
        <v>397</v>
      </c>
    </row>
    <row r="94" spans="1:4" ht="18" customHeight="1" x14ac:dyDescent="0.2">
      <c r="A94" s="31">
        <v>73</v>
      </c>
      <c r="B94" s="27">
        <v>82</v>
      </c>
      <c r="C94" s="28">
        <v>103</v>
      </c>
      <c r="D94" s="29">
        <v>185</v>
      </c>
    </row>
    <row r="95" spans="1:4" ht="18" customHeight="1" x14ac:dyDescent="0.2">
      <c r="A95" s="31">
        <v>74</v>
      </c>
      <c r="B95" s="27">
        <v>113</v>
      </c>
      <c r="C95" s="28">
        <v>139</v>
      </c>
      <c r="D95" s="29">
        <v>252</v>
      </c>
    </row>
    <row r="96" spans="1:4" ht="18" customHeight="1" x14ac:dyDescent="0.2">
      <c r="A96" s="31" t="s">
        <v>64</v>
      </c>
      <c r="B96" s="27">
        <v>729</v>
      </c>
      <c r="C96" s="28">
        <v>842</v>
      </c>
      <c r="D96" s="29">
        <v>1571</v>
      </c>
    </row>
    <row r="97" spans="1:4" ht="18" customHeight="1" x14ac:dyDescent="0.2">
      <c r="A97" s="31">
        <v>75</v>
      </c>
      <c r="B97" s="27">
        <v>107</v>
      </c>
      <c r="C97" s="28">
        <v>164</v>
      </c>
      <c r="D97" s="29">
        <v>271</v>
      </c>
    </row>
    <row r="98" spans="1:4" ht="18" customHeight="1" x14ac:dyDescent="0.2">
      <c r="A98" s="31">
        <v>76</v>
      </c>
      <c r="B98" s="27">
        <v>108</v>
      </c>
      <c r="C98" s="28">
        <v>160</v>
      </c>
      <c r="D98" s="29">
        <v>268</v>
      </c>
    </row>
    <row r="99" spans="1:4" ht="18" customHeight="1" x14ac:dyDescent="0.2">
      <c r="A99" s="31">
        <v>77</v>
      </c>
      <c r="B99" s="27">
        <v>132</v>
      </c>
      <c r="C99" s="28">
        <v>172</v>
      </c>
      <c r="D99" s="29">
        <v>304</v>
      </c>
    </row>
    <row r="100" spans="1:4" ht="18" customHeight="1" x14ac:dyDescent="0.2">
      <c r="A100" s="31">
        <v>78</v>
      </c>
      <c r="B100" s="27">
        <v>121</v>
      </c>
      <c r="C100" s="28">
        <v>150</v>
      </c>
      <c r="D100" s="29">
        <v>271</v>
      </c>
    </row>
    <row r="101" spans="1:4" ht="18" customHeight="1" x14ac:dyDescent="0.2">
      <c r="A101" s="31">
        <v>79</v>
      </c>
      <c r="B101" s="27">
        <v>97</v>
      </c>
      <c r="C101" s="28">
        <v>133</v>
      </c>
      <c r="D101" s="29">
        <v>230</v>
      </c>
    </row>
    <row r="102" spans="1:4" ht="18" customHeight="1" x14ac:dyDescent="0.2">
      <c r="A102" s="31" t="s">
        <v>65</v>
      </c>
      <c r="B102" s="27">
        <v>565</v>
      </c>
      <c r="C102" s="28">
        <v>779</v>
      </c>
      <c r="D102" s="29">
        <v>1344</v>
      </c>
    </row>
    <row r="103" spans="1:4" ht="18" customHeight="1" x14ac:dyDescent="0.2">
      <c r="A103" s="31">
        <v>80</v>
      </c>
      <c r="B103" s="27">
        <v>93</v>
      </c>
      <c r="C103" s="28">
        <v>99</v>
      </c>
      <c r="D103" s="29">
        <v>192</v>
      </c>
    </row>
    <row r="104" spans="1:4" ht="18" customHeight="1" x14ac:dyDescent="0.2">
      <c r="A104" s="31">
        <v>81</v>
      </c>
      <c r="B104" s="27">
        <v>91</v>
      </c>
      <c r="C104" s="28">
        <v>111</v>
      </c>
      <c r="D104" s="29">
        <v>202</v>
      </c>
    </row>
    <row r="105" spans="1:4" ht="18" customHeight="1" x14ac:dyDescent="0.2">
      <c r="A105" s="31">
        <v>82</v>
      </c>
      <c r="B105" s="27">
        <v>83</v>
      </c>
      <c r="C105" s="28">
        <v>124</v>
      </c>
      <c r="D105" s="29">
        <v>207</v>
      </c>
    </row>
    <row r="106" spans="1:4" ht="18" customHeight="1" x14ac:dyDescent="0.2">
      <c r="A106" s="31">
        <v>83</v>
      </c>
      <c r="B106" s="27">
        <v>81</v>
      </c>
      <c r="C106" s="28">
        <v>131</v>
      </c>
      <c r="D106" s="29">
        <v>212</v>
      </c>
    </row>
    <row r="107" spans="1:4" ht="18" customHeight="1" x14ac:dyDescent="0.2">
      <c r="A107" s="31">
        <v>84</v>
      </c>
      <c r="B107" s="27">
        <v>63</v>
      </c>
      <c r="C107" s="28">
        <v>130</v>
      </c>
      <c r="D107" s="29">
        <v>193</v>
      </c>
    </row>
    <row r="108" spans="1:4" ht="18" customHeight="1" x14ac:dyDescent="0.2">
      <c r="A108" s="31" t="s">
        <v>66</v>
      </c>
      <c r="B108" s="27">
        <v>411</v>
      </c>
      <c r="C108" s="28">
        <v>595</v>
      </c>
      <c r="D108" s="29">
        <v>1006</v>
      </c>
    </row>
    <row r="109" spans="1:4" ht="18" customHeight="1" x14ac:dyDescent="0.2">
      <c r="A109" s="31">
        <v>85</v>
      </c>
      <c r="B109" s="27">
        <v>63</v>
      </c>
      <c r="C109" s="28">
        <v>117</v>
      </c>
      <c r="D109" s="29">
        <v>180</v>
      </c>
    </row>
    <row r="110" spans="1:4" ht="18" customHeight="1" x14ac:dyDescent="0.2">
      <c r="A110" s="31">
        <v>86</v>
      </c>
      <c r="B110" s="27">
        <v>33</v>
      </c>
      <c r="C110" s="28">
        <v>99</v>
      </c>
      <c r="D110" s="29">
        <v>132</v>
      </c>
    </row>
    <row r="111" spans="1:4" ht="18" customHeight="1" x14ac:dyDescent="0.2">
      <c r="A111" s="31">
        <v>87</v>
      </c>
      <c r="B111" s="27">
        <v>50</v>
      </c>
      <c r="C111" s="28">
        <v>107</v>
      </c>
      <c r="D111" s="29">
        <v>157</v>
      </c>
    </row>
    <row r="112" spans="1:4" ht="18" customHeight="1" x14ac:dyDescent="0.2">
      <c r="A112" s="31">
        <v>88</v>
      </c>
      <c r="B112" s="27">
        <v>36</v>
      </c>
      <c r="C112" s="28">
        <v>103</v>
      </c>
      <c r="D112" s="29">
        <v>139</v>
      </c>
    </row>
    <row r="113" spans="1:4" ht="18" customHeight="1" x14ac:dyDescent="0.2">
      <c r="A113" s="31">
        <v>89</v>
      </c>
      <c r="B113" s="27">
        <v>37</v>
      </c>
      <c r="C113" s="28">
        <v>98</v>
      </c>
      <c r="D113" s="29">
        <v>135</v>
      </c>
    </row>
    <row r="114" spans="1:4" ht="18" customHeight="1" x14ac:dyDescent="0.2">
      <c r="A114" s="31" t="s">
        <v>67</v>
      </c>
      <c r="B114" s="27">
        <v>219</v>
      </c>
      <c r="C114" s="28">
        <v>524</v>
      </c>
      <c r="D114" s="29">
        <v>743</v>
      </c>
    </row>
    <row r="115" spans="1:4" ht="18" customHeight="1" x14ac:dyDescent="0.2">
      <c r="A115" s="31">
        <v>90</v>
      </c>
      <c r="B115" s="27">
        <v>31</v>
      </c>
      <c r="C115" s="28">
        <v>86</v>
      </c>
      <c r="D115" s="29">
        <v>117</v>
      </c>
    </row>
    <row r="116" spans="1:4" ht="18" customHeight="1" x14ac:dyDescent="0.2">
      <c r="A116" s="31">
        <v>91</v>
      </c>
      <c r="B116" s="27">
        <v>19</v>
      </c>
      <c r="C116" s="28">
        <v>63</v>
      </c>
      <c r="D116" s="29">
        <v>82</v>
      </c>
    </row>
    <row r="117" spans="1:4" ht="18" customHeight="1" x14ac:dyDescent="0.2">
      <c r="A117" s="31">
        <v>92</v>
      </c>
      <c r="B117" s="27">
        <v>13</v>
      </c>
      <c r="C117" s="28">
        <v>46</v>
      </c>
      <c r="D117" s="29">
        <v>59</v>
      </c>
    </row>
    <row r="118" spans="1:4" ht="18" customHeight="1" x14ac:dyDescent="0.2">
      <c r="A118" s="31">
        <v>93</v>
      </c>
      <c r="B118" s="27">
        <v>17</v>
      </c>
      <c r="C118" s="28">
        <v>48</v>
      </c>
      <c r="D118" s="29">
        <v>65</v>
      </c>
    </row>
    <row r="119" spans="1:4" ht="18" customHeight="1" x14ac:dyDescent="0.2">
      <c r="A119" s="31">
        <v>94</v>
      </c>
      <c r="B119" s="27">
        <v>11</v>
      </c>
      <c r="C119" s="28">
        <v>33</v>
      </c>
      <c r="D119" s="29">
        <v>44</v>
      </c>
    </row>
    <row r="120" spans="1:4" ht="18" customHeight="1" x14ac:dyDescent="0.2">
      <c r="A120" s="31" t="s">
        <v>68</v>
      </c>
      <c r="B120" s="27">
        <v>91</v>
      </c>
      <c r="C120" s="28">
        <v>276</v>
      </c>
      <c r="D120" s="29">
        <v>367</v>
      </c>
    </row>
    <row r="121" spans="1:4" ht="18" customHeight="1" x14ac:dyDescent="0.2">
      <c r="A121" s="31">
        <v>95</v>
      </c>
      <c r="B121" s="27">
        <v>10</v>
      </c>
      <c r="C121" s="28">
        <v>22</v>
      </c>
      <c r="D121" s="29">
        <v>32</v>
      </c>
    </row>
    <row r="122" spans="1:4" ht="18" customHeight="1" x14ac:dyDescent="0.2">
      <c r="A122" s="31">
        <v>96</v>
      </c>
      <c r="B122" s="27">
        <v>3</v>
      </c>
      <c r="C122" s="28">
        <v>21</v>
      </c>
      <c r="D122" s="29">
        <v>24</v>
      </c>
    </row>
    <row r="123" spans="1:4" ht="18" customHeight="1" x14ac:dyDescent="0.2">
      <c r="A123" s="31">
        <v>97</v>
      </c>
      <c r="B123" s="27">
        <v>3</v>
      </c>
      <c r="C123" s="28">
        <v>10</v>
      </c>
      <c r="D123" s="29">
        <v>13</v>
      </c>
    </row>
    <row r="124" spans="1:4" ht="18" customHeight="1" x14ac:dyDescent="0.2">
      <c r="A124" s="31">
        <v>98</v>
      </c>
      <c r="B124" s="27">
        <v>1</v>
      </c>
      <c r="C124" s="28">
        <v>11</v>
      </c>
      <c r="D124" s="29">
        <v>12</v>
      </c>
    </row>
    <row r="125" spans="1:4" ht="18" customHeight="1" x14ac:dyDescent="0.2">
      <c r="A125" s="31">
        <v>99</v>
      </c>
      <c r="B125" s="27">
        <v>3</v>
      </c>
      <c r="C125" s="28">
        <v>9</v>
      </c>
      <c r="D125" s="29">
        <v>12</v>
      </c>
    </row>
    <row r="126" spans="1:4" ht="18" customHeight="1" x14ac:dyDescent="0.2">
      <c r="A126" s="31" t="s">
        <v>69</v>
      </c>
      <c r="B126" s="27">
        <v>20</v>
      </c>
      <c r="C126" s="28">
        <v>73</v>
      </c>
      <c r="D126" s="29">
        <v>93</v>
      </c>
    </row>
    <row r="127" spans="1:4" ht="18" customHeight="1" x14ac:dyDescent="0.2">
      <c r="A127" s="31">
        <v>100</v>
      </c>
      <c r="B127" s="27">
        <v>1</v>
      </c>
      <c r="C127" s="28">
        <v>5</v>
      </c>
      <c r="D127" s="29">
        <v>6</v>
      </c>
    </row>
    <row r="128" spans="1:4" ht="18" customHeight="1" x14ac:dyDescent="0.2">
      <c r="A128" s="32" t="s">
        <v>70</v>
      </c>
      <c r="B128" s="27">
        <v>1</v>
      </c>
      <c r="C128" s="28">
        <v>9</v>
      </c>
      <c r="D128" s="29">
        <v>10</v>
      </c>
    </row>
    <row r="129" spans="1:4" ht="18" customHeight="1" x14ac:dyDescent="0.2">
      <c r="A129" s="31" t="s">
        <v>71</v>
      </c>
      <c r="B129" s="27">
        <v>2</v>
      </c>
      <c r="C129" s="28">
        <v>14</v>
      </c>
      <c r="D129" s="29">
        <v>16</v>
      </c>
    </row>
    <row r="130" spans="1:4" ht="18" customHeight="1" x14ac:dyDescent="0.2">
      <c r="A130" s="31" t="s">
        <v>72</v>
      </c>
      <c r="B130" s="4">
        <v>2827</v>
      </c>
      <c r="C130" s="5">
        <v>3867</v>
      </c>
      <c r="D130" s="6">
        <v>6694</v>
      </c>
    </row>
    <row r="131" spans="1:4" ht="18" customHeight="1" x14ac:dyDescent="0.2">
      <c r="A131" s="33" t="s">
        <v>47</v>
      </c>
      <c r="B131" s="7">
        <v>10661</v>
      </c>
      <c r="C131" s="8">
        <v>11133</v>
      </c>
      <c r="D131" s="9">
        <v>217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5</v>
      </c>
      <c r="D5" s="39">
        <v>11</v>
      </c>
    </row>
    <row r="6" spans="1:4" ht="18" customHeight="1" x14ac:dyDescent="0.2">
      <c r="A6" s="31">
        <v>1</v>
      </c>
      <c r="B6" s="35">
        <v>5</v>
      </c>
      <c r="C6" s="28">
        <v>4</v>
      </c>
      <c r="D6" s="29">
        <v>9</v>
      </c>
    </row>
    <row r="7" spans="1:4" ht="18" customHeight="1" x14ac:dyDescent="0.2">
      <c r="A7" s="31">
        <v>2</v>
      </c>
      <c r="B7" s="35">
        <v>5</v>
      </c>
      <c r="C7" s="28">
        <v>4</v>
      </c>
      <c r="D7" s="29">
        <v>9</v>
      </c>
    </row>
    <row r="8" spans="1:4" ht="18" customHeight="1" x14ac:dyDescent="0.2">
      <c r="A8" s="31">
        <v>3</v>
      </c>
      <c r="B8" s="35">
        <v>8</v>
      </c>
      <c r="C8" s="28">
        <v>8</v>
      </c>
      <c r="D8" s="29">
        <v>16</v>
      </c>
    </row>
    <row r="9" spans="1:4" ht="18" customHeight="1" x14ac:dyDescent="0.2">
      <c r="A9" s="31">
        <v>4</v>
      </c>
      <c r="B9" s="36">
        <v>8</v>
      </c>
      <c r="C9" s="38">
        <v>5</v>
      </c>
      <c r="D9" s="40">
        <v>13</v>
      </c>
    </row>
    <row r="10" spans="1:4" ht="18" customHeight="1" x14ac:dyDescent="0.2">
      <c r="A10" s="31" t="s">
        <v>48</v>
      </c>
      <c r="B10" s="27">
        <v>32</v>
      </c>
      <c r="C10" s="28">
        <v>26</v>
      </c>
      <c r="D10" s="29">
        <v>58</v>
      </c>
    </row>
    <row r="11" spans="1:4" ht="18" customHeight="1" x14ac:dyDescent="0.2">
      <c r="A11" s="31">
        <v>5</v>
      </c>
      <c r="B11" s="35">
        <v>11</v>
      </c>
      <c r="C11" s="28">
        <v>5</v>
      </c>
      <c r="D11" s="29">
        <v>16</v>
      </c>
    </row>
    <row r="12" spans="1:4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4" ht="18" customHeight="1" x14ac:dyDescent="0.2">
      <c r="A13" s="31">
        <v>7</v>
      </c>
      <c r="B13" s="35">
        <v>10</v>
      </c>
      <c r="C13" s="28">
        <v>8</v>
      </c>
      <c r="D13" s="29">
        <v>18</v>
      </c>
    </row>
    <row r="14" spans="1:4" ht="18" customHeight="1" x14ac:dyDescent="0.2">
      <c r="A14" s="31">
        <v>8</v>
      </c>
      <c r="B14" s="35">
        <v>5</v>
      </c>
      <c r="C14" s="28">
        <v>10</v>
      </c>
      <c r="D14" s="29">
        <v>15</v>
      </c>
    </row>
    <row r="15" spans="1:4" ht="18" customHeight="1" x14ac:dyDescent="0.2">
      <c r="A15" s="31">
        <v>9</v>
      </c>
      <c r="B15" s="35">
        <v>9</v>
      </c>
      <c r="C15" s="28">
        <v>6</v>
      </c>
      <c r="D15" s="29">
        <v>15</v>
      </c>
    </row>
    <row r="16" spans="1:4" ht="18" customHeight="1" x14ac:dyDescent="0.2">
      <c r="A16" s="31" t="s">
        <v>49</v>
      </c>
      <c r="B16" s="27">
        <v>38</v>
      </c>
      <c r="C16" s="28">
        <v>32</v>
      </c>
      <c r="D16" s="29">
        <v>70</v>
      </c>
    </row>
    <row r="17" spans="1:4" ht="18" customHeight="1" x14ac:dyDescent="0.2">
      <c r="A17" s="31">
        <v>10</v>
      </c>
      <c r="B17" s="27">
        <v>6</v>
      </c>
      <c r="C17" s="28">
        <v>4</v>
      </c>
      <c r="D17" s="29">
        <v>10</v>
      </c>
    </row>
    <row r="18" spans="1:4" ht="18" customHeight="1" x14ac:dyDescent="0.2">
      <c r="A18" s="31">
        <v>11</v>
      </c>
      <c r="B18" s="27">
        <v>8</v>
      </c>
      <c r="C18" s="28">
        <v>6</v>
      </c>
      <c r="D18" s="29">
        <v>14</v>
      </c>
    </row>
    <row r="19" spans="1:4" ht="18" customHeight="1" x14ac:dyDescent="0.2">
      <c r="A19" s="31">
        <v>12</v>
      </c>
      <c r="B19" s="27">
        <v>11</v>
      </c>
      <c r="C19" s="28">
        <v>8</v>
      </c>
      <c r="D19" s="29">
        <v>19</v>
      </c>
    </row>
    <row r="20" spans="1:4" ht="18" customHeight="1" x14ac:dyDescent="0.2">
      <c r="A20" s="31">
        <v>13</v>
      </c>
      <c r="B20" s="27">
        <v>14</v>
      </c>
      <c r="C20" s="28">
        <v>12</v>
      </c>
      <c r="D20" s="29">
        <v>26</v>
      </c>
    </row>
    <row r="21" spans="1:4" ht="18" customHeight="1" x14ac:dyDescent="0.2">
      <c r="A21" s="31">
        <v>14</v>
      </c>
      <c r="B21" s="27">
        <v>14</v>
      </c>
      <c r="C21" s="28">
        <v>9</v>
      </c>
      <c r="D21" s="29">
        <v>23</v>
      </c>
    </row>
    <row r="22" spans="1:4" ht="18" customHeight="1" x14ac:dyDescent="0.2">
      <c r="A22" s="31" t="s">
        <v>50</v>
      </c>
      <c r="B22" s="27">
        <v>53</v>
      </c>
      <c r="C22" s="28">
        <v>39</v>
      </c>
      <c r="D22" s="29">
        <v>92</v>
      </c>
    </row>
    <row r="23" spans="1:4" ht="18" customHeight="1" x14ac:dyDescent="0.2">
      <c r="A23" s="31" t="s">
        <v>51</v>
      </c>
      <c r="B23" s="27">
        <v>123</v>
      </c>
      <c r="C23" s="28">
        <v>97</v>
      </c>
      <c r="D23" s="29">
        <v>220</v>
      </c>
    </row>
    <row r="24" spans="1:4" ht="18" customHeight="1" x14ac:dyDescent="0.2">
      <c r="A24" s="31">
        <v>15</v>
      </c>
      <c r="B24" s="27">
        <v>10</v>
      </c>
      <c r="C24" s="28">
        <v>9</v>
      </c>
      <c r="D24" s="29">
        <v>19</v>
      </c>
    </row>
    <row r="25" spans="1:4" ht="18" customHeight="1" x14ac:dyDescent="0.2">
      <c r="A25" s="31">
        <v>16</v>
      </c>
      <c r="B25" s="27">
        <v>9</v>
      </c>
      <c r="C25" s="28">
        <v>19</v>
      </c>
      <c r="D25" s="29">
        <v>28</v>
      </c>
    </row>
    <row r="26" spans="1:4" ht="18" customHeight="1" x14ac:dyDescent="0.2">
      <c r="A26" s="31">
        <v>17</v>
      </c>
      <c r="B26" s="27">
        <v>11</v>
      </c>
      <c r="C26" s="28">
        <v>14</v>
      </c>
      <c r="D26" s="29">
        <v>25</v>
      </c>
    </row>
    <row r="27" spans="1:4" ht="18" customHeight="1" x14ac:dyDescent="0.2">
      <c r="A27" s="31">
        <v>18</v>
      </c>
      <c r="B27" s="27">
        <v>17</v>
      </c>
      <c r="C27" s="28">
        <v>12</v>
      </c>
      <c r="D27" s="29">
        <v>29</v>
      </c>
    </row>
    <row r="28" spans="1:4" ht="18" customHeight="1" x14ac:dyDescent="0.2">
      <c r="A28" s="31">
        <v>19</v>
      </c>
      <c r="B28" s="27">
        <v>13</v>
      </c>
      <c r="C28" s="28">
        <v>19</v>
      </c>
      <c r="D28" s="29">
        <v>32</v>
      </c>
    </row>
    <row r="29" spans="1:4" ht="18" customHeight="1" x14ac:dyDescent="0.2">
      <c r="A29" s="31" t="s">
        <v>52</v>
      </c>
      <c r="B29" s="27">
        <v>60</v>
      </c>
      <c r="C29" s="28">
        <v>73</v>
      </c>
      <c r="D29" s="29">
        <v>133</v>
      </c>
    </row>
    <row r="30" spans="1:4" ht="18" customHeight="1" x14ac:dyDescent="0.2">
      <c r="A30" s="31">
        <v>20</v>
      </c>
      <c r="B30" s="27">
        <v>26</v>
      </c>
      <c r="C30" s="28">
        <v>17</v>
      </c>
      <c r="D30" s="29">
        <v>43</v>
      </c>
    </row>
    <row r="31" spans="1:4" ht="18" customHeight="1" x14ac:dyDescent="0.2">
      <c r="A31" s="31">
        <v>21</v>
      </c>
      <c r="B31" s="27">
        <v>10</v>
      </c>
      <c r="C31" s="28">
        <v>12</v>
      </c>
      <c r="D31" s="29">
        <v>22</v>
      </c>
    </row>
    <row r="32" spans="1:4" ht="18" customHeight="1" x14ac:dyDescent="0.2">
      <c r="A32" s="31">
        <v>22</v>
      </c>
      <c r="B32" s="27">
        <v>16</v>
      </c>
      <c r="C32" s="28">
        <v>13</v>
      </c>
      <c r="D32" s="29">
        <v>29</v>
      </c>
    </row>
    <row r="33" spans="1:4" ht="18" customHeight="1" x14ac:dyDescent="0.2">
      <c r="A33" s="31">
        <v>23</v>
      </c>
      <c r="B33" s="27">
        <v>16</v>
      </c>
      <c r="C33" s="28">
        <v>10</v>
      </c>
      <c r="D33" s="29">
        <v>26</v>
      </c>
    </row>
    <row r="34" spans="1:4" ht="18" customHeight="1" x14ac:dyDescent="0.2">
      <c r="A34" s="31">
        <v>24</v>
      </c>
      <c r="B34" s="27">
        <v>13</v>
      </c>
      <c r="C34" s="28">
        <v>13</v>
      </c>
      <c r="D34" s="29">
        <v>26</v>
      </c>
    </row>
    <row r="35" spans="1:4" ht="18" customHeight="1" x14ac:dyDescent="0.2">
      <c r="A35" s="31" t="s">
        <v>53</v>
      </c>
      <c r="B35" s="27">
        <v>81</v>
      </c>
      <c r="C35" s="28">
        <v>65</v>
      </c>
      <c r="D35" s="29">
        <v>146</v>
      </c>
    </row>
    <row r="36" spans="1:4" ht="18" customHeight="1" x14ac:dyDescent="0.2">
      <c r="A36" s="31">
        <v>25</v>
      </c>
      <c r="B36" s="27">
        <v>17</v>
      </c>
      <c r="C36" s="28">
        <v>10</v>
      </c>
      <c r="D36" s="29">
        <v>27</v>
      </c>
    </row>
    <row r="37" spans="1:4" ht="18" customHeight="1" x14ac:dyDescent="0.2">
      <c r="A37" s="31">
        <v>26</v>
      </c>
      <c r="B37" s="27">
        <v>17</v>
      </c>
      <c r="C37" s="28">
        <v>13</v>
      </c>
      <c r="D37" s="29">
        <v>30</v>
      </c>
    </row>
    <row r="38" spans="1:4" ht="18" customHeight="1" x14ac:dyDescent="0.2">
      <c r="A38" s="31">
        <v>27</v>
      </c>
      <c r="B38" s="27">
        <v>9</v>
      </c>
      <c r="C38" s="28">
        <v>12</v>
      </c>
      <c r="D38" s="29">
        <v>21</v>
      </c>
    </row>
    <row r="39" spans="1:4" ht="18" customHeight="1" x14ac:dyDescent="0.2">
      <c r="A39" s="31">
        <v>28</v>
      </c>
      <c r="B39" s="27">
        <v>12</v>
      </c>
      <c r="C39" s="28">
        <v>6</v>
      </c>
      <c r="D39" s="29">
        <v>18</v>
      </c>
    </row>
    <row r="40" spans="1:4" ht="18" customHeight="1" x14ac:dyDescent="0.2">
      <c r="A40" s="31">
        <v>29</v>
      </c>
      <c r="B40" s="27">
        <v>7</v>
      </c>
      <c r="C40" s="28">
        <v>5</v>
      </c>
      <c r="D40" s="29">
        <v>12</v>
      </c>
    </row>
    <row r="41" spans="1:4" ht="18" customHeight="1" x14ac:dyDescent="0.2">
      <c r="A41" s="31" t="s">
        <v>54</v>
      </c>
      <c r="B41" s="27">
        <v>62</v>
      </c>
      <c r="C41" s="28">
        <v>46</v>
      </c>
      <c r="D41" s="29">
        <v>108</v>
      </c>
    </row>
    <row r="42" spans="1:4" ht="18" customHeight="1" x14ac:dyDescent="0.2">
      <c r="A42" s="31">
        <v>30</v>
      </c>
      <c r="B42" s="27">
        <v>10</v>
      </c>
      <c r="C42" s="28">
        <v>4</v>
      </c>
      <c r="D42" s="29">
        <v>14</v>
      </c>
    </row>
    <row r="43" spans="1:4" ht="18" customHeight="1" x14ac:dyDescent="0.2">
      <c r="A43" s="31">
        <v>31</v>
      </c>
      <c r="B43" s="27">
        <v>8</v>
      </c>
      <c r="C43" s="28">
        <v>4</v>
      </c>
      <c r="D43" s="29">
        <v>12</v>
      </c>
    </row>
    <row r="44" spans="1:4" ht="18" customHeight="1" x14ac:dyDescent="0.2">
      <c r="A44" s="31">
        <v>32</v>
      </c>
      <c r="B44" s="27">
        <v>13</v>
      </c>
      <c r="C44" s="28">
        <v>10</v>
      </c>
      <c r="D44" s="29">
        <v>23</v>
      </c>
    </row>
    <row r="45" spans="1:4" ht="18" customHeight="1" x14ac:dyDescent="0.2">
      <c r="A45" s="31">
        <v>33</v>
      </c>
      <c r="B45" s="27">
        <v>7</v>
      </c>
      <c r="C45" s="28">
        <v>10</v>
      </c>
      <c r="D45" s="29">
        <v>17</v>
      </c>
    </row>
    <row r="46" spans="1:4" ht="18" customHeight="1" x14ac:dyDescent="0.2">
      <c r="A46" s="31">
        <v>34</v>
      </c>
      <c r="B46" s="27">
        <v>9</v>
      </c>
      <c r="C46" s="28">
        <v>10</v>
      </c>
      <c r="D46" s="29">
        <v>19</v>
      </c>
    </row>
    <row r="47" spans="1:4" ht="18" customHeight="1" x14ac:dyDescent="0.2">
      <c r="A47" s="31" t="s">
        <v>55</v>
      </c>
      <c r="B47" s="27">
        <v>47</v>
      </c>
      <c r="C47" s="28">
        <v>38</v>
      </c>
      <c r="D47" s="29">
        <v>85</v>
      </c>
    </row>
    <row r="48" spans="1:4" ht="18" customHeight="1" x14ac:dyDescent="0.2">
      <c r="A48" s="31">
        <v>35</v>
      </c>
      <c r="B48" s="27">
        <v>21</v>
      </c>
      <c r="C48" s="28">
        <v>11</v>
      </c>
      <c r="D48" s="29">
        <v>32</v>
      </c>
    </row>
    <row r="49" spans="1:4" ht="18" customHeight="1" x14ac:dyDescent="0.2">
      <c r="A49" s="31">
        <v>36</v>
      </c>
      <c r="B49" s="27">
        <v>15</v>
      </c>
      <c r="C49" s="28">
        <v>15</v>
      </c>
      <c r="D49" s="29">
        <v>30</v>
      </c>
    </row>
    <row r="50" spans="1:4" ht="18" customHeight="1" x14ac:dyDescent="0.2">
      <c r="A50" s="31">
        <v>37</v>
      </c>
      <c r="B50" s="27">
        <v>11</v>
      </c>
      <c r="C50" s="28">
        <v>13</v>
      </c>
      <c r="D50" s="29">
        <v>24</v>
      </c>
    </row>
    <row r="51" spans="1:4" ht="18" customHeight="1" x14ac:dyDescent="0.2">
      <c r="A51" s="31">
        <v>38</v>
      </c>
      <c r="B51" s="27">
        <v>10</v>
      </c>
      <c r="C51" s="28">
        <v>11</v>
      </c>
      <c r="D51" s="29">
        <v>21</v>
      </c>
    </row>
    <row r="52" spans="1:4" ht="18" customHeight="1" x14ac:dyDescent="0.2">
      <c r="A52" s="31">
        <v>39</v>
      </c>
      <c r="B52" s="27">
        <v>10</v>
      </c>
      <c r="C52" s="28">
        <v>10</v>
      </c>
      <c r="D52" s="29">
        <v>20</v>
      </c>
    </row>
    <row r="53" spans="1:4" ht="18" customHeight="1" x14ac:dyDescent="0.2">
      <c r="A53" s="31" t="s">
        <v>56</v>
      </c>
      <c r="B53" s="27">
        <v>67</v>
      </c>
      <c r="C53" s="28">
        <v>60</v>
      </c>
      <c r="D53" s="29">
        <v>127</v>
      </c>
    </row>
    <row r="54" spans="1:4" ht="18" customHeight="1" x14ac:dyDescent="0.2">
      <c r="A54" s="31">
        <v>40</v>
      </c>
      <c r="B54" s="27">
        <v>15</v>
      </c>
      <c r="C54" s="28">
        <v>9</v>
      </c>
      <c r="D54" s="29">
        <v>24</v>
      </c>
    </row>
    <row r="55" spans="1:4" ht="18" customHeight="1" x14ac:dyDescent="0.2">
      <c r="A55" s="31">
        <v>41</v>
      </c>
      <c r="B55" s="27">
        <v>11</v>
      </c>
      <c r="C55" s="28">
        <v>16</v>
      </c>
      <c r="D55" s="29">
        <v>27</v>
      </c>
    </row>
    <row r="56" spans="1:4" ht="18" customHeight="1" x14ac:dyDescent="0.2">
      <c r="A56" s="31">
        <v>42</v>
      </c>
      <c r="B56" s="27">
        <v>14</v>
      </c>
      <c r="C56" s="28">
        <v>15</v>
      </c>
      <c r="D56" s="29">
        <v>29</v>
      </c>
    </row>
    <row r="57" spans="1:4" ht="18" customHeight="1" x14ac:dyDescent="0.2">
      <c r="A57" s="31">
        <v>43</v>
      </c>
      <c r="B57" s="27">
        <v>17</v>
      </c>
      <c r="C57" s="28">
        <v>16</v>
      </c>
      <c r="D57" s="29">
        <v>33</v>
      </c>
    </row>
    <row r="58" spans="1:4" ht="18" customHeight="1" x14ac:dyDescent="0.2">
      <c r="A58" s="31">
        <v>44</v>
      </c>
      <c r="B58" s="27">
        <v>17</v>
      </c>
      <c r="C58" s="28">
        <v>16</v>
      </c>
      <c r="D58" s="29">
        <v>33</v>
      </c>
    </row>
    <row r="59" spans="1:4" ht="18" customHeight="1" x14ac:dyDescent="0.2">
      <c r="A59" s="31" t="s">
        <v>57</v>
      </c>
      <c r="B59" s="27">
        <v>74</v>
      </c>
      <c r="C59" s="28">
        <v>72</v>
      </c>
      <c r="D59" s="29">
        <v>146</v>
      </c>
    </row>
    <row r="60" spans="1:4" ht="18" customHeight="1" x14ac:dyDescent="0.2">
      <c r="A60" s="31">
        <v>45</v>
      </c>
      <c r="B60" s="27">
        <v>14</v>
      </c>
      <c r="C60" s="28">
        <v>18</v>
      </c>
      <c r="D60" s="29">
        <v>32</v>
      </c>
    </row>
    <row r="61" spans="1:4" ht="18" customHeight="1" x14ac:dyDescent="0.2">
      <c r="A61" s="31">
        <v>46</v>
      </c>
      <c r="B61" s="27">
        <v>13</v>
      </c>
      <c r="C61" s="28">
        <v>26</v>
      </c>
      <c r="D61" s="29">
        <v>39</v>
      </c>
    </row>
    <row r="62" spans="1:4" ht="18" customHeight="1" x14ac:dyDescent="0.2">
      <c r="A62" s="31">
        <v>47</v>
      </c>
      <c r="B62" s="27">
        <v>28</v>
      </c>
      <c r="C62" s="28">
        <v>21</v>
      </c>
      <c r="D62" s="29">
        <v>49</v>
      </c>
    </row>
    <row r="63" spans="1:4" ht="18" customHeight="1" x14ac:dyDescent="0.2">
      <c r="A63" s="31">
        <v>48</v>
      </c>
      <c r="B63" s="27">
        <v>25</v>
      </c>
      <c r="C63" s="28">
        <v>19</v>
      </c>
      <c r="D63" s="29">
        <v>44</v>
      </c>
    </row>
    <row r="64" spans="1:4" ht="18" customHeight="1" x14ac:dyDescent="0.2">
      <c r="A64" s="31">
        <v>49</v>
      </c>
      <c r="B64" s="27">
        <v>25</v>
      </c>
      <c r="C64" s="28">
        <v>17</v>
      </c>
      <c r="D64" s="29">
        <v>42</v>
      </c>
    </row>
    <row r="65" spans="1:4" ht="18" customHeight="1" x14ac:dyDescent="0.2">
      <c r="A65" s="31" t="s">
        <v>58</v>
      </c>
      <c r="B65" s="27">
        <v>105</v>
      </c>
      <c r="C65" s="28">
        <v>101</v>
      </c>
      <c r="D65" s="29">
        <v>206</v>
      </c>
    </row>
    <row r="66" spans="1:4" ht="18" customHeight="1" x14ac:dyDescent="0.2">
      <c r="A66" s="31">
        <v>50</v>
      </c>
      <c r="B66" s="27">
        <v>17</v>
      </c>
      <c r="C66" s="28">
        <v>23</v>
      </c>
      <c r="D66" s="29">
        <v>40</v>
      </c>
    </row>
    <row r="67" spans="1:4" ht="18" customHeight="1" x14ac:dyDescent="0.2">
      <c r="A67" s="31">
        <v>51</v>
      </c>
      <c r="B67" s="27">
        <v>13</v>
      </c>
      <c r="C67" s="28">
        <v>19</v>
      </c>
      <c r="D67" s="29">
        <v>32</v>
      </c>
    </row>
    <row r="68" spans="1:4" ht="18" customHeight="1" x14ac:dyDescent="0.2">
      <c r="A68" s="31">
        <v>52</v>
      </c>
      <c r="B68" s="27">
        <v>15</v>
      </c>
      <c r="C68" s="28">
        <v>23</v>
      </c>
      <c r="D68" s="29">
        <v>38</v>
      </c>
    </row>
    <row r="69" spans="1:4" ht="18" customHeight="1" x14ac:dyDescent="0.2">
      <c r="A69" s="31">
        <v>53</v>
      </c>
      <c r="B69" s="27">
        <v>13</v>
      </c>
      <c r="C69" s="28">
        <v>11</v>
      </c>
      <c r="D69" s="29">
        <v>24</v>
      </c>
    </row>
    <row r="70" spans="1:4" ht="18" customHeight="1" x14ac:dyDescent="0.2">
      <c r="A70" s="31">
        <v>54</v>
      </c>
      <c r="B70" s="27">
        <v>18</v>
      </c>
      <c r="C70" s="28">
        <v>17</v>
      </c>
      <c r="D70" s="29">
        <v>35</v>
      </c>
    </row>
    <row r="71" spans="1:4" ht="18" customHeight="1" x14ac:dyDescent="0.2">
      <c r="A71" s="31" t="s">
        <v>59</v>
      </c>
      <c r="B71" s="27">
        <v>76</v>
      </c>
      <c r="C71" s="28">
        <v>93</v>
      </c>
      <c r="D71" s="29">
        <v>169</v>
      </c>
    </row>
    <row r="72" spans="1:4" ht="18" customHeight="1" x14ac:dyDescent="0.2">
      <c r="A72" s="31">
        <v>55</v>
      </c>
      <c r="B72" s="27">
        <v>17</v>
      </c>
      <c r="C72" s="28">
        <v>17</v>
      </c>
      <c r="D72" s="29">
        <v>34</v>
      </c>
    </row>
    <row r="73" spans="1:4" ht="18" customHeight="1" x14ac:dyDescent="0.2">
      <c r="A73" s="31">
        <v>56</v>
      </c>
      <c r="B73" s="27">
        <v>16</v>
      </c>
      <c r="C73" s="28">
        <v>14</v>
      </c>
      <c r="D73" s="29">
        <v>30</v>
      </c>
    </row>
    <row r="74" spans="1:4" ht="18" customHeight="1" x14ac:dyDescent="0.2">
      <c r="A74" s="31">
        <v>57</v>
      </c>
      <c r="B74" s="27">
        <v>12</v>
      </c>
      <c r="C74" s="28">
        <v>11</v>
      </c>
      <c r="D74" s="29">
        <v>23</v>
      </c>
    </row>
    <row r="75" spans="1:4" ht="18" customHeight="1" x14ac:dyDescent="0.2">
      <c r="A75" s="31">
        <v>58</v>
      </c>
      <c r="B75" s="27">
        <v>19</v>
      </c>
      <c r="C75" s="28">
        <v>14</v>
      </c>
      <c r="D75" s="29">
        <v>33</v>
      </c>
    </row>
    <row r="76" spans="1:4" ht="18" customHeight="1" x14ac:dyDescent="0.2">
      <c r="A76" s="31">
        <v>59</v>
      </c>
      <c r="B76" s="27">
        <v>18</v>
      </c>
      <c r="C76" s="28">
        <v>9</v>
      </c>
      <c r="D76" s="29">
        <v>27</v>
      </c>
    </row>
    <row r="77" spans="1:4" ht="18" customHeight="1" x14ac:dyDescent="0.2">
      <c r="A77" s="31" t="s">
        <v>60</v>
      </c>
      <c r="B77" s="27">
        <v>82</v>
      </c>
      <c r="C77" s="28">
        <v>65</v>
      </c>
      <c r="D77" s="29">
        <v>147</v>
      </c>
    </row>
    <row r="78" spans="1:4" ht="18" customHeight="1" x14ac:dyDescent="0.2">
      <c r="A78" s="31">
        <v>60</v>
      </c>
      <c r="B78" s="27">
        <v>16</v>
      </c>
      <c r="C78" s="28">
        <v>29</v>
      </c>
      <c r="D78" s="29">
        <v>45</v>
      </c>
    </row>
    <row r="79" spans="1:4" ht="18" customHeight="1" x14ac:dyDescent="0.2">
      <c r="A79" s="31">
        <v>61</v>
      </c>
      <c r="B79" s="27">
        <v>22</v>
      </c>
      <c r="C79" s="28">
        <v>18</v>
      </c>
      <c r="D79" s="29">
        <v>40</v>
      </c>
    </row>
    <row r="80" spans="1:4" ht="18" customHeight="1" x14ac:dyDescent="0.2">
      <c r="A80" s="31">
        <v>62</v>
      </c>
      <c r="B80" s="27">
        <v>24</v>
      </c>
      <c r="C80" s="28">
        <v>18</v>
      </c>
      <c r="D80" s="29">
        <v>42</v>
      </c>
    </row>
    <row r="81" spans="1:4" ht="18" customHeight="1" x14ac:dyDescent="0.2">
      <c r="A81" s="31">
        <v>63</v>
      </c>
      <c r="B81" s="27">
        <v>14</v>
      </c>
      <c r="C81" s="28">
        <v>21</v>
      </c>
      <c r="D81" s="29">
        <v>35</v>
      </c>
    </row>
    <row r="82" spans="1:4" ht="18" customHeight="1" x14ac:dyDescent="0.2">
      <c r="A82" s="31">
        <v>64</v>
      </c>
      <c r="B82" s="27">
        <v>13</v>
      </c>
      <c r="C82" s="28">
        <v>17</v>
      </c>
      <c r="D82" s="29">
        <v>30</v>
      </c>
    </row>
    <row r="83" spans="1:4" ht="18" customHeight="1" x14ac:dyDescent="0.2">
      <c r="A83" s="31" t="s">
        <v>61</v>
      </c>
      <c r="B83" s="27">
        <v>89</v>
      </c>
      <c r="C83" s="28">
        <v>103</v>
      </c>
      <c r="D83" s="29">
        <v>192</v>
      </c>
    </row>
    <row r="84" spans="1:4" ht="18" customHeight="1" x14ac:dyDescent="0.2">
      <c r="A84" s="31" t="s">
        <v>62</v>
      </c>
      <c r="B84" s="27">
        <v>743</v>
      </c>
      <c r="C84" s="28">
        <v>716</v>
      </c>
      <c r="D84" s="29">
        <v>1459</v>
      </c>
    </row>
    <row r="85" spans="1:4" ht="18" customHeight="1" x14ac:dyDescent="0.2">
      <c r="A85" s="31">
        <v>65</v>
      </c>
      <c r="B85" s="27">
        <v>12</v>
      </c>
      <c r="C85" s="28">
        <v>25</v>
      </c>
      <c r="D85" s="29">
        <v>37</v>
      </c>
    </row>
    <row r="86" spans="1:4" ht="18" customHeight="1" x14ac:dyDescent="0.2">
      <c r="A86" s="31">
        <v>66</v>
      </c>
      <c r="B86" s="27">
        <v>21</v>
      </c>
      <c r="C86" s="28">
        <v>26</v>
      </c>
      <c r="D86" s="29">
        <v>47</v>
      </c>
    </row>
    <row r="87" spans="1:4" ht="18" customHeight="1" x14ac:dyDescent="0.2">
      <c r="A87" s="31">
        <v>67</v>
      </c>
      <c r="B87" s="27">
        <v>23</v>
      </c>
      <c r="C87" s="28">
        <v>23</v>
      </c>
      <c r="D87" s="29">
        <v>46</v>
      </c>
    </row>
    <row r="88" spans="1:4" ht="18" customHeight="1" x14ac:dyDescent="0.2">
      <c r="A88" s="31">
        <v>68</v>
      </c>
      <c r="B88" s="27">
        <v>33</v>
      </c>
      <c r="C88" s="28">
        <v>29</v>
      </c>
      <c r="D88" s="29">
        <v>62</v>
      </c>
    </row>
    <row r="89" spans="1:4" ht="18" customHeight="1" x14ac:dyDescent="0.2">
      <c r="A89" s="31">
        <v>69</v>
      </c>
      <c r="B89" s="27">
        <v>27</v>
      </c>
      <c r="C89" s="28">
        <v>32</v>
      </c>
      <c r="D89" s="29">
        <v>59</v>
      </c>
    </row>
    <row r="90" spans="1:4" ht="18" customHeight="1" x14ac:dyDescent="0.2">
      <c r="A90" s="31" t="s">
        <v>63</v>
      </c>
      <c r="B90" s="27">
        <v>116</v>
      </c>
      <c r="C90" s="28">
        <v>135</v>
      </c>
      <c r="D90" s="29">
        <v>251</v>
      </c>
    </row>
    <row r="91" spans="1:4" ht="18" customHeight="1" x14ac:dyDescent="0.2">
      <c r="A91" s="31">
        <v>70</v>
      </c>
      <c r="B91" s="27">
        <v>31</v>
      </c>
      <c r="C91" s="28">
        <v>32</v>
      </c>
      <c r="D91" s="29">
        <v>63</v>
      </c>
    </row>
    <row r="92" spans="1:4" ht="18" customHeight="1" x14ac:dyDescent="0.2">
      <c r="A92" s="31">
        <v>71</v>
      </c>
      <c r="B92" s="27">
        <v>36</v>
      </c>
      <c r="C92" s="28">
        <v>29</v>
      </c>
      <c r="D92" s="29">
        <v>65</v>
      </c>
    </row>
    <row r="93" spans="1:4" ht="18" customHeight="1" x14ac:dyDescent="0.2">
      <c r="A93" s="31">
        <v>72</v>
      </c>
      <c r="B93" s="27">
        <v>42</v>
      </c>
      <c r="C93" s="28">
        <v>34</v>
      </c>
      <c r="D93" s="29">
        <v>76</v>
      </c>
    </row>
    <row r="94" spans="1:4" ht="18" customHeight="1" x14ac:dyDescent="0.2">
      <c r="A94" s="31">
        <v>73</v>
      </c>
      <c r="B94" s="27">
        <v>11</v>
      </c>
      <c r="C94" s="28">
        <v>18</v>
      </c>
      <c r="D94" s="29">
        <v>29</v>
      </c>
    </row>
    <row r="95" spans="1:4" ht="18" customHeight="1" x14ac:dyDescent="0.2">
      <c r="A95" s="31">
        <v>74</v>
      </c>
      <c r="B95" s="27">
        <v>12</v>
      </c>
      <c r="C95" s="28">
        <v>19</v>
      </c>
      <c r="D95" s="29">
        <v>31</v>
      </c>
    </row>
    <row r="96" spans="1:4" ht="18" customHeight="1" x14ac:dyDescent="0.2">
      <c r="A96" s="31" t="s">
        <v>64</v>
      </c>
      <c r="B96" s="27">
        <v>132</v>
      </c>
      <c r="C96" s="28">
        <v>132</v>
      </c>
      <c r="D96" s="29">
        <v>264</v>
      </c>
    </row>
    <row r="97" spans="1:4" ht="18" customHeight="1" x14ac:dyDescent="0.2">
      <c r="A97" s="31">
        <v>75</v>
      </c>
      <c r="B97" s="27">
        <v>26</v>
      </c>
      <c r="C97" s="28">
        <v>39</v>
      </c>
      <c r="D97" s="29">
        <v>65</v>
      </c>
    </row>
    <row r="98" spans="1:4" ht="18" customHeight="1" x14ac:dyDescent="0.2">
      <c r="A98" s="31">
        <v>76</v>
      </c>
      <c r="B98" s="27">
        <v>16</v>
      </c>
      <c r="C98" s="28">
        <v>25</v>
      </c>
      <c r="D98" s="29">
        <v>41</v>
      </c>
    </row>
    <row r="99" spans="1:4" ht="18" customHeight="1" x14ac:dyDescent="0.2">
      <c r="A99" s="31">
        <v>77</v>
      </c>
      <c r="B99" s="27">
        <v>18</v>
      </c>
      <c r="C99" s="28">
        <v>23</v>
      </c>
      <c r="D99" s="29">
        <v>41</v>
      </c>
    </row>
    <row r="100" spans="1:4" ht="18" customHeight="1" x14ac:dyDescent="0.2">
      <c r="A100" s="31">
        <v>78</v>
      </c>
      <c r="B100" s="27">
        <v>16</v>
      </c>
      <c r="C100" s="28">
        <v>22</v>
      </c>
      <c r="D100" s="29">
        <v>38</v>
      </c>
    </row>
    <row r="101" spans="1:4" ht="18" customHeight="1" x14ac:dyDescent="0.2">
      <c r="A101" s="31">
        <v>79</v>
      </c>
      <c r="B101" s="27">
        <v>12</v>
      </c>
      <c r="C101" s="28">
        <v>20</v>
      </c>
      <c r="D101" s="29">
        <v>32</v>
      </c>
    </row>
    <row r="102" spans="1:4" ht="18" customHeight="1" x14ac:dyDescent="0.2">
      <c r="A102" s="31" t="s">
        <v>65</v>
      </c>
      <c r="B102" s="27">
        <v>88</v>
      </c>
      <c r="C102" s="28">
        <v>129</v>
      </c>
      <c r="D102" s="29">
        <v>217</v>
      </c>
    </row>
    <row r="103" spans="1:4" ht="18" customHeight="1" x14ac:dyDescent="0.2">
      <c r="A103" s="31">
        <v>80</v>
      </c>
      <c r="B103" s="27">
        <v>15</v>
      </c>
      <c r="C103" s="28">
        <v>15</v>
      </c>
      <c r="D103" s="29">
        <v>30</v>
      </c>
    </row>
    <row r="104" spans="1:4" ht="18" customHeight="1" x14ac:dyDescent="0.2">
      <c r="A104" s="31">
        <v>81</v>
      </c>
      <c r="B104" s="27">
        <v>8</v>
      </c>
      <c r="C104" s="28">
        <v>22</v>
      </c>
      <c r="D104" s="29">
        <v>30</v>
      </c>
    </row>
    <row r="105" spans="1:4" ht="18" customHeight="1" x14ac:dyDescent="0.2">
      <c r="A105" s="31">
        <v>82</v>
      </c>
      <c r="B105" s="27">
        <v>18</v>
      </c>
      <c r="C105" s="28">
        <v>29</v>
      </c>
      <c r="D105" s="29">
        <v>47</v>
      </c>
    </row>
    <row r="106" spans="1:4" ht="18" customHeight="1" x14ac:dyDescent="0.2">
      <c r="A106" s="31">
        <v>83</v>
      </c>
      <c r="B106" s="27">
        <v>15</v>
      </c>
      <c r="C106" s="28">
        <v>20</v>
      </c>
      <c r="D106" s="29">
        <v>35</v>
      </c>
    </row>
    <row r="107" spans="1:4" ht="18" customHeight="1" x14ac:dyDescent="0.2">
      <c r="A107" s="31">
        <v>84</v>
      </c>
      <c r="B107" s="27">
        <v>10</v>
      </c>
      <c r="C107" s="28">
        <v>21</v>
      </c>
      <c r="D107" s="29">
        <v>31</v>
      </c>
    </row>
    <row r="108" spans="1:4" ht="18" customHeight="1" x14ac:dyDescent="0.2">
      <c r="A108" s="31" t="s">
        <v>66</v>
      </c>
      <c r="B108" s="27">
        <v>66</v>
      </c>
      <c r="C108" s="28">
        <v>107</v>
      </c>
      <c r="D108" s="29">
        <v>173</v>
      </c>
    </row>
    <row r="109" spans="1:4" ht="18" customHeight="1" x14ac:dyDescent="0.2">
      <c r="A109" s="31">
        <v>85</v>
      </c>
      <c r="B109" s="27">
        <v>16</v>
      </c>
      <c r="C109" s="28">
        <v>25</v>
      </c>
      <c r="D109" s="29">
        <v>41</v>
      </c>
    </row>
    <row r="110" spans="1:4" ht="18" customHeight="1" x14ac:dyDescent="0.2">
      <c r="A110" s="31">
        <v>86</v>
      </c>
      <c r="B110" s="27">
        <v>12</v>
      </c>
      <c r="C110" s="28">
        <v>19</v>
      </c>
      <c r="D110" s="29">
        <v>31</v>
      </c>
    </row>
    <row r="111" spans="1:4" ht="18" customHeight="1" x14ac:dyDescent="0.2">
      <c r="A111" s="31">
        <v>87</v>
      </c>
      <c r="B111" s="27">
        <v>4</v>
      </c>
      <c r="C111" s="28">
        <v>9</v>
      </c>
      <c r="D111" s="29">
        <v>13</v>
      </c>
    </row>
    <row r="112" spans="1:4" ht="18" customHeight="1" x14ac:dyDescent="0.2">
      <c r="A112" s="31">
        <v>88</v>
      </c>
      <c r="B112" s="27">
        <v>9</v>
      </c>
      <c r="C112" s="28">
        <v>15</v>
      </c>
      <c r="D112" s="29">
        <v>24</v>
      </c>
    </row>
    <row r="113" spans="1:4" ht="18" customHeight="1" x14ac:dyDescent="0.2">
      <c r="A113" s="31">
        <v>89</v>
      </c>
      <c r="B113" s="27">
        <v>5</v>
      </c>
      <c r="C113" s="28">
        <v>10</v>
      </c>
      <c r="D113" s="29">
        <v>15</v>
      </c>
    </row>
    <row r="114" spans="1:4" ht="18" customHeight="1" x14ac:dyDescent="0.2">
      <c r="A114" s="31" t="s">
        <v>67</v>
      </c>
      <c r="B114" s="27">
        <v>46</v>
      </c>
      <c r="C114" s="28">
        <v>78</v>
      </c>
      <c r="D114" s="29">
        <v>124</v>
      </c>
    </row>
    <row r="115" spans="1:4" ht="18" customHeight="1" x14ac:dyDescent="0.2">
      <c r="A115" s="31">
        <v>90</v>
      </c>
      <c r="B115" s="27">
        <v>0</v>
      </c>
      <c r="C115" s="28">
        <v>8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2</v>
      </c>
      <c r="C119" s="28">
        <v>9</v>
      </c>
      <c r="D119" s="29">
        <v>11</v>
      </c>
    </row>
    <row r="120" spans="1:4" ht="18" customHeight="1" x14ac:dyDescent="0.2">
      <c r="A120" s="31" t="s">
        <v>68</v>
      </c>
      <c r="B120" s="27">
        <v>7</v>
      </c>
      <c r="C120" s="28">
        <v>43</v>
      </c>
      <c r="D120" s="29">
        <v>50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2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56</v>
      </c>
      <c r="C130" s="5">
        <v>637</v>
      </c>
      <c r="D130" s="6">
        <v>1093</v>
      </c>
    </row>
    <row r="131" spans="1:4" ht="18" customHeight="1" x14ac:dyDescent="0.2">
      <c r="A131" s="33" t="s">
        <v>47</v>
      </c>
      <c r="B131" s="7">
        <v>1322</v>
      </c>
      <c r="C131" s="8">
        <v>1450</v>
      </c>
      <c r="D131" s="9">
        <v>277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13</v>
      </c>
      <c r="D5" s="13">
        <v>24</v>
      </c>
    </row>
    <row r="6" spans="1:4" ht="18" customHeight="1" x14ac:dyDescent="0.2">
      <c r="A6" s="14">
        <v>1</v>
      </c>
      <c r="B6" s="15">
        <v>10</v>
      </c>
      <c r="C6" s="16">
        <v>10</v>
      </c>
      <c r="D6" s="17">
        <v>20</v>
      </c>
    </row>
    <row r="7" spans="1:4" ht="18" customHeight="1" x14ac:dyDescent="0.2">
      <c r="A7" s="14">
        <v>2</v>
      </c>
      <c r="B7" s="15">
        <v>11</v>
      </c>
      <c r="C7" s="16">
        <v>9</v>
      </c>
      <c r="D7" s="17">
        <v>20</v>
      </c>
    </row>
    <row r="8" spans="1:4" ht="18" customHeight="1" x14ac:dyDescent="0.2">
      <c r="A8" s="14">
        <v>3</v>
      </c>
      <c r="B8" s="15">
        <v>10</v>
      </c>
      <c r="C8" s="16">
        <v>11</v>
      </c>
      <c r="D8" s="17">
        <v>21</v>
      </c>
    </row>
    <row r="9" spans="1:4" ht="18" customHeight="1" x14ac:dyDescent="0.2">
      <c r="A9" s="14">
        <v>4</v>
      </c>
      <c r="B9" s="15">
        <v>12</v>
      </c>
      <c r="C9" s="16">
        <v>4</v>
      </c>
      <c r="D9" s="17">
        <v>16</v>
      </c>
    </row>
    <row r="10" spans="1:4" ht="18" customHeight="1" x14ac:dyDescent="0.2">
      <c r="A10" s="18" t="s">
        <v>48</v>
      </c>
      <c r="B10" s="15">
        <v>54</v>
      </c>
      <c r="C10" s="16">
        <v>47</v>
      </c>
      <c r="D10" s="17">
        <v>101</v>
      </c>
    </row>
    <row r="11" spans="1:4" ht="18" customHeight="1" x14ac:dyDescent="0.2">
      <c r="A11" s="14">
        <v>5</v>
      </c>
      <c r="B11" s="15">
        <v>13</v>
      </c>
      <c r="C11" s="16">
        <v>12</v>
      </c>
      <c r="D11" s="17">
        <v>25</v>
      </c>
    </row>
    <row r="12" spans="1:4" ht="18" customHeight="1" x14ac:dyDescent="0.2">
      <c r="A12" s="14">
        <v>6</v>
      </c>
      <c r="B12" s="15">
        <v>11</v>
      </c>
      <c r="C12" s="16">
        <v>8</v>
      </c>
      <c r="D12" s="17">
        <v>19</v>
      </c>
    </row>
    <row r="13" spans="1:4" ht="18" customHeight="1" x14ac:dyDescent="0.2">
      <c r="A13" s="14">
        <v>7</v>
      </c>
      <c r="B13" s="15">
        <v>15</v>
      </c>
      <c r="C13" s="16">
        <v>6</v>
      </c>
      <c r="D13" s="17">
        <v>21</v>
      </c>
    </row>
    <row r="14" spans="1:4" ht="18" customHeight="1" x14ac:dyDescent="0.2">
      <c r="A14" s="14">
        <v>8</v>
      </c>
      <c r="B14" s="15">
        <v>14</v>
      </c>
      <c r="C14" s="16">
        <v>13</v>
      </c>
      <c r="D14" s="17">
        <v>27</v>
      </c>
    </row>
    <row r="15" spans="1:4" ht="18" customHeight="1" x14ac:dyDescent="0.2">
      <c r="A15" s="14">
        <v>9</v>
      </c>
      <c r="B15" s="15">
        <v>14</v>
      </c>
      <c r="C15" s="16">
        <v>10</v>
      </c>
      <c r="D15" s="17">
        <v>24</v>
      </c>
    </row>
    <row r="16" spans="1:4" ht="18" customHeight="1" x14ac:dyDescent="0.2">
      <c r="A16" s="18" t="s">
        <v>49</v>
      </c>
      <c r="B16" s="15">
        <v>67</v>
      </c>
      <c r="C16" s="16">
        <v>49</v>
      </c>
      <c r="D16" s="17">
        <v>116</v>
      </c>
    </row>
    <row r="17" spans="1:4" ht="18" customHeight="1" x14ac:dyDescent="0.2">
      <c r="A17" s="14">
        <v>10</v>
      </c>
      <c r="B17" s="15">
        <v>9</v>
      </c>
      <c r="C17" s="16">
        <v>8</v>
      </c>
      <c r="D17" s="17">
        <v>17</v>
      </c>
    </row>
    <row r="18" spans="1:4" ht="18" customHeight="1" x14ac:dyDescent="0.2">
      <c r="A18" s="14">
        <v>11</v>
      </c>
      <c r="B18" s="15">
        <v>8</v>
      </c>
      <c r="C18" s="16">
        <v>23</v>
      </c>
      <c r="D18" s="17">
        <v>31</v>
      </c>
    </row>
    <row r="19" spans="1:4" ht="18" customHeight="1" x14ac:dyDescent="0.2">
      <c r="A19" s="14">
        <v>12</v>
      </c>
      <c r="B19" s="15">
        <v>11</v>
      </c>
      <c r="C19" s="16">
        <v>6</v>
      </c>
      <c r="D19" s="17">
        <v>17</v>
      </c>
    </row>
    <row r="20" spans="1:4" ht="18" customHeight="1" x14ac:dyDescent="0.2">
      <c r="A20" s="14">
        <v>13</v>
      </c>
      <c r="B20" s="15">
        <v>10</v>
      </c>
      <c r="C20" s="16">
        <v>17</v>
      </c>
      <c r="D20" s="17">
        <v>27</v>
      </c>
    </row>
    <row r="21" spans="1:4" ht="18" customHeight="1" x14ac:dyDescent="0.2">
      <c r="A21" s="14">
        <v>14</v>
      </c>
      <c r="B21" s="15">
        <v>9</v>
      </c>
      <c r="C21" s="16">
        <v>7</v>
      </c>
      <c r="D21" s="17">
        <v>16</v>
      </c>
    </row>
    <row r="22" spans="1:4" ht="18" customHeight="1" x14ac:dyDescent="0.2">
      <c r="A22" s="18" t="s">
        <v>50</v>
      </c>
      <c r="B22" s="15">
        <v>47</v>
      </c>
      <c r="C22" s="16">
        <v>61</v>
      </c>
      <c r="D22" s="17">
        <v>108</v>
      </c>
    </row>
    <row r="23" spans="1:4" ht="18" customHeight="1" x14ac:dyDescent="0.2">
      <c r="A23" s="18" t="s">
        <v>51</v>
      </c>
      <c r="B23" s="15">
        <v>168</v>
      </c>
      <c r="C23" s="16">
        <v>157</v>
      </c>
      <c r="D23" s="17">
        <v>325</v>
      </c>
    </row>
    <row r="24" spans="1:4" ht="18" customHeight="1" x14ac:dyDescent="0.2">
      <c r="A24" s="14">
        <v>15</v>
      </c>
      <c r="B24" s="15">
        <v>14</v>
      </c>
      <c r="C24" s="16">
        <v>10</v>
      </c>
      <c r="D24" s="17">
        <v>24</v>
      </c>
    </row>
    <row r="25" spans="1:4" ht="18" customHeight="1" x14ac:dyDescent="0.2">
      <c r="A25" s="14">
        <v>16</v>
      </c>
      <c r="B25" s="15">
        <v>7</v>
      </c>
      <c r="C25" s="16">
        <v>14</v>
      </c>
      <c r="D25" s="17">
        <v>21</v>
      </c>
    </row>
    <row r="26" spans="1:4" ht="18" customHeight="1" x14ac:dyDescent="0.2">
      <c r="A26" s="14">
        <v>17</v>
      </c>
      <c r="B26" s="15">
        <v>8</v>
      </c>
      <c r="C26" s="16">
        <v>10</v>
      </c>
      <c r="D26" s="17">
        <v>18</v>
      </c>
    </row>
    <row r="27" spans="1:4" ht="18" customHeight="1" x14ac:dyDescent="0.2">
      <c r="A27" s="14">
        <v>18</v>
      </c>
      <c r="B27" s="15">
        <v>15</v>
      </c>
      <c r="C27" s="16">
        <v>10</v>
      </c>
      <c r="D27" s="17">
        <v>25</v>
      </c>
    </row>
    <row r="28" spans="1:4" ht="18" customHeight="1" x14ac:dyDescent="0.2">
      <c r="A28" s="14">
        <v>19</v>
      </c>
      <c r="B28" s="15">
        <v>4</v>
      </c>
      <c r="C28" s="16">
        <v>3</v>
      </c>
      <c r="D28" s="17">
        <v>7</v>
      </c>
    </row>
    <row r="29" spans="1:4" ht="18" customHeight="1" x14ac:dyDescent="0.2">
      <c r="A29" s="18" t="s">
        <v>52</v>
      </c>
      <c r="B29" s="15">
        <v>48</v>
      </c>
      <c r="C29" s="16">
        <v>47</v>
      </c>
      <c r="D29" s="17">
        <v>95</v>
      </c>
    </row>
    <row r="30" spans="1:4" ht="18" customHeight="1" x14ac:dyDescent="0.2">
      <c r="A30" s="14">
        <v>20</v>
      </c>
      <c r="B30" s="15">
        <v>7</v>
      </c>
      <c r="C30" s="16">
        <v>8</v>
      </c>
      <c r="D30" s="17">
        <v>15</v>
      </c>
    </row>
    <row r="31" spans="1:4" ht="18" customHeight="1" x14ac:dyDescent="0.2">
      <c r="A31" s="14">
        <v>21</v>
      </c>
      <c r="B31" s="15">
        <v>8</v>
      </c>
      <c r="C31" s="16">
        <v>15</v>
      </c>
      <c r="D31" s="17">
        <v>23</v>
      </c>
    </row>
    <row r="32" spans="1:4" ht="18" customHeight="1" x14ac:dyDescent="0.2">
      <c r="A32" s="14">
        <v>22</v>
      </c>
      <c r="B32" s="15">
        <v>17</v>
      </c>
      <c r="C32" s="16">
        <v>5</v>
      </c>
      <c r="D32" s="17">
        <v>22</v>
      </c>
    </row>
    <row r="33" spans="1:4" ht="18" customHeight="1" x14ac:dyDescent="0.2">
      <c r="A33" s="14">
        <v>23</v>
      </c>
      <c r="B33" s="15">
        <v>11</v>
      </c>
      <c r="C33" s="16">
        <v>4</v>
      </c>
      <c r="D33" s="17">
        <v>15</v>
      </c>
    </row>
    <row r="34" spans="1:4" ht="18" customHeight="1" x14ac:dyDescent="0.2">
      <c r="A34" s="14">
        <v>24</v>
      </c>
      <c r="B34" s="15">
        <v>15</v>
      </c>
      <c r="C34" s="16">
        <v>11</v>
      </c>
      <c r="D34" s="17">
        <v>26</v>
      </c>
    </row>
    <row r="35" spans="1:4" ht="18" customHeight="1" x14ac:dyDescent="0.2">
      <c r="A35" s="18" t="s">
        <v>53</v>
      </c>
      <c r="B35" s="15">
        <v>58</v>
      </c>
      <c r="C35" s="16">
        <v>43</v>
      </c>
      <c r="D35" s="17">
        <v>101</v>
      </c>
    </row>
    <row r="36" spans="1:4" ht="18" customHeight="1" x14ac:dyDescent="0.2">
      <c r="A36" s="14">
        <v>25</v>
      </c>
      <c r="B36" s="15">
        <v>18</v>
      </c>
      <c r="C36" s="16">
        <v>7</v>
      </c>
      <c r="D36" s="17">
        <v>25</v>
      </c>
    </row>
    <row r="37" spans="1:4" ht="18" customHeight="1" x14ac:dyDescent="0.2">
      <c r="A37" s="14">
        <v>26</v>
      </c>
      <c r="B37" s="15">
        <v>14</v>
      </c>
      <c r="C37" s="16">
        <v>9</v>
      </c>
      <c r="D37" s="17">
        <v>23</v>
      </c>
    </row>
    <row r="38" spans="1:4" ht="18" customHeight="1" x14ac:dyDescent="0.2">
      <c r="A38" s="14">
        <v>27</v>
      </c>
      <c r="B38" s="15">
        <v>16</v>
      </c>
      <c r="C38" s="16">
        <v>14</v>
      </c>
      <c r="D38" s="17">
        <v>30</v>
      </c>
    </row>
    <row r="39" spans="1:4" ht="18" customHeight="1" x14ac:dyDescent="0.2">
      <c r="A39" s="14">
        <v>28</v>
      </c>
      <c r="B39" s="15">
        <v>11</v>
      </c>
      <c r="C39" s="16">
        <v>8</v>
      </c>
      <c r="D39" s="17">
        <v>19</v>
      </c>
    </row>
    <row r="40" spans="1:4" ht="18" customHeight="1" x14ac:dyDescent="0.2">
      <c r="A40" s="14">
        <v>29</v>
      </c>
      <c r="B40" s="15">
        <v>14</v>
      </c>
      <c r="C40" s="16">
        <v>16</v>
      </c>
      <c r="D40" s="17">
        <v>30</v>
      </c>
    </row>
    <row r="41" spans="1:4" ht="18" customHeight="1" x14ac:dyDescent="0.2">
      <c r="A41" s="18" t="s">
        <v>54</v>
      </c>
      <c r="B41" s="15">
        <v>73</v>
      </c>
      <c r="C41" s="16">
        <v>54</v>
      </c>
      <c r="D41" s="17">
        <v>127</v>
      </c>
    </row>
    <row r="42" spans="1:4" ht="18" customHeight="1" x14ac:dyDescent="0.2">
      <c r="A42" s="14">
        <v>30</v>
      </c>
      <c r="B42" s="15">
        <v>23</v>
      </c>
      <c r="C42" s="16">
        <v>10</v>
      </c>
      <c r="D42" s="17">
        <v>33</v>
      </c>
    </row>
    <row r="43" spans="1:4" ht="18" customHeight="1" x14ac:dyDescent="0.2">
      <c r="A43" s="14">
        <v>31</v>
      </c>
      <c r="B43" s="15">
        <v>18</v>
      </c>
      <c r="C43" s="16">
        <v>13</v>
      </c>
      <c r="D43" s="17">
        <v>31</v>
      </c>
    </row>
    <row r="44" spans="1:4" ht="18" customHeight="1" x14ac:dyDescent="0.2">
      <c r="A44" s="14">
        <v>32</v>
      </c>
      <c r="B44" s="15">
        <v>11</v>
      </c>
      <c r="C44" s="16">
        <v>10</v>
      </c>
      <c r="D44" s="17">
        <v>21</v>
      </c>
    </row>
    <row r="45" spans="1:4" ht="18" customHeight="1" x14ac:dyDescent="0.2">
      <c r="A45" s="14">
        <v>33</v>
      </c>
      <c r="B45" s="15">
        <v>15</v>
      </c>
      <c r="C45" s="16">
        <v>19</v>
      </c>
      <c r="D45" s="17">
        <v>34</v>
      </c>
    </row>
    <row r="46" spans="1:4" ht="18" customHeight="1" x14ac:dyDescent="0.2">
      <c r="A46" s="14">
        <v>34</v>
      </c>
      <c r="B46" s="15">
        <v>16</v>
      </c>
      <c r="C46" s="16">
        <v>12</v>
      </c>
      <c r="D46" s="17">
        <v>28</v>
      </c>
    </row>
    <row r="47" spans="1:4" ht="18" customHeight="1" x14ac:dyDescent="0.2">
      <c r="A47" s="18" t="s">
        <v>55</v>
      </c>
      <c r="B47" s="15">
        <v>83</v>
      </c>
      <c r="C47" s="16">
        <v>64</v>
      </c>
      <c r="D47" s="17">
        <v>147</v>
      </c>
    </row>
    <row r="48" spans="1:4" ht="18" customHeight="1" x14ac:dyDescent="0.2">
      <c r="A48" s="14">
        <v>35</v>
      </c>
      <c r="B48" s="15">
        <v>21</v>
      </c>
      <c r="C48" s="16">
        <v>20</v>
      </c>
      <c r="D48" s="17">
        <v>41</v>
      </c>
    </row>
    <row r="49" spans="1:4" ht="18" customHeight="1" x14ac:dyDescent="0.2">
      <c r="A49" s="14">
        <v>36</v>
      </c>
      <c r="B49" s="15">
        <v>23</v>
      </c>
      <c r="C49" s="16">
        <v>14</v>
      </c>
      <c r="D49" s="17">
        <v>37</v>
      </c>
    </row>
    <row r="50" spans="1:4" ht="18" customHeight="1" x14ac:dyDescent="0.2">
      <c r="A50" s="14">
        <v>37</v>
      </c>
      <c r="B50" s="15">
        <v>19</v>
      </c>
      <c r="C50" s="16">
        <v>21</v>
      </c>
      <c r="D50" s="17">
        <v>40</v>
      </c>
    </row>
    <row r="51" spans="1:4" ht="18" customHeight="1" x14ac:dyDescent="0.2">
      <c r="A51" s="14">
        <v>38</v>
      </c>
      <c r="B51" s="15">
        <v>9</v>
      </c>
      <c r="C51" s="16">
        <v>9</v>
      </c>
      <c r="D51" s="17">
        <v>18</v>
      </c>
    </row>
    <row r="52" spans="1:4" ht="18" customHeight="1" x14ac:dyDescent="0.2">
      <c r="A52" s="14">
        <v>39</v>
      </c>
      <c r="B52" s="15">
        <v>18</v>
      </c>
      <c r="C52" s="16">
        <v>20</v>
      </c>
      <c r="D52" s="17">
        <v>38</v>
      </c>
    </row>
    <row r="53" spans="1:4" ht="18" customHeight="1" x14ac:dyDescent="0.2">
      <c r="A53" s="18" t="s">
        <v>56</v>
      </c>
      <c r="B53" s="15">
        <v>90</v>
      </c>
      <c r="C53" s="16">
        <v>84</v>
      </c>
      <c r="D53" s="17">
        <v>174</v>
      </c>
    </row>
    <row r="54" spans="1:4" ht="18" customHeight="1" x14ac:dyDescent="0.2">
      <c r="A54" s="14">
        <v>40</v>
      </c>
      <c r="B54" s="15">
        <v>20</v>
      </c>
      <c r="C54" s="16">
        <v>19</v>
      </c>
      <c r="D54" s="17">
        <v>39</v>
      </c>
    </row>
    <row r="55" spans="1:4" ht="18" customHeight="1" x14ac:dyDescent="0.2">
      <c r="A55" s="14">
        <v>41</v>
      </c>
      <c r="B55" s="15">
        <v>18</v>
      </c>
      <c r="C55" s="16">
        <v>23</v>
      </c>
      <c r="D55" s="17">
        <v>41</v>
      </c>
    </row>
    <row r="56" spans="1:4" ht="18" customHeight="1" x14ac:dyDescent="0.2">
      <c r="A56" s="14">
        <v>42</v>
      </c>
      <c r="B56" s="15">
        <v>16</v>
      </c>
      <c r="C56" s="16">
        <v>27</v>
      </c>
      <c r="D56" s="17">
        <v>43</v>
      </c>
    </row>
    <row r="57" spans="1:4" ht="18" customHeight="1" x14ac:dyDescent="0.2">
      <c r="A57" s="14">
        <v>43</v>
      </c>
      <c r="B57" s="15">
        <v>37</v>
      </c>
      <c r="C57" s="16">
        <v>25</v>
      </c>
      <c r="D57" s="17">
        <v>62</v>
      </c>
    </row>
    <row r="58" spans="1:4" ht="18" customHeight="1" x14ac:dyDescent="0.2">
      <c r="A58" s="14">
        <v>44</v>
      </c>
      <c r="B58" s="15">
        <v>16</v>
      </c>
      <c r="C58" s="16">
        <v>26</v>
      </c>
      <c r="D58" s="17">
        <v>42</v>
      </c>
    </row>
    <row r="59" spans="1:4" ht="18" customHeight="1" x14ac:dyDescent="0.2">
      <c r="A59" s="18" t="s">
        <v>57</v>
      </c>
      <c r="B59" s="15">
        <v>107</v>
      </c>
      <c r="C59" s="16">
        <v>120</v>
      </c>
      <c r="D59" s="17">
        <v>227</v>
      </c>
    </row>
    <row r="60" spans="1:4" ht="18" customHeight="1" x14ac:dyDescent="0.2">
      <c r="A60" s="14">
        <v>45</v>
      </c>
      <c r="B60" s="15">
        <v>25</v>
      </c>
      <c r="C60" s="16">
        <v>39</v>
      </c>
      <c r="D60" s="17">
        <v>64</v>
      </c>
    </row>
    <row r="61" spans="1:4" ht="18" customHeight="1" x14ac:dyDescent="0.2">
      <c r="A61" s="14">
        <v>46</v>
      </c>
      <c r="B61" s="15">
        <v>23</v>
      </c>
      <c r="C61" s="16">
        <v>26</v>
      </c>
      <c r="D61" s="17">
        <v>49</v>
      </c>
    </row>
    <row r="62" spans="1:4" ht="18" customHeight="1" x14ac:dyDescent="0.2">
      <c r="A62" s="14">
        <v>47</v>
      </c>
      <c r="B62" s="15">
        <v>28</v>
      </c>
      <c r="C62" s="16">
        <v>34</v>
      </c>
      <c r="D62" s="17">
        <v>62</v>
      </c>
    </row>
    <row r="63" spans="1:4" ht="18" customHeight="1" x14ac:dyDescent="0.2">
      <c r="A63" s="14">
        <v>48</v>
      </c>
      <c r="B63" s="15">
        <v>17</v>
      </c>
      <c r="C63" s="16">
        <v>21</v>
      </c>
      <c r="D63" s="17">
        <v>38</v>
      </c>
    </row>
    <row r="64" spans="1:4" ht="18" customHeight="1" x14ac:dyDescent="0.2">
      <c r="A64" s="14">
        <v>49</v>
      </c>
      <c r="B64" s="15">
        <v>23</v>
      </c>
      <c r="C64" s="16">
        <v>23</v>
      </c>
      <c r="D64" s="17">
        <v>46</v>
      </c>
    </row>
    <row r="65" spans="1:4" ht="18" customHeight="1" x14ac:dyDescent="0.2">
      <c r="A65" s="18" t="s">
        <v>58</v>
      </c>
      <c r="B65" s="15">
        <v>116</v>
      </c>
      <c r="C65" s="16">
        <v>143</v>
      </c>
      <c r="D65" s="17">
        <v>259</v>
      </c>
    </row>
    <row r="66" spans="1:4" ht="18" customHeight="1" x14ac:dyDescent="0.2">
      <c r="A66" s="14">
        <v>50</v>
      </c>
      <c r="B66" s="15">
        <v>27</v>
      </c>
      <c r="C66" s="16">
        <v>21</v>
      </c>
      <c r="D66" s="17">
        <v>48</v>
      </c>
    </row>
    <row r="67" spans="1:4" ht="18" customHeight="1" x14ac:dyDescent="0.2">
      <c r="A67" s="14">
        <v>51</v>
      </c>
      <c r="B67" s="15">
        <v>24</v>
      </c>
      <c r="C67" s="16">
        <v>20</v>
      </c>
      <c r="D67" s="17">
        <v>44</v>
      </c>
    </row>
    <row r="68" spans="1:4" ht="18" customHeight="1" x14ac:dyDescent="0.2">
      <c r="A68" s="14">
        <v>52</v>
      </c>
      <c r="B68" s="15">
        <v>30</v>
      </c>
      <c r="C68" s="16">
        <v>38</v>
      </c>
      <c r="D68" s="17">
        <v>68</v>
      </c>
    </row>
    <row r="69" spans="1:4" ht="18" customHeight="1" x14ac:dyDescent="0.2">
      <c r="A69" s="14">
        <v>53</v>
      </c>
      <c r="B69" s="15">
        <v>14</v>
      </c>
      <c r="C69" s="16">
        <v>21</v>
      </c>
      <c r="D69" s="17">
        <v>35</v>
      </c>
    </row>
    <row r="70" spans="1:4" ht="18" customHeight="1" x14ac:dyDescent="0.2">
      <c r="A70" s="14">
        <v>54</v>
      </c>
      <c r="B70" s="15">
        <v>34</v>
      </c>
      <c r="C70" s="16">
        <v>35</v>
      </c>
      <c r="D70" s="17">
        <v>69</v>
      </c>
    </row>
    <row r="71" spans="1:4" ht="18" customHeight="1" x14ac:dyDescent="0.2">
      <c r="A71" s="18" t="s">
        <v>59</v>
      </c>
      <c r="B71" s="15">
        <v>129</v>
      </c>
      <c r="C71" s="16">
        <v>135</v>
      </c>
      <c r="D71" s="17">
        <v>264</v>
      </c>
    </row>
    <row r="72" spans="1:4" ht="18" customHeight="1" x14ac:dyDescent="0.2">
      <c r="A72" s="14">
        <v>55</v>
      </c>
      <c r="B72" s="15">
        <v>37</v>
      </c>
      <c r="C72" s="16">
        <v>27</v>
      </c>
      <c r="D72" s="17">
        <v>64</v>
      </c>
    </row>
    <row r="73" spans="1:4" ht="18" customHeight="1" x14ac:dyDescent="0.2">
      <c r="A73" s="14">
        <v>56</v>
      </c>
      <c r="B73" s="15">
        <v>17</v>
      </c>
      <c r="C73" s="16">
        <v>29</v>
      </c>
      <c r="D73" s="17">
        <v>46</v>
      </c>
    </row>
    <row r="74" spans="1:4" ht="18" customHeight="1" x14ac:dyDescent="0.2">
      <c r="A74" s="14">
        <v>57</v>
      </c>
      <c r="B74" s="15">
        <v>14</v>
      </c>
      <c r="C74" s="16">
        <v>18</v>
      </c>
      <c r="D74" s="17">
        <v>32</v>
      </c>
    </row>
    <row r="75" spans="1:4" ht="18" customHeight="1" x14ac:dyDescent="0.2">
      <c r="A75" s="14">
        <v>58</v>
      </c>
      <c r="B75" s="15">
        <v>19</v>
      </c>
      <c r="C75" s="16">
        <v>24</v>
      </c>
      <c r="D75" s="17">
        <v>43</v>
      </c>
    </row>
    <row r="76" spans="1:4" ht="18" customHeight="1" x14ac:dyDescent="0.2">
      <c r="A76" s="14">
        <v>59</v>
      </c>
      <c r="B76" s="15">
        <v>17</v>
      </c>
      <c r="C76" s="16">
        <v>28</v>
      </c>
      <c r="D76" s="17">
        <v>45</v>
      </c>
    </row>
    <row r="77" spans="1:4" ht="18" customHeight="1" x14ac:dyDescent="0.2">
      <c r="A77" s="18" t="s">
        <v>60</v>
      </c>
      <c r="B77" s="15">
        <v>104</v>
      </c>
      <c r="C77" s="16">
        <v>126</v>
      </c>
      <c r="D77" s="17">
        <v>230</v>
      </c>
    </row>
    <row r="78" spans="1:4" ht="18" customHeight="1" x14ac:dyDescent="0.2">
      <c r="A78" s="14">
        <v>60</v>
      </c>
      <c r="B78" s="15">
        <v>25</v>
      </c>
      <c r="C78" s="16">
        <v>30</v>
      </c>
      <c r="D78" s="17">
        <v>55</v>
      </c>
    </row>
    <row r="79" spans="1:4" ht="18" customHeight="1" x14ac:dyDescent="0.2">
      <c r="A79" s="14">
        <v>61</v>
      </c>
      <c r="B79" s="15">
        <v>22</v>
      </c>
      <c r="C79" s="16">
        <v>30</v>
      </c>
      <c r="D79" s="17">
        <v>52</v>
      </c>
    </row>
    <row r="80" spans="1:4" ht="18" customHeight="1" x14ac:dyDescent="0.2">
      <c r="A80" s="14">
        <v>62</v>
      </c>
      <c r="B80" s="15">
        <v>25</v>
      </c>
      <c r="C80" s="16">
        <v>21</v>
      </c>
      <c r="D80" s="17">
        <v>46</v>
      </c>
    </row>
    <row r="81" spans="1:4" ht="18" customHeight="1" x14ac:dyDescent="0.2">
      <c r="A81" s="14">
        <v>63</v>
      </c>
      <c r="B81" s="15">
        <v>26</v>
      </c>
      <c r="C81" s="16">
        <v>20</v>
      </c>
      <c r="D81" s="17">
        <v>46</v>
      </c>
    </row>
    <row r="82" spans="1:4" ht="18" customHeight="1" x14ac:dyDescent="0.2">
      <c r="A82" s="14">
        <v>64</v>
      </c>
      <c r="B82" s="15">
        <v>22</v>
      </c>
      <c r="C82" s="16">
        <v>25</v>
      </c>
      <c r="D82" s="17">
        <v>47</v>
      </c>
    </row>
    <row r="83" spans="1:4" ht="18" customHeight="1" x14ac:dyDescent="0.2">
      <c r="A83" s="18" t="s">
        <v>61</v>
      </c>
      <c r="B83" s="15">
        <v>120</v>
      </c>
      <c r="C83" s="16">
        <v>126</v>
      </c>
      <c r="D83" s="17">
        <v>246</v>
      </c>
    </row>
    <row r="84" spans="1:4" ht="18" customHeight="1" x14ac:dyDescent="0.2">
      <c r="A84" s="18" t="s">
        <v>62</v>
      </c>
      <c r="B84" s="15">
        <v>928</v>
      </c>
      <c r="C84" s="16">
        <v>942</v>
      </c>
      <c r="D84" s="17">
        <v>1870</v>
      </c>
    </row>
    <row r="85" spans="1:4" ht="18" customHeight="1" x14ac:dyDescent="0.2">
      <c r="A85" s="14">
        <v>65</v>
      </c>
      <c r="B85" s="15">
        <v>23</v>
      </c>
      <c r="C85" s="16">
        <v>19</v>
      </c>
      <c r="D85" s="17">
        <v>42</v>
      </c>
    </row>
    <row r="86" spans="1:4" ht="18" customHeight="1" x14ac:dyDescent="0.2">
      <c r="A86" s="14">
        <v>66</v>
      </c>
      <c r="B86" s="15">
        <v>18</v>
      </c>
      <c r="C86" s="16">
        <v>18</v>
      </c>
      <c r="D86" s="17">
        <v>36</v>
      </c>
    </row>
    <row r="87" spans="1:4" ht="18" customHeight="1" x14ac:dyDescent="0.2">
      <c r="A87" s="14">
        <v>67</v>
      </c>
      <c r="B87" s="15">
        <v>27</v>
      </c>
      <c r="C87" s="16">
        <v>26</v>
      </c>
      <c r="D87" s="17">
        <v>53</v>
      </c>
    </row>
    <row r="88" spans="1:4" ht="18" customHeight="1" x14ac:dyDescent="0.2">
      <c r="A88" s="14">
        <v>68</v>
      </c>
      <c r="B88" s="15">
        <v>19</v>
      </c>
      <c r="C88" s="16">
        <v>32</v>
      </c>
      <c r="D88" s="17">
        <v>51</v>
      </c>
    </row>
    <row r="89" spans="1:4" ht="18" customHeight="1" x14ac:dyDescent="0.2">
      <c r="A89" s="14">
        <v>69</v>
      </c>
      <c r="B89" s="15">
        <v>21</v>
      </c>
      <c r="C89" s="16">
        <v>31</v>
      </c>
      <c r="D89" s="17">
        <v>52</v>
      </c>
    </row>
    <row r="90" spans="1:4" ht="18" customHeight="1" x14ac:dyDescent="0.2">
      <c r="A90" s="18" t="s">
        <v>63</v>
      </c>
      <c r="B90" s="15">
        <v>108</v>
      </c>
      <c r="C90" s="16">
        <v>126</v>
      </c>
      <c r="D90" s="17">
        <v>234</v>
      </c>
    </row>
    <row r="91" spans="1:4" ht="18" customHeight="1" x14ac:dyDescent="0.2">
      <c r="A91" s="14">
        <v>70</v>
      </c>
      <c r="B91" s="15">
        <v>35</v>
      </c>
      <c r="C91" s="16">
        <v>29</v>
      </c>
      <c r="D91" s="17">
        <v>64</v>
      </c>
    </row>
    <row r="92" spans="1:4" ht="18" customHeight="1" x14ac:dyDescent="0.2">
      <c r="A92" s="14">
        <v>71</v>
      </c>
      <c r="B92" s="15">
        <v>32</v>
      </c>
      <c r="C92" s="16">
        <v>39</v>
      </c>
      <c r="D92" s="17">
        <v>71</v>
      </c>
    </row>
    <row r="93" spans="1:4" ht="18" customHeight="1" x14ac:dyDescent="0.2">
      <c r="A93" s="14">
        <v>72</v>
      </c>
      <c r="B93" s="15">
        <v>21</v>
      </c>
      <c r="C93" s="16">
        <v>28</v>
      </c>
      <c r="D93" s="17">
        <v>49</v>
      </c>
    </row>
    <row r="94" spans="1:4" ht="18" customHeight="1" x14ac:dyDescent="0.2">
      <c r="A94" s="14">
        <v>73</v>
      </c>
      <c r="B94" s="15">
        <v>10</v>
      </c>
      <c r="C94" s="16">
        <v>29</v>
      </c>
      <c r="D94" s="17">
        <v>39</v>
      </c>
    </row>
    <row r="95" spans="1:4" ht="18" customHeight="1" x14ac:dyDescent="0.2">
      <c r="A95" s="14">
        <v>74</v>
      </c>
      <c r="B95" s="15">
        <v>17</v>
      </c>
      <c r="C95" s="16">
        <v>14</v>
      </c>
      <c r="D95" s="17">
        <v>31</v>
      </c>
    </row>
    <row r="96" spans="1:4" ht="18" customHeight="1" x14ac:dyDescent="0.2">
      <c r="A96" s="18" t="s">
        <v>64</v>
      </c>
      <c r="B96" s="15">
        <v>115</v>
      </c>
      <c r="C96" s="16">
        <v>139</v>
      </c>
      <c r="D96" s="17">
        <v>254</v>
      </c>
    </row>
    <row r="97" spans="1:4" ht="18" customHeight="1" x14ac:dyDescent="0.2">
      <c r="A97" s="14">
        <v>75</v>
      </c>
      <c r="B97" s="15">
        <v>21</v>
      </c>
      <c r="C97" s="16">
        <v>17</v>
      </c>
      <c r="D97" s="17">
        <v>38</v>
      </c>
    </row>
    <row r="98" spans="1:4" ht="18" customHeight="1" x14ac:dyDescent="0.2">
      <c r="A98" s="14">
        <v>76</v>
      </c>
      <c r="B98" s="15">
        <v>19</v>
      </c>
      <c r="C98" s="16">
        <v>28</v>
      </c>
      <c r="D98" s="17">
        <v>47</v>
      </c>
    </row>
    <row r="99" spans="1:4" ht="18" customHeight="1" x14ac:dyDescent="0.2">
      <c r="A99" s="14">
        <v>77</v>
      </c>
      <c r="B99" s="15">
        <v>24</v>
      </c>
      <c r="C99" s="16">
        <v>30</v>
      </c>
      <c r="D99" s="17">
        <v>54</v>
      </c>
    </row>
    <row r="100" spans="1:4" ht="18" customHeight="1" x14ac:dyDescent="0.2">
      <c r="A100" s="14">
        <v>78</v>
      </c>
      <c r="B100" s="15">
        <v>14</v>
      </c>
      <c r="C100" s="16">
        <v>29</v>
      </c>
      <c r="D100" s="17">
        <v>43</v>
      </c>
    </row>
    <row r="101" spans="1:4" ht="18" customHeight="1" x14ac:dyDescent="0.2">
      <c r="A101" s="14">
        <v>79</v>
      </c>
      <c r="B101" s="15">
        <v>17</v>
      </c>
      <c r="C101" s="16">
        <v>30</v>
      </c>
      <c r="D101" s="17">
        <v>47</v>
      </c>
    </row>
    <row r="102" spans="1:4" ht="18" customHeight="1" x14ac:dyDescent="0.2">
      <c r="A102" s="18" t="s">
        <v>65</v>
      </c>
      <c r="B102" s="15">
        <v>95</v>
      </c>
      <c r="C102" s="16">
        <v>134</v>
      </c>
      <c r="D102" s="17">
        <v>229</v>
      </c>
    </row>
    <row r="103" spans="1:4" ht="18" customHeight="1" x14ac:dyDescent="0.2">
      <c r="A103" s="14">
        <v>80</v>
      </c>
      <c r="B103" s="15">
        <v>11</v>
      </c>
      <c r="C103" s="16">
        <v>33</v>
      </c>
      <c r="D103" s="17">
        <v>44</v>
      </c>
    </row>
    <row r="104" spans="1:4" ht="18" customHeight="1" x14ac:dyDescent="0.2">
      <c r="A104" s="14">
        <v>81</v>
      </c>
      <c r="B104" s="15">
        <v>18</v>
      </c>
      <c r="C104" s="16">
        <v>19</v>
      </c>
      <c r="D104" s="17">
        <v>37</v>
      </c>
    </row>
    <row r="105" spans="1:4" ht="18" customHeight="1" x14ac:dyDescent="0.2">
      <c r="A105" s="14">
        <v>82</v>
      </c>
      <c r="B105" s="15">
        <v>14</v>
      </c>
      <c r="C105" s="16">
        <v>26</v>
      </c>
      <c r="D105" s="17">
        <v>40</v>
      </c>
    </row>
    <row r="106" spans="1:4" ht="18" customHeight="1" x14ac:dyDescent="0.2">
      <c r="A106" s="14">
        <v>83</v>
      </c>
      <c r="B106" s="15">
        <v>19</v>
      </c>
      <c r="C106" s="16">
        <v>23</v>
      </c>
      <c r="D106" s="17">
        <v>42</v>
      </c>
    </row>
    <row r="107" spans="1:4" ht="18" customHeight="1" x14ac:dyDescent="0.2">
      <c r="A107" s="14">
        <v>84</v>
      </c>
      <c r="B107" s="15">
        <v>13</v>
      </c>
      <c r="C107" s="16">
        <v>32</v>
      </c>
      <c r="D107" s="17">
        <v>45</v>
      </c>
    </row>
    <row r="108" spans="1:4" ht="18" customHeight="1" x14ac:dyDescent="0.2">
      <c r="A108" s="18" t="s">
        <v>66</v>
      </c>
      <c r="B108" s="15">
        <v>75</v>
      </c>
      <c r="C108" s="16">
        <v>133</v>
      </c>
      <c r="D108" s="17">
        <v>208</v>
      </c>
    </row>
    <row r="109" spans="1:4" ht="18" customHeight="1" x14ac:dyDescent="0.2">
      <c r="A109" s="14">
        <v>85</v>
      </c>
      <c r="B109" s="15">
        <v>10</v>
      </c>
      <c r="C109" s="16">
        <v>22</v>
      </c>
      <c r="D109" s="17">
        <v>32</v>
      </c>
    </row>
    <row r="110" spans="1:4" ht="18" customHeight="1" x14ac:dyDescent="0.2">
      <c r="A110" s="14">
        <v>86</v>
      </c>
      <c r="B110" s="15">
        <v>15</v>
      </c>
      <c r="C110" s="16">
        <v>22</v>
      </c>
      <c r="D110" s="17">
        <v>37</v>
      </c>
    </row>
    <row r="111" spans="1:4" ht="18" customHeight="1" x14ac:dyDescent="0.2">
      <c r="A111" s="14">
        <v>87</v>
      </c>
      <c r="B111" s="15">
        <v>10</v>
      </c>
      <c r="C111" s="16">
        <v>19</v>
      </c>
      <c r="D111" s="17">
        <v>29</v>
      </c>
    </row>
    <row r="112" spans="1:4" ht="18" customHeight="1" x14ac:dyDescent="0.2">
      <c r="A112" s="14">
        <v>88</v>
      </c>
      <c r="B112" s="15">
        <v>6</v>
      </c>
      <c r="C112" s="16">
        <v>24</v>
      </c>
      <c r="D112" s="17">
        <v>30</v>
      </c>
    </row>
    <row r="113" spans="1:4" ht="18" customHeight="1" x14ac:dyDescent="0.2">
      <c r="A113" s="14">
        <v>89</v>
      </c>
      <c r="B113" s="15">
        <v>11</v>
      </c>
      <c r="C113" s="16">
        <v>14</v>
      </c>
      <c r="D113" s="17">
        <v>25</v>
      </c>
    </row>
    <row r="114" spans="1:4" ht="18" customHeight="1" x14ac:dyDescent="0.2">
      <c r="A114" s="18" t="s">
        <v>67</v>
      </c>
      <c r="B114" s="15">
        <v>52</v>
      </c>
      <c r="C114" s="16">
        <v>101</v>
      </c>
      <c r="D114" s="17">
        <v>153</v>
      </c>
    </row>
    <row r="115" spans="1:4" ht="18" customHeight="1" x14ac:dyDescent="0.2">
      <c r="A115" s="14">
        <v>90</v>
      </c>
      <c r="B115" s="15">
        <v>4</v>
      </c>
      <c r="C115" s="16">
        <v>18</v>
      </c>
      <c r="D115" s="17">
        <v>22</v>
      </c>
    </row>
    <row r="116" spans="1:4" ht="18" customHeight="1" x14ac:dyDescent="0.2">
      <c r="A116" s="14">
        <v>91</v>
      </c>
      <c r="B116" s="15">
        <v>2</v>
      </c>
      <c r="C116" s="16">
        <v>10</v>
      </c>
      <c r="D116" s="17">
        <v>12</v>
      </c>
    </row>
    <row r="117" spans="1:4" ht="18" customHeight="1" x14ac:dyDescent="0.2">
      <c r="A117" s="14">
        <v>92</v>
      </c>
      <c r="B117" s="15">
        <v>7</v>
      </c>
      <c r="C117" s="16">
        <v>18</v>
      </c>
      <c r="D117" s="17">
        <v>25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17</v>
      </c>
      <c r="C120" s="16">
        <v>64</v>
      </c>
      <c r="D120" s="17">
        <v>81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13</v>
      </c>
      <c r="D126" s="17">
        <v>14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464</v>
      </c>
      <c r="C130" s="5">
        <v>714</v>
      </c>
      <c r="D130" s="6">
        <v>1178</v>
      </c>
    </row>
    <row r="131" spans="1:4" ht="18" customHeight="1" x14ac:dyDescent="0.2">
      <c r="A131" s="20" t="s">
        <v>47</v>
      </c>
      <c r="B131" s="7">
        <v>1560</v>
      </c>
      <c r="C131" s="8">
        <v>1813</v>
      </c>
      <c r="D131" s="9">
        <v>33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3</v>
      </c>
      <c r="D8" s="29">
        <v>4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2</v>
      </c>
      <c r="C10" s="28">
        <v>5</v>
      </c>
      <c r="D10" s="29">
        <v>7</v>
      </c>
    </row>
    <row r="11" spans="1:4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4</v>
      </c>
      <c r="D13" s="29">
        <v>4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49</v>
      </c>
      <c r="B16" s="27">
        <v>7</v>
      </c>
      <c r="C16" s="28">
        <v>8</v>
      </c>
      <c r="D16" s="29">
        <v>15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4</v>
      </c>
      <c r="D19" s="29">
        <v>5</v>
      </c>
    </row>
    <row r="20" spans="1:4" ht="18" customHeight="1" x14ac:dyDescent="0.2">
      <c r="A20" s="31">
        <v>13</v>
      </c>
      <c r="B20" s="27">
        <v>4</v>
      </c>
      <c r="C20" s="28">
        <v>3</v>
      </c>
      <c r="D20" s="29">
        <v>7</v>
      </c>
    </row>
    <row r="21" spans="1:4" ht="18" customHeight="1" x14ac:dyDescent="0.2">
      <c r="A21" s="31">
        <v>14</v>
      </c>
      <c r="B21" s="27">
        <v>3</v>
      </c>
      <c r="C21" s="28">
        <v>2</v>
      </c>
      <c r="D21" s="29">
        <v>5</v>
      </c>
    </row>
    <row r="22" spans="1:4" ht="18" customHeight="1" x14ac:dyDescent="0.2">
      <c r="A22" s="31" t="s">
        <v>50</v>
      </c>
      <c r="B22" s="27">
        <v>10</v>
      </c>
      <c r="C22" s="28">
        <v>11</v>
      </c>
      <c r="D22" s="29">
        <v>21</v>
      </c>
    </row>
    <row r="23" spans="1:4" ht="18" customHeight="1" x14ac:dyDescent="0.2">
      <c r="A23" s="31" t="s">
        <v>51</v>
      </c>
      <c r="B23" s="27">
        <v>19</v>
      </c>
      <c r="C23" s="28">
        <v>24</v>
      </c>
      <c r="D23" s="29">
        <v>43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3</v>
      </c>
      <c r="C25" s="28">
        <v>4</v>
      </c>
      <c r="D25" s="29">
        <v>7</v>
      </c>
    </row>
    <row r="26" spans="1:4" ht="18" customHeight="1" x14ac:dyDescent="0.2">
      <c r="A26" s="31">
        <v>17</v>
      </c>
      <c r="B26" s="27">
        <v>4</v>
      </c>
      <c r="C26" s="28">
        <v>2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11</v>
      </c>
      <c r="C29" s="28">
        <v>10</v>
      </c>
      <c r="D29" s="29">
        <v>21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3</v>
      </c>
      <c r="C33" s="28">
        <v>2</v>
      </c>
      <c r="D33" s="29">
        <v>5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12</v>
      </c>
      <c r="C35" s="28">
        <v>7</v>
      </c>
      <c r="D35" s="29">
        <v>19</v>
      </c>
    </row>
    <row r="36" spans="1:4" ht="18" customHeight="1" x14ac:dyDescent="0.2">
      <c r="A36" s="31">
        <v>25</v>
      </c>
      <c r="B36" s="27">
        <v>4</v>
      </c>
      <c r="C36" s="28">
        <v>2</v>
      </c>
      <c r="D36" s="29">
        <v>6</v>
      </c>
    </row>
    <row r="37" spans="1:4" ht="18" customHeight="1" x14ac:dyDescent="0.2">
      <c r="A37" s="31">
        <v>26</v>
      </c>
      <c r="B37" s="27">
        <v>6</v>
      </c>
      <c r="C37" s="28">
        <v>3</v>
      </c>
      <c r="D37" s="29">
        <v>9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15</v>
      </c>
      <c r="C41" s="28">
        <v>11</v>
      </c>
      <c r="D41" s="29">
        <v>26</v>
      </c>
    </row>
    <row r="42" spans="1:4" ht="18" customHeight="1" x14ac:dyDescent="0.2">
      <c r="A42" s="31">
        <v>30</v>
      </c>
      <c r="B42" s="27">
        <v>3</v>
      </c>
      <c r="C42" s="28">
        <v>6</v>
      </c>
      <c r="D42" s="29">
        <v>9</v>
      </c>
    </row>
    <row r="43" spans="1:4" ht="18" customHeight="1" x14ac:dyDescent="0.2">
      <c r="A43" s="31">
        <v>31</v>
      </c>
      <c r="B43" s="27">
        <v>2</v>
      </c>
      <c r="C43" s="28">
        <v>4</v>
      </c>
      <c r="D43" s="29">
        <v>6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6</v>
      </c>
      <c r="C45" s="28">
        <v>3</v>
      </c>
      <c r="D45" s="29">
        <v>9</v>
      </c>
    </row>
    <row r="46" spans="1:4" ht="18" customHeight="1" x14ac:dyDescent="0.2">
      <c r="A46" s="31">
        <v>34</v>
      </c>
      <c r="B46" s="27">
        <v>2</v>
      </c>
      <c r="C46" s="28">
        <v>3</v>
      </c>
      <c r="D46" s="29">
        <v>5</v>
      </c>
    </row>
    <row r="47" spans="1:4" ht="18" customHeight="1" x14ac:dyDescent="0.2">
      <c r="A47" s="31" t="s">
        <v>55</v>
      </c>
      <c r="B47" s="27">
        <v>15</v>
      </c>
      <c r="C47" s="28">
        <v>16</v>
      </c>
      <c r="D47" s="29">
        <v>31</v>
      </c>
    </row>
    <row r="48" spans="1:4" ht="18" customHeight="1" x14ac:dyDescent="0.2">
      <c r="A48" s="31">
        <v>35</v>
      </c>
      <c r="B48" s="27">
        <v>3</v>
      </c>
      <c r="C48" s="28">
        <v>2</v>
      </c>
      <c r="D48" s="29">
        <v>5</v>
      </c>
    </row>
    <row r="49" spans="1:4" ht="18" customHeight="1" x14ac:dyDescent="0.2">
      <c r="A49" s="31">
        <v>36</v>
      </c>
      <c r="B49" s="27">
        <v>5</v>
      </c>
      <c r="C49" s="28">
        <v>3</v>
      </c>
      <c r="D49" s="29">
        <v>8</v>
      </c>
    </row>
    <row r="50" spans="1:4" ht="18" customHeight="1" x14ac:dyDescent="0.2">
      <c r="A50" s="31">
        <v>37</v>
      </c>
      <c r="B50" s="27">
        <v>0</v>
      </c>
      <c r="C50" s="28">
        <v>5</v>
      </c>
      <c r="D50" s="29">
        <v>5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3</v>
      </c>
      <c r="C52" s="28">
        <v>0</v>
      </c>
      <c r="D52" s="29">
        <v>3</v>
      </c>
    </row>
    <row r="53" spans="1:4" ht="18" customHeight="1" x14ac:dyDescent="0.2">
      <c r="A53" s="31" t="s">
        <v>56</v>
      </c>
      <c r="B53" s="27">
        <v>11</v>
      </c>
      <c r="C53" s="28">
        <v>10</v>
      </c>
      <c r="D53" s="29">
        <v>21</v>
      </c>
    </row>
    <row r="54" spans="1:4" ht="18" customHeight="1" x14ac:dyDescent="0.2">
      <c r="A54" s="31">
        <v>40</v>
      </c>
      <c r="B54" s="27">
        <v>3</v>
      </c>
      <c r="C54" s="28">
        <v>4</v>
      </c>
      <c r="D54" s="29">
        <v>7</v>
      </c>
    </row>
    <row r="55" spans="1:4" ht="18" customHeight="1" x14ac:dyDescent="0.2">
      <c r="A55" s="31">
        <v>41</v>
      </c>
      <c r="B55" s="27">
        <v>4</v>
      </c>
      <c r="C55" s="28">
        <v>8</v>
      </c>
      <c r="D55" s="29">
        <v>12</v>
      </c>
    </row>
    <row r="56" spans="1:4" ht="18" customHeight="1" x14ac:dyDescent="0.2">
      <c r="A56" s="31">
        <v>42</v>
      </c>
      <c r="B56" s="27">
        <v>6</v>
      </c>
      <c r="C56" s="28">
        <v>4</v>
      </c>
      <c r="D56" s="29">
        <v>10</v>
      </c>
    </row>
    <row r="57" spans="1:4" ht="18" customHeight="1" x14ac:dyDescent="0.2">
      <c r="A57" s="31">
        <v>43</v>
      </c>
      <c r="B57" s="27">
        <v>5</v>
      </c>
      <c r="C57" s="28">
        <v>2</v>
      </c>
      <c r="D57" s="29">
        <v>7</v>
      </c>
    </row>
    <row r="58" spans="1:4" ht="18" customHeight="1" x14ac:dyDescent="0.2">
      <c r="A58" s="31">
        <v>44</v>
      </c>
      <c r="B58" s="27">
        <v>9</v>
      </c>
      <c r="C58" s="28">
        <v>3</v>
      </c>
      <c r="D58" s="29">
        <v>12</v>
      </c>
    </row>
    <row r="59" spans="1:4" ht="18" customHeight="1" x14ac:dyDescent="0.2">
      <c r="A59" s="31" t="s">
        <v>57</v>
      </c>
      <c r="B59" s="27">
        <v>27</v>
      </c>
      <c r="C59" s="28">
        <v>21</v>
      </c>
      <c r="D59" s="29">
        <v>48</v>
      </c>
    </row>
    <row r="60" spans="1:4" ht="18" customHeight="1" x14ac:dyDescent="0.2">
      <c r="A60" s="31">
        <v>45</v>
      </c>
      <c r="B60" s="27">
        <v>2</v>
      </c>
      <c r="C60" s="28">
        <v>4</v>
      </c>
      <c r="D60" s="29">
        <v>6</v>
      </c>
    </row>
    <row r="61" spans="1:4" ht="18" customHeight="1" x14ac:dyDescent="0.2">
      <c r="A61" s="31">
        <v>46</v>
      </c>
      <c r="B61" s="27">
        <v>8</v>
      </c>
      <c r="C61" s="28">
        <v>5</v>
      </c>
      <c r="D61" s="29">
        <v>13</v>
      </c>
    </row>
    <row r="62" spans="1:4" ht="18" customHeight="1" x14ac:dyDescent="0.2">
      <c r="A62" s="31">
        <v>47</v>
      </c>
      <c r="B62" s="27">
        <v>4</v>
      </c>
      <c r="C62" s="28">
        <v>8</v>
      </c>
      <c r="D62" s="29">
        <v>12</v>
      </c>
    </row>
    <row r="63" spans="1:4" ht="18" customHeight="1" x14ac:dyDescent="0.2">
      <c r="A63" s="31">
        <v>48</v>
      </c>
      <c r="B63" s="27">
        <v>7</v>
      </c>
      <c r="C63" s="28">
        <v>3</v>
      </c>
      <c r="D63" s="29">
        <v>10</v>
      </c>
    </row>
    <row r="64" spans="1:4" ht="18" customHeight="1" x14ac:dyDescent="0.2">
      <c r="A64" s="31">
        <v>49</v>
      </c>
      <c r="B64" s="27">
        <v>4</v>
      </c>
      <c r="C64" s="28">
        <v>5</v>
      </c>
      <c r="D64" s="29">
        <v>9</v>
      </c>
    </row>
    <row r="65" spans="1:4" ht="18" customHeight="1" x14ac:dyDescent="0.2">
      <c r="A65" s="31" t="s">
        <v>58</v>
      </c>
      <c r="B65" s="27">
        <v>25</v>
      </c>
      <c r="C65" s="28">
        <v>25</v>
      </c>
      <c r="D65" s="29">
        <v>50</v>
      </c>
    </row>
    <row r="66" spans="1:4" ht="18" customHeight="1" x14ac:dyDescent="0.2">
      <c r="A66" s="31">
        <v>50</v>
      </c>
      <c r="B66" s="27">
        <v>5</v>
      </c>
      <c r="C66" s="28">
        <v>4</v>
      </c>
      <c r="D66" s="29">
        <v>9</v>
      </c>
    </row>
    <row r="67" spans="1:4" ht="18" customHeight="1" x14ac:dyDescent="0.2">
      <c r="A67" s="31">
        <v>51</v>
      </c>
      <c r="B67" s="27">
        <v>7</v>
      </c>
      <c r="C67" s="28">
        <v>6</v>
      </c>
      <c r="D67" s="29">
        <v>13</v>
      </c>
    </row>
    <row r="68" spans="1:4" ht="18" customHeight="1" x14ac:dyDescent="0.2">
      <c r="A68" s="31">
        <v>52</v>
      </c>
      <c r="B68" s="27">
        <v>3</v>
      </c>
      <c r="C68" s="28">
        <v>5</v>
      </c>
      <c r="D68" s="29">
        <v>8</v>
      </c>
    </row>
    <row r="69" spans="1:4" ht="18" customHeight="1" x14ac:dyDescent="0.2">
      <c r="A69" s="31">
        <v>53</v>
      </c>
      <c r="B69" s="27">
        <v>1</v>
      </c>
      <c r="C69" s="28">
        <v>4</v>
      </c>
      <c r="D69" s="29">
        <v>5</v>
      </c>
    </row>
    <row r="70" spans="1:4" ht="18" customHeight="1" x14ac:dyDescent="0.2">
      <c r="A70" s="31">
        <v>54</v>
      </c>
      <c r="B70" s="27">
        <v>1</v>
      </c>
      <c r="C70" s="28">
        <v>4</v>
      </c>
      <c r="D70" s="29">
        <v>5</v>
      </c>
    </row>
    <row r="71" spans="1:4" ht="18" customHeight="1" x14ac:dyDescent="0.2">
      <c r="A71" s="31" t="s">
        <v>59</v>
      </c>
      <c r="B71" s="27">
        <v>17</v>
      </c>
      <c r="C71" s="28">
        <v>23</v>
      </c>
      <c r="D71" s="29">
        <v>40</v>
      </c>
    </row>
    <row r="72" spans="1:4" ht="18" customHeight="1" x14ac:dyDescent="0.2">
      <c r="A72" s="31">
        <v>55</v>
      </c>
      <c r="B72" s="27">
        <v>2</v>
      </c>
      <c r="C72" s="28">
        <v>7</v>
      </c>
      <c r="D72" s="29">
        <v>9</v>
      </c>
    </row>
    <row r="73" spans="1:4" ht="18" customHeight="1" x14ac:dyDescent="0.2">
      <c r="A73" s="31">
        <v>56</v>
      </c>
      <c r="B73" s="27">
        <v>10</v>
      </c>
      <c r="C73" s="28">
        <v>4</v>
      </c>
      <c r="D73" s="29">
        <v>14</v>
      </c>
    </row>
    <row r="74" spans="1:4" ht="18" customHeight="1" x14ac:dyDescent="0.2">
      <c r="A74" s="31">
        <v>57</v>
      </c>
      <c r="B74" s="27">
        <v>5</v>
      </c>
      <c r="C74" s="28">
        <v>6</v>
      </c>
      <c r="D74" s="29">
        <v>11</v>
      </c>
    </row>
    <row r="75" spans="1:4" ht="18" customHeight="1" x14ac:dyDescent="0.2">
      <c r="A75" s="31">
        <v>58</v>
      </c>
      <c r="B75" s="27">
        <v>6</v>
      </c>
      <c r="C75" s="28">
        <v>7</v>
      </c>
      <c r="D75" s="29">
        <v>13</v>
      </c>
    </row>
    <row r="76" spans="1:4" ht="18" customHeight="1" x14ac:dyDescent="0.2">
      <c r="A76" s="31">
        <v>59</v>
      </c>
      <c r="B76" s="27">
        <v>7</v>
      </c>
      <c r="C76" s="28">
        <v>6</v>
      </c>
      <c r="D76" s="29">
        <v>13</v>
      </c>
    </row>
    <row r="77" spans="1:4" ht="18" customHeight="1" x14ac:dyDescent="0.2">
      <c r="A77" s="31" t="s">
        <v>60</v>
      </c>
      <c r="B77" s="27">
        <v>30</v>
      </c>
      <c r="C77" s="28">
        <v>30</v>
      </c>
      <c r="D77" s="29">
        <v>60</v>
      </c>
    </row>
    <row r="78" spans="1:4" ht="18" customHeight="1" x14ac:dyDescent="0.2">
      <c r="A78" s="31">
        <v>60</v>
      </c>
      <c r="B78" s="27">
        <v>8</v>
      </c>
      <c r="C78" s="28">
        <v>11</v>
      </c>
      <c r="D78" s="29">
        <v>19</v>
      </c>
    </row>
    <row r="79" spans="1:4" ht="18" customHeight="1" x14ac:dyDescent="0.2">
      <c r="A79" s="31">
        <v>61</v>
      </c>
      <c r="B79" s="27">
        <v>4</v>
      </c>
      <c r="C79" s="28">
        <v>4</v>
      </c>
      <c r="D79" s="29">
        <v>8</v>
      </c>
    </row>
    <row r="80" spans="1:4" ht="18" customHeight="1" x14ac:dyDescent="0.2">
      <c r="A80" s="31">
        <v>62</v>
      </c>
      <c r="B80" s="27">
        <v>7</v>
      </c>
      <c r="C80" s="28">
        <v>8</v>
      </c>
      <c r="D80" s="29">
        <v>15</v>
      </c>
    </row>
    <row r="81" spans="1:4" ht="18" customHeight="1" x14ac:dyDescent="0.2">
      <c r="A81" s="31">
        <v>63</v>
      </c>
      <c r="B81" s="27">
        <v>4</v>
      </c>
      <c r="C81" s="28">
        <v>9</v>
      </c>
      <c r="D81" s="29">
        <v>13</v>
      </c>
    </row>
    <row r="82" spans="1:4" ht="18" customHeight="1" x14ac:dyDescent="0.2">
      <c r="A82" s="31">
        <v>64</v>
      </c>
      <c r="B82" s="27">
        <v>9</v>
      </c>
      <c r="C82" s="28">
        <v>8</v>
      </c>
      <c r="D82" s="29">
        <v>17</v>
      </c>
    </row>
    <row r="83" spans="1:4" ht="18" customHeight="1" x14ac:dyDescent="0.2">
      <c r="A83" s="31" t="s">
        <v>61</v>
      </c>
      <c r="B83" s="27">
        <v>32</v>
      </c>
      <c r="C83" s="28">
        <v>40</v>
      </c>
      <c r="D83" s="29">
        <v>72</v>
      </c>
    </row>
    <row r="84" spans="1:4" ht="18" customHeight="1" x14ac:dyDescent="0.2">
      <c r="A84" s="31" t="s">
        <v>62</v>
      </c>
      <c r="B84" s="27">
        <v>195</v>
      </c>
      <c r="C84" s="28">
        <v>193</v>
      </c>
      <c r="D84" s="29">
        <v>388</v>
      </c>
    </row>
    <row r="85" spans="1:4" ht="18" customHeight="1" x14ac:dyDescent="0.2">
      <c r="A85" s="31">
        <v>65</v>
      </c>
      <c r="B85" s="27">
        <v>9</v>
      </c>
      <c r="C85" s="28">
        <v>8</v>
      </c>
      <c r="D85" s="29">
        <v>17</v>
      </c>
    </row>
    <row r="86" spans="1:4" ht="18" customHeight="1" x14ac:dyDescent="0.2">
      <c r="A86" s="31">
        <v>66</v>
      </c>
      <c r="B86" s="27">
        <v>5</v>
      </c>
      <c r="C86" s="28">
        <v>6</v>
      </c>
      <c r="D86" s="29">
        <v>11</v>
      </c>
    </row>
    <row r="87" spans="1:4" ht="18" customHeight="1" x14ac:dyDescent="0.2">
      <c r="A87" s="31">
        <v>67</v>
      </c>
      <c r="B87" s="27">
        <v>1</v>
      </c>
      <c r="C87" s="28">
        <v>7</v>
      </c>
      <c r="D87" s="29">
        <v>8</v>
      </c>
    </row>
    <row r="88" spans="1:4" ht="18" customHeight="1" x14ac:dyDescent="0.2">
      <c r="A88" s="31">
        <v>68</v>
      </c>
      <c r="B88" s="27">
        <v>9</v>
      </c>
      <c r="C88" s="28">
        <v>13</v>
      </c>
      <c r="D88" s="29">
        <v>22</v>
      </c>
    </row>
    <row r="89" spans="1:4" ht="18" customHeight="1" x14ac:dyDescent="0.2">
      <c r="A89" s="31">
        <v>69</v>
      </c>
      <c r="B89" s="27">
        <v>8</v>
      </c>
      <c r="C89" s="28">
        <v>10</v>
      </c>
      <c r="D89" s="29">
        <v>18</v>
      </c>
    </row>
    <row r="90" spans="1:4" ht="18" customHeight="1" x14ac:dyDescent="0.2">
      <c r="A90" s="31" t="s">
        <v>63</v>
      </c>
      <c r="B90" s="27">
        <v>32</v>
      </c>
      <c r="C90" s="28">
        <v>44</v>
      </c>
      <c r="D90" s="29">
        <v>76</v>
      </c>
    </row>
    <row r="91" spans="1:4" ht="18" customHeight="1" x14ac:dyDescent="0.2">
      <c r="A91" s="31">
        <v>70</v>
      </c>
      <c r="B91" s="27">
        <v>10</v>
      </c>
      <c r="C91" s="28">
        <v>13</v>
      </c>
      <c r="D91" s="29">
        <v>23</v>
      </c>
    </row>
    <row r="92" spans="1:4" ht="18" customHeight="1" x14ac:dyDescent="0.2">
      <c r="A92" s="31">
        <v>71</v>
      </c>
      <c r="B92" s="27">
        <v>11</v>
      </c>
      <c r="C92" s="28">
        <v>11</v>
      </c>
      <c r="D92" s="29">
        <v>22</v>
      </c>
    </row>
    <row r="93" spans="1:4" ht="18" customHeight="1" x14ac:dyDescent="0.2">
      <c r="A93" s="31">
        <v>72</v>
      </c>
      <c r="B93" s="27">
        <v>13</v>
      </c>
      <c r="C93" s="28">
        <v>10</v>
      </c>
      <c r="D93" s="29">
        <v>23</v>
      </c>
    </row>
    <row r="94" spans="1:4" ht="18" customHeight="1" x14ac:dyDescent="0.2">
      <c r="A94" s="31">
        <v>73</v>
      </c>
      <c r="B94" s="27">
        <v>7</v>
      </c>
      <c r="C94" s="28">
        <v>11</v>
      </c>
      <c r="D94" s="29">
        <v>18</v>
      </c>
    </row>
    <row r="95" spans="1:4" ht="18" customHeight="1" x14ac:dyDescent="0.2">
      <c r="A95" s="31">
        <v>74</v>
      </c>
      <c r="B95" s="27">
        <v>7</v>
      </c>
      <c r="C95" s="28">
        <v>10</v>
      </c>
      <c r="D95" s="29">
        <v>17</v>
      </c>
    </row>
    <row r="96" spans="1:4" ht="18" customHeight="1" x14ac:dyDescent="0.2">
      <c r="A96" s="31" t="s">
        <v>64</v>
      </c>
      <c r="B96" s="27">
        <v>48</v>
      </c>
      <c r="C96" s="28">
        <v>55</v>
      </c>
      <c r="D96" s="29">
        <v>103</v>
      </c>
    </row>
    <row r="97" spans="1:4" ht="18" customHeight="1" x14ac:dyDescent="0.2">
      <c r="A97" s="31">
        <v>75</v>
      </c>
      <c r="B97" s="27">
        <v>6</v>
      </c>
      <c r="C97" s="28">
        <v>10</v>
      </c>
      <c r="D97" s="29">
        <v>16</v>
      </c>
    </row>
    <row r="98" spans="1:4" ht="18" customHeight="1" x14ac:dyDescent="0.2">
      <c r="A98" s="31">
        <v>76</v>
      </c>
      <c r="B98" s="27">
        <v>4</v>
      </c>
      <c r="C98" s="28">
        <v>6</v>
      </c>
      <c r="D98" s="29">
        <v>10</v>
      </c>
    </row>
    <row r="99" spans="1:4" ht="18" customHeight="1" x14ac:dyDescent="0.2">
      <c r="A99" s="31">
        <v>77</v>
      </c>
      <c r="B99" s="27">
        <v>8</v>
      </c>
      <c r="C99" s="28">
        <v>15</v>
      </c>
      <c r="D99" s="29">
        <v>23</v>
      </c>
    </row>
    <row r="100" spans="1:4" ht="18" customHeight="1" x14ac:dyDescent="0.2">
      <c r="A100" s="31">
        <v>78</v>
      </c>
      <c r="B100" s="27">
        <v>8</v>
      </c>
      <c r="C100" s="28">
        <v>10</v>
      </c>
      <c r="D100" s="29">
        <v>18</v>
      </c>
    </row>
    <row r="101" spans="1:4" ht="18" customHeight="1" x14ac:dyDescent="0.2">
      <c r="A101" s="31">
        <v>79</v>
      </c>
      <c r="B101" s="27">
        <v>9</v>
      </c>
      <c r="C101" s="28">
        <v>9</v>
      </c>
      <c r="D101" s="29">
        <v>18</v>
      </c>
    </row>
    <row r="102" spans="1:4" ht="18" customHeight="1" x14ac:dyDescent="0.2">
      <c r="A102" s="31" t="s">
        <v>65</v>
      </c>
      <c r="B102" s="27">
        <v>35</v>
      </c>
      <c r="C102" s="28">
        <v>50</v>
      </c>
      <c r="D102" s="29">
        <v>85</v>
      </c>
    </row>
    <row r="103" spans="1:4" ht="18" customHeight="1" x14ac:dyDescent="0.2">
      <c r="A103" s="31">
        <v>80</v>
      </c>
      <c r="B103" s="27">
        <v>2</v>
      </c>
      <c r="C103" s="28">
        <v>6</v>
      </c>
      <c r="D103" s="29">
        <v>8</v>
      </c>
    </row>
    <row r="104" spans="1:4" ht="18" customHeight="1" x14ac:dyDescent="0.2">
      <c r="A104" s="31">
        <v>81</v>
      </c>
      <c r="B104" s="27">
        <v>8</v>
      </c>
      <c r="C104" s="28">
        <v>10</v>
      </c>
      <c r="D104" s="29">
        <v>18</v>
      </c>
    </row>
    <row r="105" spans="1:4" ht="18" customHeight="1" x14ac:dyDescent="0.2">
      <c r="A105" s="31">
        <v>82</v>
      </c>
      <c r="B105" s="27">
        <v>6</v>
      </c>
      <c r="C105" s="28">
        <v>9</v>
      </c>
      <c r="D105" s="29">
        <v>15</v>
      </c>
    </row>
    <row r="106" spans="1:4" ht="18" customHeight="1" x14ac:dyDescent="0.2">
      <c r="A106" s="31">
        <v>83</v>
      </c>
      <c r="B106" s="27">
        <v>4</v>
      </c>
      <c r="C106" s="28">
        <v>7</v>
      </c>
      <c r="D106" s="29">
        <v>11</v>
      </c>
    </row>
    <row r="107" spans="1:4" ht="18" customHeight="1" x14ac:dyDescent="0.2">
      <c r="A107" s="31">
        <v>84</v>
      </c>
      <c r="B107" s="27">
        <v>9</v>
      </c>
      <c r="C107" s="28">
        <v>10</v>
      </c>
      <c r="D107" s="29">
        <v>19</v>
      </c>
    </row>
    <row r="108" spans="1:4" ht="18" customHeight="1" x14ac:dyDescent="0.2">
      <c r="A108" s="31" t="s">
        <v>66</v>
      </c>
      <c r="B108" s="27">
        <v>29</v>
      </c>
      <c r="C108" s="28">
        <v>42</v>
      </c>
      <c r="D108" s="29">
        <v>71</v>
      </c>
    </row>
    <row r="109" spans="1:4" ht="18" customHeight="1" x14ac:dyDescent="0.2">
      <c r="A109" s="31">
        <v>85</v>
      </c>
      <c r="B109" s="27">
        <v>11</v>
      </c>
      <c r="C109" s="28">
        <v>15</v>
      </c>
      <c r="D109" s="29">
        <v>26</v>
      </c>
    </row>
    <row r="110" spans="1:4" ht="18" customHeight="1" x14ac:dyDescent="0.2">
      <c r="A110" s="31">
        <v>86</v>
      </c>
      <c r="B110" s="27">
        <v>4</v>
      </c>
      <c r="C110" s="28">
        <v>12</v>
      </c>
      <c r="D110" s="29">
        <v>16</v>
      </c>
    </row>
    <row r="111" spans="1:4" ht="18" customHeight="1" x14ac:dyDescent="0.2">
      <c r="A111" s="31">
        <v>87</v>
      </c>
      <c r="B111" s="27">
        <v>7</v>
      </c>
      <c r="C111" s="28">
        <v>10</v>
      </c>
      <c r="D111" s="29">
        <v>17</v>
      </c>
    </row>
    <row r="112" spans="1:4" ht="18" customHeight="1" x14ac:dyDescent="0.2">
      <c r="A112" s="31">
        <v>88</v>
      </c>
      <c r="B112" s="27">
        <v>5</v>
      </c>
      <c r="C112" s="28">
        <v>8</v>
      </c>
      <c r="D112" s="29">
        <v>13</v>
      </c>
    </row>
    <row r="113" spans="1:4" ht="18" customHeight="1" x14ac:dyDescent="0.2">
      <c r="A113" s="31">
        <v>89</v>
      </c>
      <c r="B113" s="27">
        <v>4</v>
      </c>
      <c r="C113" s="28">
        <v>7</v>
      </c>
      <c r="D113" s="29">
        <v>11</v>
      </c>
    </row>
    <row r="114" spans="1:4" ht="18" customHeight="1" x14ac:dyDescent="0.2">
      <c r="A114" s="31" t="s">
        <v>67</v>
      </c>
      <c r="B114" s="27">
        <v>31</v>
      </c>
      <c r="C114" s="28">
        <v>52</v>
      </c>
      <c r="D114" s="29">
        <v>83</v>
      </c>
    </row>
    <row r="115" spans="1:4" ht="18" customHeight="1" x14ac:dyDescent="0.2">
      <c r="A115" s="31">
        <v>90</v>
      </c>
      <c r="B115" s="27">
        <v>5</v>
      </c>
      <c r="C115" s="28">
        <v>8</v>
      </c>
      <c r="D115" s="29">
        <v>13</v>
      </c>
    </row>
    <row r="116" spans="1:4" ht="18" customHeight="1" x14ac:dyDescent="0.2">
      <c r="A116" s="31">
        <v>91</v>
      </c>
      <c r="B116" s="27">
        <v>4</v>
      </c>
      <c r="C116" s="28">
        <v>3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11</v>
      </c>
      <c r="C120" s="28">
        <v>20</v>
      </c>
      <c r="D120" s="29">
        <v>3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86</v>
      </c>
      <c r="C130" s="5">
        <v>271</v>
      </c>
      <c r="D130" s="6">
        <v>457</v>
      </c>
    </row>
    <row r="131" spans="1:4" ht="18" customHeight="1" x14ac:dyDescent="0.2">
      <c r="A131" s="33" t="s">
        <v>47</v>
      </c>
      <c r="B131" s="7">
        <v>400</v>
      </c>
      <c r="C131" s="8">
        <v>488</v>
      </c>
      <c r="D131" s="9">
        <v>8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6</v>
      </c>
      <c r="D5" s="39">
        <v>14</v>
      </c>
    </row>
    <row r="6" spans="1:4" ht="18" customHeight="1" x14ac:dyDescent="0.2">
      <c r="A6" s="31">
        <v>1</v>
      </c>
      <c r="B6" s="35">
        <v>15</v>
      </c>
      <c r="C6" s="28">
        <v>19</v>
      </c>
      <c r="D6" s="29">
        <v>34</v>
      </c>
    </row>
    <row r="7" spans="1:4" ht="18" customHeight="1" x14ac:dyDescent="0.2">
      <c r="A7" s="31">
        <v>2</v>
      </c>
      <c r="B7" s="35">
        <v>17</v>
      </c>
      <c r="C7" s="28">
        <v>16</v>
      </c>
      <c r="D7" s="29">
        <v>33</v>
      </c>
    </row>
    <row r="8" spans="1:4" ht="18" customHeight="1" x14ac:dyDescent="0.2">
      <c r="A8" s="31">
        <v>3</v>
      </c>
      <c r="B8" s="35">
        <v>22</v>
      </c>
      <c r="C8" s="28">
        <v>13</v>
      </c>
      <c r="D8" s="29">
        <v>35</v>
      </c>
    </row>
    <row r="9" spans="1:4" ht="18" customHeight="1" x14ac:dyDescent="0.2">
      <c r="A9" s="31">
        <v>4</v>
      </c>
      <c r="B9" s="36">
        <v>15</v>
      </c>
      <c r="C9" s="38">
        <v>17</v>
      </c>
      <c r="D9" s="40">
        <v>32</v>
      </c>
    </row>
    <row r="10" spans="1:4" ht="18" customHeight="1" x14ac:dyDescent="0.2">
      <c r="A10" s="31" t="s">
        <v>48</v>
      </c>
      <c r="B10" s="27">
        <v>77</v>
      </c>
      <c r="C10" s="28">
        <v>71</v>
      </c>
      <c r="D10" s="29">
        <v>148</v>
      </c>
    </row>
    <row r="11" spans="1:4" ht="18" customHeight="1" x14ac:dyDescent="0.2">
      <c r="A11" s="31">
        <v>5</v>
      </c>
      <c r="B11" s="35">
        <v>21</v>
      </c>
      <c r="C11" s="28">
        <v>17</v>
      </c>
      <c r="D11" s="29">
        <v>38</v>
      </c>
    </row>
    <row r="12" spans="1:4" ht="18" customHeight="1" x14ac:dyDescent="0.2">
      <c r="A12" s="31">
        <v>6</v>
      </c>
      <c r="B12" s="35">
        <v>19</v>
      </c>
      <c r="C12" s="28">
        <v>21</v>
      </c>
      <c r="D12" s="29">
        <v>40</v>
      </c>
    </row>
    <row r="13" spans="1:4" ht="18" customHeight="1" x14ac:dyDescent="0.2">
      <c r="A13" s="31">
        <v>7</v>
      </c>
      <c r="B13" s="35">
        <v>21</v>
      </c>
      <c r="C13" s="28">
        <v>16</v>
      </c>
      <c r="D13" s="29">
        <v>37</v>
      </c>
    </row>
    <row r="14" spans="1:4" ht="18" customHeight="1" x14ac:dyDescent="0.2">
      <c r="A14" s="31">
        <v>8</v>
      </c>
      <c r="B14" s="35">
        <v>25</v>
      </c>
      <c r="C14" s="28">
        <v>19</v>
      </c>
      <c r="D14" s="29">
        <v>44</v>
      </c>
    </row>
    <row r="15" spans="1:4" ht="18" customHeight="1" x14ac:dyDescent="0.2">
      <c r="A15" s="31">
        <v>9</v>
      </c>
      <c r="B15" s="35">
        <v>22</v>
      </c>
      <c r="C15" s="28">
        <v>12</v>
      </c>
      <c r="D15" s="29">
        <v>34</v>
      </c>
    </row>
    <row r="16" spans="1:4" ht="18" customHeight="1" x14ac:dyDescent="0.2">
      <c r="A16" s="31" t="s">
        <v>49</v>
      </c>
      <c r="B16" s="27">
        <v>108</v>
      </c>
      <c r="C16" s="28">
        <v>85</v>
      </c>
      <c r="D16" s="29">
        <v>193</v>
      </c>
    </row>
    <row r="17" spans="1:4" ht="18" customHeight="1" x14ac:dyDescent="0.2">
      <c r="A17" s="31">
        <v>10</v>
      </c>
      <c r="B17" s="27">
        <v>29</v>
      </c>
      <c r="C17" s="28">
        <v>24</v>
      </c>
      <c r="D17" s="29">
        <v>53</v>
      </c>
    </row>
    <row r="18" spans="1:4" ht="18" customHeight="1" x14ac:dyDescent="0.2">
      <c r="A18" s="31">
        <v>11</v>
      </c>
      <c r="B18" s="27">
        <v>28</v>
      </c>
      <c r="C18" s="28">
        <v>27</v>
      </c>
      <c r="D18" s="29">
        <v>55</v>
      </c>
    </row>
    <row r="19" spans="1:4" ht="18" customHeight="1" x14ac:dyDescent="0.2">
      <c r="A19" s="31">
        <v>12</v>
      </c>
      <c r="B19" s="27">
        <v>22</v>
      </c>
      <c r="C19" s="28">
        <v>30</v>
      </c>
      <c r="D19" s="29">
        <v>52</v>
      </c>
    </row>
    <row r="20" spans="1:4" ht="18" customHeight="1" x14ac:dyDescent="0.2">
      <c r="A20" s="31">
        <v>13</v>
      </c>
      <c r="B20" s="27">
        <v>23</v>
      </c>
      <c r="C20" s="28">
        <v>20</v>
      </c>
      <c r="D20" s="29">
        <v>43</v>
      </c>
    </row>
    <row r="21" spans="1:4" ht="18" customHeight="1" x14ac:dyDescent="0.2">
      <c r="A21" s="31">
        <v>14</v>
      </c>
      <c r="B21" s="27">
        <v>35</v>
      </c>
      <c r="C21" s="28">
        <v>33</v>
      </c>
      <c r="D21" s="29">
        <v>68</v>
      </c>
    </row>
    <row r="22" spans="1:4" ht="18" customHeight="1" x14ac:dyDescent="0.2">
      <c r="A22" s="31" t="s">
        <v>50</v>
      </c>
      <c r="B22" s="27">
        <v>137</v>
      </c>
      <c r="C22" s="28">
        <v>134</v>
      </c>
      <c r="D22" s="29">
        <v>271</v>
      </c>
    </row>
    <row r="23" spans="1:4" ht="18" customHeight="1" x14ac:dyDescent="0.2">
      <c r="A23" s="31" t="s">
        <v>51</v>
      </c>
      <c r="B23" s="27">
        <v>322</v>
      </c>
      <c r="C23" s="28">
        <v>290</v>
      </c>
      <c r="D23" s="29">
        <v>612</v>
      </c>
    </row>
    <row r="24" spans="1:4" ht="18" customHeight="1" x14ac:dyDescent="0.2">
      <c r="A24" s="31">
        <v>15</v>
      </c>
      <c r="B24" s="27">
        <v>30</v>
      </c>
      <c r="C24" s="28">
        <v>34</v>
      </c>
      <c r="D24" s="29">
        <v>64</v>
      </c>
    </row>
    <row r="25" spans="1:4" ht="18" customHeight="1" x14ac:dyDescent="0.2">
      <c r="A25" s="31">
        <v>16</v>
      </c>
      <c r="B25" s="27">
        <v>33</v>
      </c>
      <c r="C25" s="28">
        <v>27</v>
      </c>
      <c r="D25" s="29">
        <v>60</v>
      </c>
    </row>
    <row r="26" spans="1:4" ht="18" customHeight="1" x14ac:dyDescent="0.2">
      <c r="A26" s="31">
        <v>17</v>
      </c>
      <c r="B26" s="27">
        <v>35</v>
      </c>
      <c r="C26" s="28">
        <v>43</v>
      </c>
      <c r="D26" s="29">
        <v>78</v>
      </c>
    </row>
    <row r="27" spans="1:4" ht="18" customHeight="1" x14ac:dyDescent="0.2">
      <c r="A27" s="31">
        <v>18</v>
      </c>
      <c r="B27" s="27">
        <v>30</v>
      </c>
      <c r="C27" s="28">
        <v>32</v>
      </c>
      <c r="D27" s="29">
        <v>62</v>
      </c>
    </row>
    <row r="28" spans="1:4" ht="18" customHeight="1" x14ac:dyDescent="0.2">
      <c r="A28" s="31">
        <v>19</v>
      </c>
      <c r="B28" s="27">
        <v>30</v>
      </c>
      <c r="C28" s="28">
        <v>19</v>
      </c>
      <c r="D28" s="29">
        <v>49</v>
      </c>
    </row>
    <row r="29" spans="1:4" ht="18" customHeight="1" x14ac:dyDescent="0.2">
      <c r="A29" s="31" t="s">
        <v>52</v>
      </c>
      <c r="B29" s="27">
        <v>158</v>
      </c>
      <c r="C29" s="28">
        <v>155</v>
      </c>
      <c r="D29" s="29">
        <v>313</v>
      </c>
    </row>
    <row r="30" spans="1:4" ht="18" customHeight="1" x14ac:dyDescent="0.2">
      <c r="A30" s="31">
        <v>20</v>
      </c>
      <c r="B30" s="27">
        <v>33</v>
      </c>
      <c r="C30" s="28">
        <v>30</v>
      </c>
      <c r="D30" s="29">
        <v>63</v>
      </c>
    </row>
    <row r="31" spans="1:4" ht="18" customHeight="1" x14ac:dyDescent="0.2">
      <c r="A31" s="31">
        <v>21</v>
      </c>
      <c r="B31" s="27">
        <v>29</v>
      </c>
      <c r="C31" s="28">
        <v>33</v>
      </c>
      <c r="D31" s="29">
        <v>62</v>
      </c>
    </row>
    <row r="32" spans="1:4" ht="18" customHeight="1" x14ac:dyDescent="0.2">
      <c r="A32" s="31">
        <v>22</v>
      </c>
      <c r="B32" s="27">
        <v>36</v>
      </c>
      <c r="C32" s="28">
        <v>28</v>
      </c>
      <c r="D32" s="29">
        <v>64</v>
      </c>
    </row>
    <row r="33" spans="1:4" ht="18" customHeight="1" x14ac:dyDescent="0.2">
      <c r="A33" s="31">
        <v>23</v>
      </c>
      <c r="B33" s="27">
        <v>36</v>
      </c>
      <c r="C33" s="28">
        <v>22</v>
      </c>
      <c r="D33" s="29">
        <v>58</v>
      </c>
    </row>
    <row r="34" spans="1:4" ht="18" customHeight="1" x14ac:dyDescent="0.2">
      <c r="A34" s="31">
        <v>24</v>
      </c>
      <c r="B34" s="27">
        <v>31</v>
      </c>
      <c r="C34" s="28">
        <v>32</v>
      </c>
      <c r="D34" s="29">
        <v>63</v>
      </c>
    </row>
    <row r="35" spans="1:4" ht="18" customHeight="1" x14ac:dyDescent="0.2">
      <c r="A35" s="31" t="s">
        <v>53</v>
      </c>
      <c r="B35" s="27">
        <v>165</v>
      </c>
      <c r="C35" s="28">
        <v>145</v>
      </c>
      <c r="D35" s="29">
        <v>310</v>
      </c>
    </row>
    <row r="36" spans="1:4" ht="18" customHeight="1" x14ac:dyDescent="0.2">
      <c r="A36" s="31">
        <v>25</v>
      </c>
      <c r="B36" s="27">
        <v>24</v>
      </c>
      <c r="C36" s="28">
        <v>20</v>
      </c>
      <c r="D36" s="29">
        <v>44</v>
      </c>
    </row>
    <row r="37" spans="1:4" ht="18" customHeight="1" x14ac:dyDescent="0.2">
      <c r="A37" s="31">
        <v>26</v>
      </c>
      <c r="B37" s="27">
        <v>27</v>
      </c>
      <c r="C37" s="28">
        <v>15</v>
      </c>
      <c r="D37" s="29">
        <v>42</v>
      </c>
    </row>
    <row r="38" spans="1:4" ht="18" customHeight="1" x14ac:dyDescent="0.2">
      <c r="A38" s="31">
        <v>27</v>
      </c>
      <c r="B38" s="27">
        <v>18</v>
      </c>
      <c r="C38" s="28">
        <v>18</v>
      </c>
      <c r="D38" s="29">
        <v>36</v>
      </c>
    </row>
    <row r="39" spans="1:4" ht="18" customHeight="1" x14ac:dyDescent="0.2">
      <c r="A39" s="31">
        <v>28</v>
      </c>
      <c r="B39" s="27">
        <v>13</v>
      </c>
      <c r="C39" s="28">
        <v>14</v>
      </c>
      <c r="D39" s="29">
        <v>27</v>
      </c>
    </row>
    <row r="40" spans="1:4" ht="18" customHeight="1" x14ac:dyDescent="0.2">
      <c r="A40" s="31">
        <v>29</v>
      </c>
      <c r="B40" s="27">
        <v>10</v>
      </c>
      <c r="C40" s="28">
        <v>19</v>
      </c>
      <c r="D40" s="29">
        <v>29</v>
      </c>
    </row>
    <row r="41" spans="1:4" ht="18" customHeight="1" x14ac:dyDescent="0.2">
      <c r="A41" s="31" t="s">
        <v>54</v>
      </c>
      <c r="B41" s="27">
        <v>92</v>
      </c>
      <c r="C41" s="28">
        <v>86</v>
      </c>
      <c r="D41" s="29">
        <v>178</v>
      </c>
    </row>
    <row r="42" spans="1:4" ht="18" customHeight="1" x14ac:dyDescent="0.2">
      <c r="A42" s="31">
        <v>30</v>
      </c>
      <c r="B42" s="27">
        <v>26</v>
      </c>
      <c r="C42" s="28">
        <v>17</v>
      </c>
      <c r="D42" s="29">
        <v>43</v>
      </c>
    </row>
    <row r="43" spans="1:4" ht="18" customHeight="1" x14ac:dyDescent="0.2">
      <c r="A43" s="31">
        <v>31</v>
      </c>
      <c r="B43" s="27">
        <v>15</v>
      </c>
      <c r="C43" s="28">
        <v>12</v>
      </c>
      <c r="D43" s="29">
        <v>27</v>
      </c>
    </row>
    <row r="44" spans="1:4" ht="18" customHeight="1" x14ac:dyDescent="0.2">
      <c r="A44" s="31">
        <v>32</v>
      </c>
      <c r="B44" s="27">
        <v>19</v>
      </c>
      <c r="C44" s="28">
        <v>18</v>
      </c>
      <c r="D44" s="29">
        <v>37</v>
      </c>
    </row>
    <row r="45" spans="1:4" ht="18" customHeight="1" x14ac:dyDescent="0.2">
      <c r="A45" s="31">
        <v>33</v>
      </c>
      <c r="B45" s="27">
        <v>12</v>
      </c>
      <c r="C45" s="28">
        <v>11</v>
      </c>
      <c r="D45" s="29">
        <v>23</v>
      </c>
    </row>
    <row r="46" spans="1:4" ht="18" customHeight="1" x14ac:dyDescent="0.2">
      <c r="A46" s="31">
        <v>34</v>
      </c>
      <c r="B46" s="27">
        <v>21</v>
      </c>
      <c r="C46" s="28">
        <v>16</v>
      </c>
      <c r="D46" s="29">
        <v>37</v>
      </c>
    </row>
    <row r="47" spans="1:4" ht="18" customHeight="1" x14ac:dyDescent="0.2">
      <c r="A47" s="31" t="s">
        <v>55</v>
      </c>
      <c r="B47" s="27">
        <v>93</v>
      </c>
      <c r="C47" s="28">
        <v>74</v>
      </c>
      <c r="D47" s="29">
        <v>167</v>
      </c>
    </row>
    <row r="48" spans="1:4" ht="18" customHeight="1" x14ac:dyDescent="0.2">
      <c r="A48" s="31">
        <v>35</v>
      </c>
      <c r="B48" s="27">
        <v>25</v>
      </c>
      <c r="C48" s="28">
        <v>23</v>
      </c>
      <c r="D48" s="29">
        <v>48</v>
      </c>
    </row>
    <row r="49" spans="1:4" ht="18" customHeight="1" x14ac:dyDescent="0.2">
      <c r="A49" s="31">
        <v>36</v>
      </c>
      <c r="B49" s="27">
        <v>27</v>
      </c>
      <c r="C49" s="28">
        <v>29</v>
      </c>
      <c r="D49" s="29">
        <v>56</v>
      </c>
    </row>
    <row r="50" spans="1:4" ht="18" customHeight="1" x14ac:dyDescent="0.2">
      <c r="A50" s="31">
        <v>37</v>
      </c>
      <c r="B50" s="27">
        <v>19</v>
      </c>
      <c r="C50" s="28">
        <v>25</v>
      </c>
      <c r="D50" s="29">
        <v>44</v>
      </c>
    </row>
    <row r="51" spans="1:4" ht="18" customHeight="1" x14ac:dyDescent="0.2">
      <c r="A51" s="31">
        <v>38</v>
      </c>
      <c r="B51" s="27">
        <v>22</v>
      </c>
      <c r="C51" s="28">
        <v>27</v>
      </c>
      <c r="D51" s="29">
        <v>49</v>
      </c>
    </row>
    <row r="52" spans="1:4" ht="18" customHeight="1" x14ac:dyDescent="0.2">
      <c r="A52" s="31">
        <v>39</v>
      </c>
      <c r="B52" s="27">
        <v>38</v>
      </c>
      <c r="C52" s="28">
        <v>32</v>
      </c>
      <c r="D52" s="29">
        <v>70</v>
      </c>
    </row>
    <row r="53" spans="1:4" ht="18" customHeight="1" x14ac:dyDescent="0.2">
      <c r="A53" s="31" t="s">
        <v>56</v>
      </c>
      <c r="B53" s="27">
        <v>131</v>
      </c>
      <c r="C53" s="28">
        <v>136</v>
      </c>
      <c r="D53" s="29">
        <v>267</v>
      </c>
    </row>
    <row r="54" spans="1:4" ht="18" customHeight="1" x14ac:dyDescent="0.2">
      <c r="A54" s="31">
        <v>40</v>
      </c>
      <c r="B54" s="27">
        <v>26</v>
      </c>
      <c r="C54" s="28">
        <v>30</v>
      </c>
      <c r="D54" s="29">
        <v>56</v>
      </c>
    </row>
    <row r="55" spans="1:4" ht="18" customHeight="1" x14ac:dyDescent="0.2">
      <c r="A55" s="31">
        <v>41</v>
      </c>
      <c r="B55" s="27">
        <v>37</v>
      </c>
      <c r="C55" s="28">
        <v>29</v>
      </c>
      <c r="D55" s="29">
        <v>66</v>
      </c>
    </row>
    <row r="56" spans="1:4" ht="18" customHeight="1" x14ac:dyDescent="0.2">
      <c r="A56" s="31">
        <v>42</v>
      </c>
      <c r="B56" s="27">
        <v>33</v>
      </c>
      <c r="C56" s="28">
        <v>36</v>
      </c>
      <c r="D56" s="29">
        <v>69</v>
      </c>
    </row>
    <row r="57" spans="1:4" ht="18" customHeight="1" x14ac:dyDescent="0.2">
      <c r="A57" s="31">
        <v>43</v>
      </c>
      <c r="B57" s="27">
        <v>47</v>
      </c>
      <c r="C57" s="28">
        <v>35</v>
      </c>
      <c r="D57" s="29">
        <v>82</v>
      </c>
    </row>
    <row r="58" spans="1:4" ht="18" customHeight="1" x14ac:dyDescent="0.2">
      <c r="A58" s="31">
        <v>44</v>
      </c>
      <c r="B58" s="27">
        <v>46</v>
      </c>
      <c r="C58" s="28">
        <v>42</v>
      </c>
      <c r="D58" s="29">
        <v>88</v>
      </c>
    </row>
    <row r="59" spans="1:4" ht="18" customHeight="1" x14ac:dyDescent="0.2">
      <c r="A59" s="31" t="s">
        <v>57</v>
      </c>
      <c r="B59" s="27">
        <v>189</v>
      </c>
      <c r="C59" s="28">
        <v>172</v>
      </c>
      <c r="D59" s="29">
        <v>361</v>
      </c>
    </row>
    <row r="60" spans="1:4" ht="18" customHeight="1" x14ac:dyDescent="0.2">
      <c r="A60" s="31">
        <v>45</v>
      </c>
      <c r="B60" s="27">
        <v>58</v>
      </c>
      <c r="C60" s="28">
        <v>51</v>
      </c>
      <c r="D60" s="29">
        <v>109</v>
      </c>
    </row>
    <row r="61" spans="1:4" ht="18" customHeight="1" x14ac:dyDescent="0.2">
      <c r="A61" s="31">
        <v>46</v>
      </c>
      <c r="B61" s="27">
        <v>48</v>
      </c>
      <c r="C61" s="28">
        <v>57</v>
      </c>
      <c r="D61" s="29">
        <v>105</v>
      </c>
    </row>
    <row r="62" spans="1:4" ht="18" customHeight="1" x14ac:dyDescent="0.2">
      <c r="A62" s="31">
        <v>47</v>
      </c>
      <c r="B62" s="27">
        <v>49</v>
      </c>
      <c r="C62" s="28">
        <v>56</v>
      </c>
      <c r="D62" s="29">
        <v>105</v>
      </c>
    </row>
    <row r="63" spans="1:4" ht="18" customHeight="1" x14ac:dyDescent="0.2">
      <c r="A63" s="31">
        <v>48</v>
      </c>
      <c r="B63" s="27">
        <v>57</v>
      </c>
      <c r="C63" s="28">
        <v>57</v>
      </c>
      <c r="D63" s="29">
        <v>114</v>
      </c>
    </row>
    <row r="64" spans="1:4" ht="18" customHeight="1" x14ac:dyDescent="0.2">
      <c r="A64" s="31">
        <v>49</v>
      </c>
      <c r="B64" s="27">
        <v>41</v>
      </c>
      <c r="C64" s="28">
        <v>52</v>
      </c>
      <c r="D64" s="29">
        <v>93</v>
      </c>
    </row>
    <row r="65" spans="1:4" ht="18" customHeight="1" x14ac:dyDescent="0.2">
      <c r="A65" s="31" t="s">
        <v>58</v>
      </c>
      <c r="B65" s="27">
        <v>253</v>
      </c>
      <c r="C65" s="28">
        <v>273</v>
      </c>
      <c r="D65" s="29">
        <v>526</v>
      </c>
    </row>
    <row r="66" spans="1:4" ht="18" customHeight="1" x14ac:dyDescent="0.2">
      <c r="A66" s="31">
        <v>50</v>
      </c>
      <c r="B66" s="27">
        <v>50</v>
      </c>
      <c r="C66" s="28">
        <v>38</v>
      </c>
      <c r="D66" s="29">
        <v>88</v>
      </c>
    </row>
    <row r="67" spans="1:4" ht="18" customHeight="1" x14ac:dyDescent="0.2">
      <c r="A67" s="31">
        <v>51</v>
      </c>
      <c r="B67" s="27">
        <v>45</v>
      </c>
      <c r="C67" s="28">
        <v>49</v>
      </c>
      <c r="D67" s="29">
        <v>94</v>
      </c>
    </row>
    <row r="68" spans="1:4" ht="18" customHeight="1" x14ac:dyDescent="0.2">
      <c r="A68" s="31">
        <v>52</v>
      </c>
      <c r="B68" s="27">
        <v>45</v>
      </c>
      <c r="C68" s="28">
        <v>34</v>
      </c>
      <c r="D68" s="29">
        <v>79</v>
      </c>
    </row>
    <row r="69" spans="1:4" ht="18" customHeight="1" x14ac:dyDescent="0.2">
      <c r="A69" s="31">
        <v>53</v>
      </c>
      <c r="B69" s="27">
        <v>38</v>
      </c>
      <c r="C69" s="28">
        <v>32</v>
      </c>
      <c r="D69" s="29">
        <v>70</v>
      </c>
    </row>
    <row r="70" spans="1:4" ht="18" customHeight="1" x14ac:dyDescent="0.2">
      <c r="A70" s="31">
        <v>54</v>
      </c>
      <c r="B70" s="27">
        <v>33</v>
      </c>
      <c r="C70" s="28">
        <v>30</v>
      </c>
      <c r="D70" s="29">
        <v>63</v>
      </c>
    </row>
    <row r="71" spans="1:4" ht="18" customHeight="1" x14ac:dyDescent="0.2">
      <c r="A71" s="31" t="s">
        <v>59</v>
      </c>
      <c r="B71" s="27">
        <v>211</v>
      </c>
      <c r="C71" s="28">
        <v>183</v>
      </c>
      <c r="D71" s="29">
        <v>394</v>
      </c>
    </row>
    <row r="72" spans="1:4" ht="18" customHeight="1" x14ac:dyDescent="0.2">
      <c r="A72" s="31">
        <v>55</v>
      </c>
      <c r="B72" s="27">
        <v>33</v>
      </c>
      <c r="C72" s="28">
        <v>30</v>
      </c>
      <c r="D72" s="29">
        <v>63</v>
      </c>
    </row>
    <row r="73" spans="1:4" ht="18" customHeight="1" x14ac:dyDescent="0.2">
      <c r="A73" s="31">
        <v>56</v>
      </c>
      <c r="B73" s="27">
        <v>40</v>
      </c>
      <c r="C73" s="28">
        <v>37</v>
      </c>
      <c r="D73" s="29">
        <v>77</v>
      </c>
    </row>
    <row r="74" spans="1:4" ht="18" customHeight="1" x14ac:dyDescent="0.2">
      <c r="A74" s="31">
        <v>57</v>
      </c>
      <c r="B74" s="27">
        <v>36</v>
      </c>
      <c r="C74" s="28">
        <v>30</v>
      </c>
      <c r="D74" s="29">
        <v>66</v>
      </c>
    </row>
    <row r="75" spans="1:4" ht="18" customHeight="1" x14ac:dyDescent="0.2">
      <c r="A75" s="31">
        <v>58</v>
      </c>
      <c r="B75" s="27">
        <v>28</v>
      </c>
      <c r="C75" s="28">
        <v>34</v>
      </c>
      <c r="D75" s="29">
        <v>62</v>
      </c>
    </row>
    <row r="76" spans="1:4" ht="18" customHeight="1" x14ac:dyDescent="0.2">
      <c r="A76" s="31">
        <v>59</v>
      </c>
      <c r="B76" s="27">
        <v>26</v>
      </c>
      <c r="C76" s="28">
        <v>34</v>
      </c>
      <c r="D76" s="29">
        <v>60</v>
      </c>
    </row>
    <row r="77" spans="1:4" ht="18" customHeight="1" x14ac:dyDescent="0.2">
      <c r="A77" s="31" t="s">
        <v>60</v>
      </c>
      <c r="B77" s="27">
        <v>163</v>
      </c>
      <c r="C77" s="28">
        <v>165</v>
      </c>
      <c r="D77" s="29">
        <v>328</v>
      </c>
    </row>
    <row r="78" spans="1:4" ht="18" customHeight="1" x14ac:dyDescent="0.2">
      <c r="A78" s="31">
        <v>60</v>
      </c>
      <c r="B78" s="27">
        <v>26</v>
      </c>
      <c r="C78" s="28">
        <v>30</v>
      </c>
      <c r="D78" s="29">
        <v>56</v>
      </c>
    </row>
    <row r="79" spans="1:4" ht="18" customHeight="1" x14ac:dyDescent="0.2">
      <c r="A79" s="31">
        <v>61</v>
      </c>
      <c r="B79" s="27">
        <v>33</v>
      </c>
      <c r="C79" s="28">
        <v>28</v>
      </c>
      <c r="D79" s="29">
        <v>61</v>
      </c>
    </row>
    <row r="80" spans="1:4" ht="18" customHeight="1" x14ac:dyDescent="0.2">
      <c r="A80" s="31">
        <v>62</v>
      </c>
      <c r="B80" s="27">
        <v>31</v>
      </c>
      <c r="C80" s="28">
        <v>27</v>
      </c>
      <c r="D80" s="29">
        <v>58</v>
      </c>
    </row>
    <row r="81" spans="1:4" ht="18" customHeight="1" x14ac:dyDescent="0.2">
      <c r="A81" s="31">
        <v>63</v>
      </c>
      <c r="B81" s="27">
        <v>31</v>
      </c>
      <c r="C81" s="28">
        <v>26</v>
      </c>
      <c r="D81" s="29">
        <v>57</v>
      </c>
    </row>
    <row r="82" spans="1:4" ht="18" customHeight="1" x14ac:dyDescent="0.2">
      <c r="A82" s="31">
        <v>64</v>
      </c>
      <c r="B82" s="27">
        <v>36</v>
      </c>
      <c r="C82" s="28">
        <v>31</v>
      </c>
      <c r="D82" s="29">
        <v>67</v>
      </c>
    </row>
    <row r="83" spans="1:4" ht="18" customHeight="1" x14ac:dyDescent="0.2">
      <c r="A83" s="31" t="s">
        <v>61</v>
      </c>
      <c r="B83" s="27">
        <v>157</v>
      </c>
      <c r="C83" s="28">
        <v>142</v>
      </c>
      <c r="D83" s="29">
        <v>299</v>
      </c>
    </row>
    <row r="84" spans="1:4" ht="18" customHeight="1" x14ac:dyDescent="0.2">
      <c r="A84" s="31" t="s">
        <v>62</v>
      </c>
      <c r="B84" s="27">
        <v>1612</v>
      </c>
      <c r="C84" s="28">
        <v>1531</v>
      </c>
      <c r="D84" s="29">
        <v>3143</v>
      </c>
    </row>
    <row r="85" spans="1:4" ht="18" customHeight="1" x14ac:dyDescent="0.2">
      <c r="A85" s="31">
        <v>65</v>
      </c>
      <c r="B85" s="27">
        <v>36</v>
      </c>
      <c r="C85" s="28">
        <v>32</v>
      </c>
      <c r="D85" s="29">
        <v>68</v>
      </c>
    </row>
    <row r="86" spans="1:4" ht="18" customHeight="1" x14ac:dyDescent="0.2">
      <c r="A86" s="31">
        <v>66</v>
      </c>
      <c r="B86" s="27">
        <v>31</v>
      </c>
      <c r="C86" s="28">
        <v>40</v>
      </c>
      <c r="D86" s="29">
        <v>71</v>
      </c>
    </row>
    <row r="87" spans="1:4" ht="18" customHeight="1" x14ac:dyDescent="0.2">
      <c r="A87" s="31">
        <v>67</v>
      </c>
      <c r="B87" s="27">
        <v>36</v>
      </c>
      <c r="C87" s="28">
        <v>30</v>
      </c>
      <c r="D87" s="29">
        <v>66</v>
      </c>
    </row>
    <row r="88" spans="1:4" ht="18" customHeight="1" x14ac:dyDescent="0.2">
      <c r="A88" s="31">
        <v>68</v>
      </c>
      <c r="B88" s="27">
        <v>32</v>
      </c>
      <c r="C88" s="28">
        <v>38</v>
      </c>
      <c r="D88" s="29">
        <v>70</v>
      </c>
    </row>
    <row r="89" spans="1:4" ht="18" customHeight="1" x14ac:dyDescent="0.2">
      <c r="A89" s="31">
        <v>69</v>
      </c>
      <c r="B89" s="27">
        <v>34</v>
      </c>
      <c r="C89" s="28">
        <v>40</v>
      </c>
      <c r="D89" s="29">
        <v>74</v>
      </c>
    </row>
    <row r="90" spans="1:4" ht="18" customHeight="1" x14ac:dyDescent="0.2">
      <c r="A90" s="31" t="s">
        <v>63</v>
      </c>
      <c r="B90" s="27">
        <v>169</v>
      </c>
      <c r="C90" s="28">
        <v>180</v>
      </c>
      <c r="D90" s="29">
        <v>349</v>
      </c>
    </row>
    <row r="91" spans="1:4" ht="18" customHeight="1" x14ac:dyDescent="0.2">
      <c r="A91" s="31">
        <v>70</v>
      </c>
      <c r="B91" s="27">
        <v>40</v>
      </c>
      <c r="C91" s="28">
        <v>48</v>
      </c>
      <c r="D91" s="29">
        <v>88</v>
      </c>
    </row>
    <row r="92" spans="1:4" ht="18" customHeight="1" x14ac:dyDescent="0.2">
      <c r="A92" s="31">
        <v>71</v>
      </c>
      <c r="B92" s="27">
        <v>44</v>
      </c>
      <c r="C92" s="28">
        <v>48</v>
      </c>
      <c r="D92" s="29">
        <v>92</v>
      </c>
    </row>
    <row r="93" spans="1:4" ht="18" customHeight="1" x14ac:dyDescent="0.2">
      <c r="A93" s="31">
        <v>72</v>
      </c>
      <c r="B93" s="27">
        <v>51</v>
      </c>
      <c r="C93" s="28">
        <v>57</v>
      </c>
      <c r="D93" s="29">
        <v>108</v>
      </c>
    </row>
    <row r="94" spans="1:4" ht="18" customHeight="1" x14ac:dyDescent="0.2">
      <c r="A94" s="31">
        <v>73</v>
      </c>
      <c r="B94" s="27">
        <v>27</v>
      </c>
      <c r="C94" s="28">
        <v>26</v>
      </c>
      <c r="D94" s="29">
        <v>53</v>
      </c>
    </row>
    <row r="95" spans="1:4" ht="18" customHeight="1" x14ac:dyDescent="0.2">
      <c r="A95" s="31">
        <v>74</v>
      </c>
      <c r="B95" s="27">
        <v>21</v>
      </c>
      <c r="C95" s="28">
        <v>25</v>
      </c>
      <c r="D95" s="29">
        <v>46</v>
      </c>
    </row>
    <row r="96" spans="1:4" ht="18" customHeight="1" x14ac:dyDescent="0.2">
      <c r="A96" s="31" t="s">
        <v>64</v>
      </c>
      <c r="B96" s="27">
        <v>183</v>
      </c>
      <c r="C96" s="28">
        <v>204</v>
      </c>
      <c r="D96" s="29">
        <v>387</v>
      </c>
    </row>
    <row r="97" spans="1:4" ht="18" customHeight="1" x14ac:dyDescent="0.2">
      <c r="A97" s="31">
        <v>75</v>
      </c>
      <c r="B97" s="27">
        <v>23</v>
      </c>
      <c r="C97" s="28">
        <v>42</v>
      </c>
      <c r="D97" s="29">
        <v>65</v>
      </c>
    </row>
    <row r="98" spans="1:4" ht="18" customHeight="1" x14ac:dyDescent="0.2">
      <c r="A98" s="31">
        <v>76</v>
      </c>
      <c r="B98" s="27">
        <v>27</v>
      </c>
      <c r="C98" s="28">
        <v>28</v>
      </c>
      <c r="D98" s="29">
        <v>55</v>
      </c>
    </row>
    <row r="99" spans="1:4" ht="18" customHeight="1" x14ac:dyDescent="0.2">
      <c r="A99" s="31">
        <v>77</v>
      </c>
      <c r="B99" s="27">
        <v>27</v>
      </c>
      <c r="C99" s="28">
        <v>23</v>
      </c>
      <c r="D99" s="29">
        <v>50</v>
      </c>
    </row>
    <row r="100" spans="1:4" ht="18" customHeight="1" x14ac:dyDescent="0.2">
      <c r="A100" s="31">
        <v>78</v>
      </c>
      <c r="B100" s="27">
        <v>15</v>
      </c>
      <c r="C100" s="28">
        <v>29</v>
      </c>
      <c r="D100" s="29">
        <v>44</v>
      </c>
    </row>
    <row r="101" spans="1:4" ht="18" customHeight="1" x14ac:dyDescent="0.2">
      <c r="A101" s="31">
        <v>79</v>
      </c>
      <c r="B101" s="27">
        <v>25</v>
      </c>
      <c r="C101" s="28">
        <v>26</v>
      </c>
      <c r="D101" s="29">
        <v>51</v>
      </c>
    </row>
    <row r="102" spans="1:4" ht="18" customHeight="1" x14ac:dyDescent="0.2">
      <c r="A102" s="31" t="s">
        <v>65</v>
      </c>
      <c r="B102" s="27">
        <v>117</v>
      </c>
      <c r="C102" s="28">
        <v>148</v>
      </c>
      <c r="D102" s="29">
        <v>265</v>
      </c>
    </row>
    <row r="103" spans="1:4" ht="18" customHeight="1" x14ac:dyDescent="0.2">
      <c r="A103" s="31">
        <v>80</v>
      </c>
      <c r="B103" s="27">
        <v>14</v>
      </c>
      <c r="C103" s="28">
        <v>26</v>
      </c>
      <c r="D103" s="29">
        <v>40</v>
      </c>
    </row>
    <row r="104" spans="1:4" ht="18" customHeight="1" x14ac:dyDescent="0.2">
      <c r="A104" s="31">
        <v>81</v>
      </c>
      <c r="B104" s="27">
        <v>13</v>
      </c>
      <c r="C104" s="28">
        <v>15</v>
      </c>
      <c r="D104" s="29">
        <v>28</v>
      </c>
    </row>
    <row r="105" spans="1:4" ht="18" customHeight="1" x14ac:dyDescent="0.2">
      <c r="A105" s="31">
        <v>82</v>
      </c>
      <c r="B105" s="27">
        <v>13</v>
      </c>
      <c r="C105" s="28">
        <v>16</v>
      </c>
      <c r="D105" s="29">
        <v>29</v>
      </c>
    </row>
    <row r="106" spans="1:4" ht="18" customHeight="1" x14ac:dyDescent="0.2">
      <c r="A106" s="31">
        <v>83</v>
      </c>
      <c r="B106" s="27">
        <v>16</v>
      </c>
      <c r="C106" s="28">
        <v>23</v>
      </c>
      <c r="D106" s="29">
        <v>39</v>
      </c>
    </row>
    <row r="107" spans="1:4" ht="18" customHeight="1" x14ac:dyDescent="0.2">
      <c r="A107" s="31">
        <v>84</v>
      </c>
      <c r="B107" s="27">
        <v>9</v>
      </c>
      <c r="C107" s="28">
        <v>19</v>
      </c>
      <c r="D107" s="29">
        <v>28</v>
      </c>
    </row>
    <row r="108" spans="1:4" ht="18" customHeight="1" x14ac:dyDescent="0.2">
      <c r="A108" s="31" t="s">
        <v>66</v>
      </c>
      <c r="B108" s="27">
        <v>65</v>
      </c>
      <c r="C108" s="28">
        <v>99</v>
      </c>
      <c r="D108" s="29">
        <v>164</v>
      </c>
    </row>
    <row r="109" spans="1:4" ht="18" customHeight="1" x14ac:dyDescent="0.2">
      <c r="A109" s="31">
        <v>85</v>
      </c>
      <c r="B109" s="27">
        <v>11</v>
      </c>
      <c r="C109" s="28">
        <v>18</v>
      </c>
      <c r="D109" s="29">
        <v>29</v>
      </c>
    </row>
    <row r="110" spans="1:4" ht="18" customHeight="1" x14ac:dyDescent="0.2">
      <c r="A110" s="31">
        <v>86</v>
      </c>
      <c r="B110" s="27">
        <v>6</v>
      </c>
      <c r="C110" s="28">
        <v>21</v>
      </c>
      <c r="D110" s="29">
        <v>27</v>
      </c>
    </row>
    <row r="111" spans="1:4" ht="18" customHeight="1" x14ac:dyDescent="0.2">
      <c r="A111" s="31">
        <v>87</v>
      </c>
      <c r="B111" s="27">
        <v>5</v>
      </c>
      <c r="C111" s="28">
        <v>13</v>
      </c>
      <c r="D111" s="29">
        <v>18</v>
      </c>
    </row>
    <row r="112" spans="1:4" ht="18" customHeight="1" x14ac:dyDescent="0.2">
      <c r="A112" s="31">
        <v>88</v>
      </c>
      <c r="B112" s="27">
        <v>13</v>
      </c>
      <c r="C112" s="28">
        <v>7</v>
      </c>
      <c r="D112" s="29">
        <v>20</v>
      </c>
    </row>
    <row r="113" spans="1:4" ht="18" customHeight="1" x14ac:dyDescent="0.2">
      <c r="A113" s="31">
        <v>89</v>
      </c>
      <c r="B113" s="27">
        <v>8</v>
      </c>
      <c r="C113" s="28">
        <v>6</v>
      </c>
      <c r="D113" s="29">
        <v>14</v>
      </c>
    </row>
    <row r="114" spans="1:4" ht="18" customHeight="1" x14ac:dyDescent="0.2">
      <c r="A114" s="31" t="s">
        <v>67</v>
      </c>
      <c r="B114" s="27">
        <v>43</v>
      </c>
      <c r="C114" s="28">
        <v>65</v>
      </c>
      <c r="D114" s="29">
        <v>108</v>
      </c>
    </row>
    <row r="115" spans="1:4" ht="18" customHeight="1" x14ac:dyDescent="0.2">
      <c r="A115" s="31">
        <v>90</v>
      </c>
      <c r="B115" s="27">
        <v>0</v>
      </c>
      <c r="C115" s="28">
        <v>12</v>
      </c>
      <c r="D115" s="29">
        <v>12</v>
      </c>
    </row>
    <row r="116" spans="1:4" ht="18" customHeight="1" x14ac:dyDescent="0.2">
      <c r="A116" s="31">
        <v>91</v>
      </c>
      <c r="B116" s="27">
        <v>6</v>
      </c>
      <c r="C116" s="28">
        <v>11</v>
      </c>
      <c r="D116" s="29">
        <v>17</v>
      </c>
    </row>
    <row r="117" spans="1:4" ht="18" customHeight="1" x14ac:dyDescent="0.2">
      <c r="A117" s="31">
        <v>92</v>
      </c>
      <c r="B117" s="27">
        <v>2</v>
      </c>
      <c r="C117" s="28">
        <v>9</v>
      </c>
      <c r="D117" s="29">
        <v>11</v>
      </c>
    </row>
    <row r="118" spans="1:4" ht="18" customHeight="1" x14ac:dyDescent="0.2">
      <c r="A118" s="31">
        <v>93</v>
      </c>
      <c r="B118" s="27">
        <v>2</v>
      </c>
      <c r="C118" s="28">
        <v>11</v>
      </c>
      <c r="D118" s="29">
        <v>13</v>
      </c>
    </row>
    <row r="119" spans="1:4" ht="18" customHeight="1" x14ac:dyDescent="0.2">
      <c r="A119" s="31">
        <v>94</v>
      </c>
      <c r="B119" s="27">
        <v>3</v>
      </c>
      <c r="C119" s="28">
        <v>11</v>
      </c>
      <c r="D119" s="29">
        <v>14</v>
      </c>
    </row>
    <row r="120" spans="1:4" ht="18" customHeight="1" x14ac:dyDescent="0.2">
      <c r="A120" s="31" t="s">
        <v>68</v>
      </c>
      <c r="B120" s="27">
        <v>13</v>
      </c>
      <c r="C120" s="28">
        <v>54</v>
      </c>
      <c r="D120" s="29">
        <v>67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2</v>
      </c>
      <c r="C122" s="28">
        <v>4</v>
      </c>
      <c r="D122" s="29">
        <v>6</v>
      </c>
    </row>
    <row r="123" spans="1:4" ht="18" customHeight="1" x14ac:dyDescent="0.2">
      <c r="A123" s="31">
        <v>97</v>
      </c>
      <c r="B123" s="27">
        <v>2</v>
      </c>
      <c r="C123" s="28">
        <v>10</v>
      </c>
      <c r="D123" s="29">
        <v>1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5</v>
      </c>
      <c r="C126" s="28">
        <v>23</v>
      </c>
      <c r="D126" s="29">
        <v>2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596</v>
      </c>
      <c r="C130" s="5">
        <v>775</v>
      </c>
      <c r="D130" s="6">
        <v>1371</v>
      </c>
    </row>
    <row r="131" spans="1:4" ht="18" customHeight="1" x14ac:dyDescent="0.2">
      <c r="A131" s="33" t="s">
        <v>47</v>
      </c>
      <c r="B131" s="7">
        <v>2530</v>
      </c>
      <c r="C131" s="8">
        <v>2596</v>
      </c>
      <c r="D131" s="9">
        <v>512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7</v>
      </c>
      <c r="C7" s="28">
        <v>3</v>
      </c>
      <c r="D7" s="29">
        <v>10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5</v>
      </c>
      <c r="C9" s="38">
        <v>4</v>
      </c>
      <c r="D9" s="40">
        <v>9</v>
      </c>
    </row>
    <row r="10" spans="1:4" ht="18" customHeight="1" x14ac:dyDescent="0.2">
      <c r="A10" s="31" t="s">
        <v>48</v>
      </c>
      <c r="B10" s="27">
        <v>15</v>
      </c>
      <c r="C10" s="28">
        <v>11</v>
      </c>
      <c r="D10" s="29">
        <v>26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2</v>
      </c>
      <c r="C12" s="28">
        <v>4</v>
      </c>
      <c r="D12" s="29">
        <v>6</v>
      </c>
    </row>
    <row r="13" spans="1:4" ht="18" customHeight="1" x14ac:dyDescent="0.2">
      <c r="A13" s="31">
        <v>7</v>
      </c>
      <c r="B13" s="35">
        <v>6</v>
      </c>
      <c r="C13" s="28">
        <v>2</v>
      </c>
      <c r="D13" s="29">
        <v>8</v>
      </c>
    </row>
    <row r="14" spans="1:4" ht="18" customHeight="1" x14ac:dyDescent="0.2">
      <c r="A14" s="31">
        <v>8</v>
      </c>
      <c r="B14" s="35">
        <v>4</v>
      </c>
      <c r="C14" s="28">
        <v>4</v>
      </c>
      <c r="D14" s="29">
        <v>8</v>
      </c>
    </row>
    <row r="15" spans="1:4" ht="18" customHeight="1" x14ac:dyDescent="0.2">
      <c r="A15" s="31">
        <v>9</v>
      </c>
      <c r="B15" s="35">
        <v>4</v>
      </c>
      <c r="C15" s="28">
        <v>2</v>
      </c>
      <c r="D15" s="29">
        <v>6</v>
      </c>
    </row>
    <row r="16" spans="1:4" ht="18" customHeight="1" x14ac:dyDescent="0.2">
      <c r="A16" s="31" t="s">
        <v>49</v>
      </c>
      <c r="B16" s="27">
        <v>16</v>
      </c>
      <c r="C16" s="28">
        <v>12</v>
      </c>
      <c r="D16" s="29">
        <v>28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2</v>
      </c>
      <c r="C18" s="28">
        <v>3</v>
      </c>
      <c r="D18" s="29">
        <v>5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1</v>
      </c>
      <c r="C20" s="28">
        <v>2</v>
      </c>
      <c r="D20" s="29">
        <v>3</v>
      </c>
    </row>
    <row r="21" spans="1:4" ht="18" customHeight="1" x14ac:dyDescent="0.2">
      <c r="A21" s="31">
        <v>14</v>
      </c>
      <c r="B21" s="27">
        <v>5</v>
      </c>
      <c r="C21" s="28">
        <v>1</v>
      </c>
      <c r="D21" s="29">
        <v>6</v>
      </c>
    </row>
    <row r="22" spans="1:4" ht="18" customHeight="1" x14ac:dyDescent="0.2">
      <c r="A22" s="31" t="s">
        <v>50</v>
      </c>
      <c r="B22" s="27">
        <v>13</v>
      </c>
      <c r="C22" s="28">
        <v>12</v>
      </c>
      <c r="D22" s="29">
        <v>25</v>
      </c>
    </row>
    <row r="23" spans="1:4" ht="18" customHeight="1" x14ac:dyDescent="0.2">
      <c r="A23" s="31" t="s">
        <v>51</v>
      </c>
      <c r="B23" s="27">
        <v>44</v>
      </c>
      <c r="C23" s="28">
        <v>35</v>
      </c>
      <c r="D23" s="29">
        <v>79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1</v>
      </c>
      <c r="C26" s="28">
        <v>4</v>
      </c>
      <c r="D26" s="29">
        <v>5</v>
      </c>
    </row>
    <row r="27" spans="1:4" ht="18" customHeight="1" x14ac:dyDescent="0.2">
      <c r="A27" s="31">
        <v>18</v>
      </c>
      <c r="B27" s="27">
        <v>4</v>
      </c>
      <c r="C27" s="28">
        <v>5</v>
      </c>
      <c r="D27" s="29">
        <v>9</v>
      </c>
    </row>
    <row r="28" spans="1:4" ht="18" customHeight="1" x14ac:dyDescent="0.2">
      <c r="A28" s="31">
        <v>19</v>
      </c>
      <c r="B28" s="27">
        <v>6</v>
      </c>
      <c r="C28" s="28">
        <v>7</v>
      </c>
      <c r="D28" s="29">
        <v>13</v>
      </c>
    </row>
    <row r="29" spans="1:4" ht="18" customHeight="1" x14ac:dyDescent="0.2">
      <c r="A29" s="31" t="s">
        <v>52</v>
      </c>
      <c r="B29" s="27">
        <v>16</v>
      </c>
      <c r="C29" s="28">
        <v>22</v>
      </c>
      <c r="D29" s="29">
        <v>38</v>
      </c>
    </row>
    <row r="30" spans="1:4" ht="18" customHeight="1" x14ac:dyDescent="0.2">
      <c r="A30" s="31">
        <v>20</v>
      </c>
      <c r="B30" s="27">
        <v>13</v>
      </c>
      <c r="C30" s="28">
        <v>11</v>
      </c>
      <c r="D30" s="29">
        <v>24</v>
      </c>
    </row>
    <row r="31" spans="1:4" ht="18" customHeight="1" x14ac:dyDescent="0.2">
      <c r="A31" s="31">
        <v>21</v>
      </c>
      <c r="B31" s="27">
        <v>5</v>
      </c>
      <c r="C31" s="28">
        <v>15</v>
      </c>
      <c r="D31" s="29">
        <v>20</v>
      </c>
    </row>
    <row r="32" spans="1:4" ht="18" customHeight="1" x14ac:dyDescent="0.2">
      <c r="A32" s="31">
        <v>22</v>
      </c>
      <c r="B32" s="27">
        <v>4</v>
      </c>
      <c r="C32" s="28">
        <v>14</v>
      </c>
      <c r="D32" s="29">
        <v>18</v>
      </c>
    </row>
    <row r="33" spans="1:4" ht="18" customHeight="1" x14ac:dyDescent="0.2">
      <c r="A33" s="31">
        <v>23</v>
      </c>
      <c r="B33" s="27">
        <v>6</v>
      </c>
      <c r="C33" s="28">
        <v>7</v>
      </c>
      <c r="D33" s="29">
        <v>13</v>
      </c>
    </row>
    <row r="34" spans="1:4" ht="18" customHeight="1" x14ac:dyDescent="0.2">
      <c r="A34" s="31">
        <v>24</v>
      </c>
      <c r="B34" s="27">
        <v>6</v>
      </c>
      <c r="C34" s="28">
        <v>7</v>
      </c>
      <c r="D34" s="29">
        <v>13</v>
      </c>
    </row>
    <row r="35" spans="1:4" ht="18" customHeight="1" x14ac:dyDescent="0.2">
      <c r="A35" s="31" t="s">
        <v>53</v>
      </c>
      <c r="B35" s="27">
        <v>34</v>
      </c>
      <c r="C35" s="28">
        <v>54</v>
      </c>
      <c r="D35" s="29">
        <v>88</v>
      </c>
    </row>
    <row r="36" spans="1:4" ht="18" customHeight="1" x14ac:dyDescent="0.2">
      <c r="A36" s="31">
        <v>25</v>
      </c>
      <c r="B36" s="27">
        <v>3</v>
      </c>
      <c r="C36" s="28">
        <v>5</v>
      </c>
      <c r="D36" s="29">
        <v>8</v>
      </c>
    </row>
    <row r="37" spans="1:4" ht="18" customHeight="1" x14ac:dyDescent="0.2">
      <c r="A37" s="31">
        <v>26</v>
      </c>
      <c r="B37" s="27">
        <v>5</v>
      </c>
      <c r="C37" s="28">
        <v>2</v>
      </c>
      <c r="D37" s="29">
        <v>7</v>
      </c>
    </row>
    <row r="38" spans="1:4" ht="18" customHeight="1" x14ac:dyDescent="0.2">
      <c r="A38" s="31">
        <v>27</v>
      </c>
      <c r="B38" s="27">
        <v>3</v>
      </c>
      <c r="C38" s="28">
        <v>3</v>
      </c>
      <c r="D38" s="29">
        <v>6</v>
      </c>
    </row>
    <row r="39" spans="1:4" ht="18" customHeight="1" x14ac:dyDescent="0.2">
      <c r="A39" s="31">
        <v>28</v>
      </c>
      <c r="B39" s="27">
        <v>3</v>
      </c>
      <c r="C39" s="28">
        <v>2</v>
      </c>
      <c r="D39" s="29">
        <v>5</v>
      </c>
    </row>
    <row r="40" spans="1:4" ht="18" customHeight="1" x14ac:dyDescent="0.2">
      <c r="A40" s="31">
        <v>29</v>
      </c>
      <c r="B40" s="27">
        <v>6</v>
      </c>
      <c r="C40" s="28">
        <v>2</v>
      </c>
      <c r="D40" s="29">
        <v>8</v>
      </c>
    </row>
    <row r="41" spans="1:4" ht="18" customHeight="1" x14ac:dyDescent="0.2">
      <c r="A41" s="31" t="s">
        <v>54</v>
      </c>
      <c r="B41" s="27">
        <v>20</v>
      </c>
      <c r="C41" s="28">
        <v>14</v>
      </c>
      <c r="D41" s="29">
        <v>34</v>
      </c>
    </row>
    <row r="42" spans="1:4" ht="18" customHeight="1" x14ac:dyDescent="0.2">
      <c r="A42" s="31">
        <v>30</v>
      </c>
      <c r="B42" s="27">
        <v>6</v>
      </c>
      <c r="C42" s="28">
        <v>4</v>
      </c>
      <c r="D42" s="29">
        <v>10</v>
      </c>
    </row>
    <row r="43" spans="1:4" ht="18" customHeight="1" x14ac:dyDescent="0.2">
      <c r="A43" s="31">
        <v>31</v>
      </c>
      <c r="B43" s="27">
        <v>5</v>
      </c>
      <c r="C43" s="28">
        <v>0</v>
      </c>
      <c r="D43" s="29">
        <v>5</v>
      </c>
    </row>
    <row r="44" spans="1:4" ht="18" customHeight="1" x14ac:dyDescent="0.2">
      <c r="A44" s="31">
        <v>32</v>
      </c>
      <c r="B44" s="27">
        <v>8</v>
      </c>
      <c r="C44" s="28">
        <v>3</v>
      </c>
      <c r="D44" s="29">
        <v>11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1</v>
      </c>
      <c r="C46" s="28">
        <v>3</v>
      </c>
      <c r="D46" s="29">
        <v>4</v>
      </c>
    </row>
    <row r="47" spans="1:4" ht="18" customHeight="1" x14ac:dyDescent="0.2">
      <c r="A47" s="31" t="s">
        <v>55</v>
      </c>
      <c r="B47" s="27">
        <v>23</v>
      </c>
      <c r="C47" s="28">
        <v>12</v>
      </c>
      <c r="D47" s="29">
        <v>35</v>
      </c>
    </row>
    <row r="48" spans="1:4" ht="18" customHeight="1" x14ac:dyDescent="0.2">
      <c r="A48" s="31">
        <v>35</v>
      </c>
      <c r="B48" s="27">
        <v>1</v>
      </c>
      <c r="C48" s="28">
        <v>3</v>
      </c>
      <c r="D48" s="29">
        <v>4</v>
      </c>
    </row>
    <row r="49" spans="1:4" ht="18" customHeight="1" x14ac:dyDescent="0.2">
      <c r="A49" s="31">
        <v>36</v>
      </c>
      <c r="B49" s="27">
        <v>4</v>
      </c>
      <c r="C49" s="28">
        <v>7</v>
      </c>
      <c r="D49" s="29">
        <v>11</v>
      </c>
    </row>
    <row r="50" spans="1:4" ht="18" customHeight="1" x14ac:dyDescent="0.2">
      <c r="A50" s="31">
        <v>37</v>
      </c>
      <c r="B50" s="27">
        <v>4</v>
      </c>
      <c r="C50" s="28">
        <v>2</v>
      </c>
      <c r="D50" s="29">
        <v>6</v>
      </c>
    </row>
    <row r="51" spans="1:4" ht="18" customHeight="1" x14ac:dyDescent="0.2">
      <c r="A51" s="31">
        <v>38</v>
      </c>
      <c r="B51" s="27">
        <v>2</v>
      </c>
      <c r="C51" s="28">
        <v>4</v>
      </c>
      <c r="D51" s="29">
        <v>6</v>
      </c>
    </row>
    <row r="52" spans="1:4" ht="18" customHeight="1" x14ac:dyDescent="0.2">
      <c r="A52" s="31">
        <v>39</v>
      </c>
      <c r="B52" s="27">
        <v>1</v>
      </c>
      <c r="C52" s="28">
        <v>7</v>
      </c>
      <c r="D52" s="29">
        <v>8</v>
      </c>
    </row>
    <row r="53" spans="1:4" ht="18" customHeight="1" x14ac:dyDescent="0.2">
      <c r="A53" s="31" t="s">
        <v>56</v>
      </c>
      <c r="B53" s="27">
        <v>12</v>
      </c>
      <c r="C53" s="28">
        <v>23</v>
      </c>
      <c r="D53" s="29">
        <v>35</v>
      </c>
    </row>
    <row r="54" spans="1:4" ht="18" customHeight="1" x14ac:dyDescent="0.2">
      <c r="A54" s="31">
        <v>40</v>
      </c>
      <c r="B54" s="27">
        <v>4</v>
      </c>
      <c r="C54" s="28">
        <v>4</v>
      </c>
      <c r="D54" s="29">
        <v>8</v>
      </c>
    </row>
    <row r="55" spans="1:4" ht="18" customHeight="1" x14ac:dyDescent="0.2">
      <c r="A55" s="31">
        <v>41</v>
      </c>
      <c r="B55" s="27">
        <v>7</v>
      </c>
      <c r="C55" s="28">
        <v>2</v>
      </c>
      <c r="D55" s="29">
        <v>9</v>
      </c>
    </row>
    <row r="56" spans="1:4" ht="18" customHeight="1" x14ac:dyDescent="0.2">
      <c r="A56" s="31">
        <v>42</v>
      </c>
      <c r="B56" s="27">
        <v>4</v>
      </c>
      <c r="C56" s="28">
        <v>2</v>
      </c>
      <c r="D56" s="29">
        <v>6</v>
      </c>
    </row>
    <row r="57" spans="1:4" ht="18" customHeight="1" x14ac:dyDescent="0.2">
      <c r="A57" s="31">
        <v>43</v>
      </c>
      <c r="B57" s="27">
        <v>5</v>
      </c>
      <c r="C57" s="28">
        <v>8</v>
      </c>
      <c r="D57" s="29">
        <v>13</v>
      </c>
    </row>
    <row r="58" spans="1:4" ht="18" customHeight="1" x14ac:dyDescent="0.2">
      <c r="A58" s="31">
        <v>44</v>
      </c>
      <c r="B58" s="27">
        <v>5</v>
      </c>
      <c r="C58" s="28">
        <v>3</v>
      </c>
      <c r="D58" s="29">
        <v>8</v>
      </c>
    </row>
    <row r="59" spans="1:4" ht="18" customHeight="1" x14ac:dyDescent="0.2">
      <c r="A59" s="31" t="s">
        <v>57</v>
      </c>
      <c r="B59" s="27">
        <v>25</v>
      </c>
      <c r="C59" s="28">
        <v>19</v>
      </c>
      <c r="D59" s="29">
        <v>44</v>
      </c>
    </row>
    <row r="60" spans="1:4" ht="18" customHeight="1" x14ac:dyDescent="0.2">
      <c r="A60" s="31">
        <v>45</v>
      </c>
      <c r="B60" s="27">
        <v>7</v>
      </c>
      <c r="C60" s="28">
        <v>6</v>
      </c>
      <c r="D60" s="29">
        <v>13</v>
      </c>
    </row>
    <row r="61" spans="1:4" ht="18" customHeight="1" x14ac:dyDescent="0.2">
      <c r="A61" s="31">
        <v>46</v>
      </c>
      <c r="B61" s="27">
        <v>3</v>
      </c>
      <c r="C61" s="28">
        <v>7</v>
      </c>
      <c r="D61" s="29">
        <v>10</v>
      </c>
    </row>
    <row r="62" spans="1:4" ht="18" customHeight="1" x14ac:dyDescent="0.2">
      <c r="A62" s="31">
        <v>47</v>
      </c>
      <c r="B62" s="27">
        <v>4</v>
      </c>
      <c r="C62" s="28">
        <v>6</v>
      </c>
      <c r="D62" s="29">
        <v>10</v>
      </c>
    </row>
    <row r="63" spans="1:4" ht="18" customHeight="1" x14ac:dyDescent="0.2">
      <c r="A63" s="31">
        <v>48</v>
      </c>
      <c r="B63" s="27">
        <v>2</v>
      </c>
      <c r="C63" s="28">
        <v>4</v>
      </c>
      <c r="D63" s="29">
        <v>6</v>
      </c>
    </row>
    <row r="64" spans="1:4" ht="18" customHeight="1" x14ac:dyDescent="0.2">
      <c r="A64" s="31">
        <v>49</v>
      </c>
      <c r="B64" s="27">
        <v>4</v>
      </c>
      <c r="C64" s="28">
        <v>3</v>
      </c>
      <c r="D64" s="29">
        <v>7</v>
      </c>
    </row>
    <row r="65" spans="1:4" ht="18" customHeight="1" x14ac:dyDescent="0.2">
      <c r="A65" s="31" t="s">
        <v>58</v>
      </c>
      <c r="B65" s="27">
        <v>20</v>
      </c>
      <c r="C65" s="28">
        <v>26</v>
      </c>
      <c r="D65" s="29">
        <v>46</v>
      </c>
    </row>
    <row r="66" spans="1:4" ht="18" customHeight="1" x14ac:dyDescent="0.2">
      <c r="A66" s="31">
        <v>50</v>
      </c>
      <c r="B66" s="27">
        <v>8</v>
      </c>
      <c r="C66" s="28">
        <v>5</v>
      </c>
      <c r="D66" s="29">
        <v>13</v>
      </c>
    </row>
    <row r="67" spans="1:4" ht="18" customHeight="1" x14ac:dyDescent="0.2">
      <c r="A67" s="31">
        <v>51</v>
      </c>
      <c r="B67" s="27">
        <v>6</v>
      </c>
      <c r="C67" s="28">
        <v>10</v>
      </c>
      <c r="D67" s="29">
        <v>16</v>
      </c>
    </row>
    <row r="68" spans="1:4" ht="18" customHeight="1" x14ac:dyDescent="0.2">
      <c r="A68" s="31">
        <v>52</v>
      </c>
      <c r="B68" s="27">
        <v>5</v>
      </c>
      <c r="C68" s="28">
        <v>8</v>
      </c>
      <c r="D68" s="29">
        <v>13</v>
      </c>
    </row>
    <row r="69" spans="1:4" ht="18" customHeight="1" x14ac:dyDescent="0.2">
      <c r="A69" s="31">
        <v>53</v>
      </c>
      <c r="B69" s="27">
        <v>2</v>
      </c>
      <c r="C69" s="28">
        <v>4</v>
      </c>
      <c r="D69" s="29">
        <v>6</v>
      </c>
    </row>
    <row r="70" spans="1:4" ht="18" customHeight="1" x14ac:dyDescent="0.2">
      <c r="A70" s="31">
        <v>54</v>
      </c>
      <c r="B70" s="27">
        <v>9</v>
      </c>
      <c r="C70" s="28">
        <v>6</v>
      </c>
      <c r="D70" s="29">
        <v>15</v>
      </c>
    </row>
    <row r="71" spans="1:4" ht="18" customHeight="1" x14ac:dyDescent="0.2">
      <c r="A71" s="31" t="s">
        <v>59</v>
      </c>
      <c r="B71" s="27">
        <v>30</v>
      </c>
      <c r="C71" s="28">
        <v>33</v>
      </c>
      <c r="D71" s="29">
        <v>63</v>
      </c>
    </row>
    <row r="72" spans="1:4" ht="18" customHeight="1" x14ac:dyDescent="0.2">
      <c r="A72" s="31">
        <v>55</v>
      </c>
      <c r="B72" s="27">
        <v>3</v>
      </c>
      <c r="C72" s="28">
        <v>5</v>
      </c>
      <c r="D72" s="29">
        <v>8</v>
      </c>
    </row>
    <row r="73" spans="1:4" ht="18" customHeight="1" x14ac:dyDescent="0.2">
      <c r="A73" s="31">
        <v>56</v>
      </c>
      <c r="B73" s="27">
        <v>7</v>
      </c>
      <c r="C73" s="28">
        <v>8</v>
      </c>
      <c r="D73" s="29">
        <v>15</v>
      </c>
    </row>
    <row r="74" spans="1:4" ht="18" customHeight="1" x14ac:dyDescent="0.2">
      <c r="A74" s="31">
        <v>57</v>
      </c>
      <c r="B74" s="27">
        <v>10</v>
      </c>
      <c r="C74" s="28">
        <v>5</v>
      </c>
      <c r="D74" s="29">
        <v>15</v>
      </c>
    </row>
    <row r="75" spans="1:4" ht="18" customHeight="1" x14ac:dyDescent="0.2">
      <c r="A75" s="31">
        <v>58</v>
      </c>
      <c r="B75" s="27">
        <v>5</v>
      </c>
      <c r="C75" s="28">
        <v>10</v>
      </c>
      <c r="D75" s="29">
        <v>15</v>
      </c>
    </row>
    <row r="76" spans="1:4" ht="18" customHeight="1" x14ac:dyDescent="0.2">
      <c r="A76" s="31">
        <v>59</v>
      </c>
      <c r="B76" s="27">
        <v>9</v>
      </c>
      <c r="C76" s="28">
        <v>6</v>
      </c>
      <c r="D76" s="29">
        <v>15</v>
      </c>
    </row>
    <row r="77" spans="1:4" ht="18" customHeight="1" x14ac:dyDescent="0.2">
      <c r="A77" s="31" t="s">
        <v>60</v>
      </c>
      <c r="B77" s="27">
        <v>34</v>
      </c>
      <c r="C77" s="28">
        <v>34</v>
      </c>
      <c r="D77" s="29">
        <v>68</v>
      </c>
    </row>
    <row r="78" spans="1:4" ht="18" customHeight="1" x14ac:dyDescent="0.2">
      <c r="A78" s="31">
        <v>60</v>
      </c>
      <c r="B78" s="27">
        <v>12</v>
      </c>
      <c r="C78" s="28">
        <v>5</v>
      </c>
      <c r="D78" s="29">
        <v>17</v>
      </c>
    </row>
    <row r="79" spans="1:4" ht="18" customHeight="1" x14ac:dyDescent="0.2">
      <c r="A79" s="31">
        <v>61</v>
      </c>
      <c r="B79" s="27">
        <v>4</v>
      </c>
      <c r="C79" s="28">
        <v>5</v>
      </c>
      <c r="D79" s="29">
        <v>9</v>
      </c>
    </row>
    <row r="80" spans="1:4" ht="18" customHeight="1" x14ac:dyDescent="0.2">
      <c r="A80" s="31">
        <v>62</v>
      </c>
      <c r="B80" s="27">
        <v>8</v>
      </c>
      <c r="C80" s="28">
        <v>6</v>
      </c>
      <c r="D80" s="29">
        <v>14</v>
      </c>
    </row>
    <row r="81" spans="1:4" ht="18" customHeight="1" x14ac:dyDescent="0.2">
      <c r="A81" s="31">
        <v>63</v>
      </c>
      <c r="B81" s="27">
        <v>9</v>
      </c>
      <c r="C81" s="28">
        <v>4</v>
      </c>
      <c r="D81" s="29">
        <v>13</v>
      </c>
    </row>
    <row r="82" spans="1:4" ht="18" customHeight="1" x14ac:dyDescent="0.2">
      <c r="A82" s="31">
        <v>64</v>
      </c>
      <c r="B82" s="27">
        <v>7</v>
      </c>
      <c r="C82" s="28">
        <v>3</v>
      </c>
      <c r="D82" s="29">
        <v>10</v>
      </c>
    </row>
    <row r="83" spans="1:4" ht="18" customHeight="1" x14ac:dyDescent="0.2">
      <c r="A83" s="31" t="s">
        <v>61</v>
      </c>
      <c r="B83" s="27">
        <v>40</v>
      </c>
      <c r="C83" s="28">
        <v>23</v>
      </c>
      <c r="D83" s="29">
        <v>63</v>
      </c>
    </row>
    <row r="84" spans="1:4" ht="18" customHeight="1" x14ac:dyDescent="0.2">
      <c r="A84" s="31" t="s">
        <v>62</v>
      </c>
      <c r="B84" s="27">
        <v>254</v>
      </c>
      <c r="C84" s="28">
        <v>260</v>
      </c>
      <c r="D84" s="29">
        <v>514</v>
      </c>
    </row>
    <row r="85" spans="1:4" ht="18" customHeight="1" x14ac:dyDescent="0.2">
      <c r="A85" s="31">
        <v>65</v>
      </c>
      <c r="B85" s="27">
        <v>9</v>
      </c>
      <c r="C85" s="28">
        <v>7</v>
      </c>
      <c r="D85" s="29">
        <v>16</v>
      </c>
    </row>
    <row r="86" spans="1:4" ht="18" customHeight="1" x14ac:dyDescent="0.2">
      <c r="A86" s="31">
        <v>66</v>
      </c>
      <c r="B86" s="27">
        <v>6</v>
      </c>
      <c r="C86" s="28">
        <v>9</v>
      </c>
      <c r="D86" s="29">
        <v>15</v>
      </c>
    </row>
    <row r="87" spans="1:4" ht="18" customHeight="1" x14ac:dyDescent="0.2">
      <c r="A87" s="31">
        <v>67</v>
      </c>
      <c r="B87" s="27">
        <v>8</v>
      </c>
      <c r="C87" s="28">
        <v>3</v>
      </c>
      <c r="D87" s="29">
        <v>11</v>
      </c>
    </row>
    <row r="88" spans="1:4" ht="18" customHeight="1" x14ac:dyDescent="0.2">
      <c r="A88" s="31">
        <v>68</v>
      </c>
      <c r="B88" s="27">
        <v>9</v>
      </c>
      <c r="C88" s="28">
        <v>9</v>
      </c>
      <c r="D88" s="29">
        <v>18</v>
      </c>
    </row>
    <row r="89" spans="1:4" ht="18" customHeight="1" x14ac:dyDescent="0.2">
      <c r="A89" s="31">
        <v>69</v>
      </c>
      <c r="B89" s="27">
        <v>10</v>
      </c>
      <c r="C89" s="28">
        <v>14</v>
      </c>
      <c r="D89" s="29">
        <v>24</v>
      </c>
    </row>
    <row r="90" spans="1:4" ht="18" customHeight="1" x14ac:dyDescent="0.2">
      <c r="A90" s="31" t="s">
        <v>63</v>
      </c>
      <c r="B90" s="27">
        <v>42</v>
      </c>
      <c r="C90" s="28">
        <v>42</v>
      </c>
      <c r="D90" s="29">
        <v>84</v>
      </c>
    </row>
    <row r="91" spans="1:4" ht="18" customHeight="1" x14ac:dyDescent="0.2">
      <c r="A91" s="31">
        <v>70</v>
      </c>
      <c r="B91" s="27">
        <v>10</v>
      </c>
      <c r="C91" s="28">
        <v>6</v>
      </c>
      <c r="D91" s="29">
        <v>16</v>
      </c>
    </row>
    <row r="92" spans="1:4" ht="18" customHeight="1" x14ac:dyDescent="0.2">
      <c r="A92" s="31">
        <v>71</v>
      </c>
      <c r="B92" s="27">
        <v>4</v>
      </c>
      <c r="C92" s="28">
        <v>8</v>
      </c>
      <c r="D92" s="29">
        <v>12</v>
      </c>
    </row>
    <row r="93" spans="1:4" ht="18" customHeight="1" x14ac:dyDescent="0.2">
      <c r="A93" s="31">
        <v>72</v>
      </c>
      <c r="B93" s="27">
        <v>12</v>
      </c>
      <c r="C93" s="28">
        <v>14</v>
      </c>
      <c r="D93" s="29">
        <v>26</v>
      </c>
    </row>
    <row r="94" spans="1:4" ht="18" customHeight="1" x14ac:dyDescent="0.2">
      <c r="A94" s="31">
        <v>73</v>
      </c>
      <c r="B94" s="27">
        <v>7</v>
      </c>
      <c r="C94" s="28">
        <v>5</v>
      </c>
      <c r="D94" s="29">
        <v>12</v>
      </c>
    </row>
    <row r="95" spans="1:4" ht="18" customHeight="1" x14ac:dyDescent="0.2">
      <c r="A95" s="31">
        <v>74</v>
      </c>
      <c r="B95" s="27">
        <v>2</v>
      </c>
      <c r="C95" s="28">
        <v>6</v>
      </c>
      <c r="D95" s="29">
        <v>8</v>
      </c>
    </row>
    <row r="96" spans="1:4" ht="18" customHeight="1" x14ac:dyDescent="0.2">
      <c r="A96" s="31" t="s">
        <v>64</v>
      </c>
      <c r="B96" s="27">
        <v>35</v>
      </c>
      <c r="C96" s="28">
        <v>39</v>
      </c>
      <c r="D96" s="29">
        <v>74</v>
      </c>
    </row>
    <row r="97" spans="1:4" ht="18" customHeight="1" x14ac:dyDescent="0.2">
      <c r="A97" s="31">
        <v>75</v>
      </c>
      <c r="B97" s="27">
        <v>6</v>
      </c>
      <c r="C97" s="28">
        <v>6</v>
      </c>
      <c r="D97" s="29">
        <v>12</v>
      </c>
    </row>
    <row r="98" spans="1:4" ht="18" customHeight="1" x14ac:dyDescent="0.2">
      <c r="A98" s="31">
        <v>76</v>
      </c>
      <c r="B98" s="27">
        <v>9</v>
      </c>
      <c r="C98" s="28">
        <v>8</v>
      </c>
      <c r="D98" s="29">
        <v>17</v>
      </c>
    </row>
    <row r="99" spans="1:4" ht="18" customHeight="1" x14ac:dyDescent="0.2">
      <c r="A99" s="31">
        <v>77</v>
      </c>
      <c r="B99" s="27">
        <v>7</v>
      </c>
      <c r="C99" s="28">
        <v>7</v>
      </c>
      <c r="D99" s="29">
        <v>14</v>
      </c>
    </row>
    <row r="100" spans="1:4" ht="18" customHeight="1" x14ac:dyDescent="0.2">
      <c r="A100" s="31">
        <v>78</v>
      </c>
      <c r="B100" s="27">
        <v>8</v>
      </c>
      <c r="C100" s="28">
        <v>6</v>
      </c>
      <c r="D100" s="29">
        <v>14</v>
      </c>
    </row>
    <row r="101" spans="1:4" ht="18" customHeight="1" x14ac:dyDescent="0.2">
      <c r="A101" s="31">
        <v>79</v>
      </c>
      <c r="B101" s="27">
        <v>4</v>
      </c>
      <c r="C101" s="28">
        <v>4</v>
      </c>
      <c r="D101" s="29">
        <v>8</v>
      </c>
    </row>
    <row r="102" spans="1:4" ht="18" customHeight="1" x14ac:dyDescent="0.2">
      <c r="A102" s="31" t="s">
        <v>65</v>
      </c>
      <c r="B102" s="27">
        <v>34</v>
      </c>
      <c r="C102" s="28">
        <v>31</v>
      </c>
      <c r="D102" s="29">
        <v>65</v>
      </c>
    </row>
    <row r="103" spans="1:4" ht="18" customHeight="1" x14ac:dyDescent="0.2">
      <c r="A103" s="31">
        <v>80</v>
      </c>
      <c r="B103" s="27">
        <v>4</v>
      </c>
      <c r="C103" s="28">
        <v>9</v>
      </c>
      <c r="D103" s="29">
        <v>13</v>
      </c>
    </row>
    <row r="104" spans="1:4" ht="18" customHeight="1" x14ac:dyDescent="0.2">
      <c r="A104" s="31">
        <v>81</v>
      </c>
      <c r="B104" s="27">
        <v>6</v>
      </c>
      <c r="C104" s="28">
        <v>14</v>
      </c>
      <c r="D104" s="29">
        <v>20</v>
      </c>
    </row>
    <row r="105" spans="1:4" ht="18" customHeight="1" x14ac:dyDescent="0.2">
      <c r="A105" s="31">
        <v>82</v>
      </c>
      <c r="B105" s="27">
        <v>3</v>
      </c>
      <c r="C105" s="28">
        <v>9</v>
      </c>
      <c r="D105" s="29">
        <v>12</v>
      </c>
    </row>
    <row r="106" spans="1:4" ht="18" customHeight="1" x14ac:dyDescent="0.2">
      <c r="A106" s="31">
        <v>83</v>
      </c>
      <c r="B106" s="27">
        <v>2</v>
      </c>
      <c r="C106" s="28">
        <v>11</v>
      </c>
      <c r="D106" s="29">
        <v>13</v>
      </c>
    </row>
    <row r="107" spans="1:4" ht="18" customHeight="1" x14ac:dyDescent="0.2">
      <c r="A107" s="31">
        <v>84</v>
      </c>
      <c r="B107" s="27">
        <v>6</v>
      </c>
      <c r="C107" s="28">
        <v>4</v>
      </c>
      <c r="D107" s="29">
        <v>10</v>
      </c>
    </row>
    <row r="108" spans="1:4" ht="18" customHeight="1" x14ac:dyDescent="0.2">
      <c r="A108" s="31" t="s">
        <v>66</v>
      </c>
      <c r="B108" s="27">
        <v>21</v>
      </c>
      <c r="C108" s="28">
        <v>47</v>
      </c>
      <c r="D108" s="29">
        <v>68</v>
      </c>
    </row>
    <row r="109" spans="1:4" ht="18" customHeight="1" x14ac:dyDescent="0.2">
      <c r="A109" s="31">
        <v>85</v>
      </c>
      <c r="B109" s="27">
        <v>3</v>
      </c>
      <c r="C109" s="28">
        <v>2</v>
      </c>
      <c r="D109" s="29">
        <v>5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4</v>
      </c>
      <c r="D111" s="29">
        <v>5</v>
      </c>
    </row>
    <row r="112" spans="1:4" ht="18" customHeight="1" x14ac:dyDescent="0.2">
      <c r="A112" s="31">
        <v>88</v>
      </c>
      <c r="B112" s="27">
        <v>0</v>
      </c>
      <c r="C112" s="28">
        <v>3</v>
      </c>
      <c r="D112" s="29">
        <v>3</v>
      </c>
    </row>
    <row r="113" spans="1:4" ht="18" customHeight="1" x14ac:dyDescent="0.2">
      <c r="A113" s="31">
        <v>89</v>
      </c>
      <c r="B113" s="27">
        <v>3</v>
      </c>
      <c r="C113" s="28">
        <v>3</v>
      </c>
      <c r="D113" s="29">
        <v>6</v>
      </c>
    </row>
    <row r="114" spans="1:4" ht="18" customHeight="1" x14ac:dyDescent="0.2">
      <c r="A114" s="31" t="s">
        <v>67</v>
      </c>
      <c r="B114" s="27">
        <v>9</v>
      </c>
      <c r="C114" s="28">
        <v>17</v>
      </c>
      <c r="D114" s="29">
        <v>26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2</v>
      </c>
      <c r="C116" s="28">
        <v>2</v>
      </c>
      <c r="D116" s="29">
        <v>4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6</v>
      </c>
      <c r="C120" s="28">
        <v>14</v>
      </c>
      <c r="D120" s="29">
        <v>2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47</v>
      </c>
      <c r="C130" s="5">
        <v>197</v>
      </c>
      <c r="D130" s="6">
        <v>344</v>
      </c>
    </row>
    <row r="131" spans="1:4" ht="18" customHeight="1" x14ac:dyDescent="0.2">
      <c r="A131" s="33" t="s">
        <v>47</v>
      </c>
      <c r="B131" s="7">
        <v>445</v>
      </c>
      <c r="C131" s="8">
        <v>492</v>
      </c>
      <c r="D131" s="9">
        <v>9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13</v>
      </c>
      <c r="D5" s="39">
        <v>29</v>
      </c>
    </row>
    <row r="6" spans="1:4" ht="18" customHeight="1" x14ac:dyDescent="0.2">
      <c r="A6" s="31">
        <v>1</v>
      </c>
      <c r="B6" s="35">
        <v>21</v>
      </c>
      <c r="C6" s="28">
        <v>25</v>
      </c>
      <c r="D6" s="29">
        <v>46</v>
      </c>
    </row>
    <row r="7" spans="1:4" ht="18" customHeight="1" x14ac:dyDescent="0.2">
      <c r="A7" s="31">
        <v>2</v>
      </c>
      <c r="B7" s="35">
        <v>29</v>
      </c>
      <c r="C7" s="28">
        <v>23</v>
      </c>
      <c r="D7" s="29">
        <v>52</v>
      </c>
    </row>
    <row r="8" spans="1:4" ht="18" customHeight="1" x14ac:dyDescent="0.2">
      <c r="A8" s="31">
        <v>3</v>
      </c>
      <c r="B8" s="35">
        <v>32</v>
      </c>
      <c r="C8" s="28">
        <v>26</v>
      </c>
      <c r="D8" s="29">
        <v>58</v>
      </c>
    </row>
    <row r="9" spans="1:4" ht="18" customHeight="1" x14ac:dyDescent="0.2">
      <c r="A9" s="31">
        <v>4</v>
      </c>
      <c r="B9" s="36">
        <v>28</v>
      </c>
      <c r="C9" s="38">
        <v>26</v>
      </c>
      <c r="D9" s="40">
        <v>54</v>
      </c>
    </row>
    <row r="10" spans="1:4" ht="18" customHeight="1" x14ac:dyDescent="0.2">
      <c r="A10" s="31" t="s">
        <v>48</v>
      </c>
      <c r="B10" s="27">
        <v>126</v>
      </c>
      <c r="C10" s="28">
        <v>113</v>
      </c>
      <c r="D10" s="29">
        <v>239</v>
      </c>
    </row>
    <row r="11" spans="1:4" ht="18" customHeight="1" x14ac:dyDescent="0.2">
      <c r="A11" s="31">
        <v>5</v>
      </c>
      <c r="B11" s="35">
        <v>34</v>
      </c>
      <c r="C11" s="28">
        <v>24</v>
      </c>
      <c r="D11" s="29">
        <v>58</v>
      </c>
    </row>
    <row r="12" spans="1:4" ht="18" customHeight="1" x14ac:dyDescent="0.2">
      <c r="A12" s="31">
        <v>6</v>
      </c>
      <c r="B12" s="35">
        <v>25</v>
      </c>
      <c r="C12" s="28">
        <v>28</v>
      </c>
      <c r="D12" s="29">
        <v>53</v>
      </c>
    </row>
    <row r="13" spans="1:4" ht="18" customHeight="1" x14ac:dyDescent="0.2">
      <c r="A13" s="31">
        <v>7</v>
      </c>
      <c r="B13" s="35">
        <v>37</v>
      </c>
      <c r="C13" s="28">
        <v>30</v>
      </c>
      <c r="D13" s="29">
        <v>67</v>
      </c>
    </row>
    <row r="14" spans="1:4" ht="18" customHeight="1" x14ac:dyDescent="0.2">
      <c r="A14" s="31">
        <v>8</v>
      </c>
      <c r="B14" s="35">
        <v>35</v>
      </c>
      <c r="C14" s="28">
        <v>33</v>
      </c>
      <c r="D14" s="29">
        <v>68</v>
      </c>
    </row>
    <row r="15" spans="1:4" ht="18" customHeight="1" x14ac:dyDescent="0.2">
      <c r="A15" s="31">
        <v>9</v>
      </c>
      <c r="B15" s="35">
        <v>38</v>
      </c>
      <c r="C15" s="28">
        <v>22</v>
      </c>
      <c r="D15" s="29">
        <v>60</v>
      </c>
    </row>
    <row r="16" spans="1:4" ht="18" customHeight="1" x14ac:dyDescent="0.2">
      <c r="A16" s="31" t="s">
        <v>49</v>
      </c>
      <c r="B16" s="27">
        <v>169</v>
      </c>
      <c r="C16" s="28">
        <v>137</v>
      </c>
      <c r="D16" s="29">
        <v>306</v>
      </c>
    </row>
    <row r="17" spans="1:4" ht="18" customHeight="1" x14ac:dyDescent="0.2">
      <c r="A17" s="31">
        <v>10</v>
      </c>
      <c r="B17" s="27">
        <v>38</v>
      </c>
      <c r="C17" s="28">
        <v>33</v>
      </c>
      <c r="D17" s="29">
        <v>71</v>
      </c>
    </row>
    <row r="18" spans="1:4" ht="18" customHeight="1" x14ac:dyDescent="0.2">
      <c r="A18" s="31">
        <v>11</v>
      </c>
      <c r="B18" s="27">
        <v>40</v>
      </c>
      <c r="C18" s="28">
        <v>37</v>
      </c>
      <c r="D18" s="29">
        <v>77</v>
      </c>
    </row>
    <row r="19" spans="1:4" ht="18" customHeight="1" x14ac:dyDescent="0.2">
      <c r="A19" s="31">
        <v>12</v>
      </c>
      <c r="B19" s="27">
        <v>36</v>
      </c>
      <c r="C19" s="28">
        <v>44</v>
      </c>
      <c r="D19" s="29">
        <v>80</v>
      </c>
    </row>
    <row r="20" spans="1:4" ht="18" customHeight="1" x14ac:dyDescent="0.2">
      <c r="A20" s="31">
        <v>13</v>
      </c>
      <c r="B20" s="27">
        <v>42</v>
      </c>
      <c r="C20" s="28">
        <v>37</v>
      </c>
      <c r="D20" s="29">
        <v>79</v>
      </c>
    </row>
    <row r="21" spans="1:4" ht="18" customHeight="1" x14ac:dyDescent="0.2">
      <c r="A21" s="31">
        <v>14</v>
      </c>
      <c r="B21" s="27">
        <v>57</v>
      </c>
      <c r="C21" s="28">
        <v>45</v>
      </c>
      <c r="D21" s="29">
        <v>102</v>
      </c>
    </row>
    <row r="22" spans="1:4" ht="18" customHeight="1" x14ac:dyDescent="0.2">
      <c r="A22" s="31" t="s">
        <v>50</v>
      </c>
      <c r="B22" s="27">
        <v>213</v>
      </c>
      <c r="C22" s="28">
        <v>196</v>
      </c>
      <c r="D22" s="29">
        <v>409</v>
      </c>
    </row>
    <row r="23" spans="1:4" ht="18" customHeight="1" x14ac:dyDescent="0.2">
      <c r="A23" s="31" t="s">
        <v>51</v>
      </c>
      <c r="B23" s="27">
        <v>508</v>
      </c>
      <c r="C23" s="28">
        <v>446</v>
      </c>
      <c r="D23" s="29">
        <v>954</v>
      </c>
    </row>
    <row r="24" spans="1:4" ht="18" customHeight="1" x14ac:dyDescent="0.2">
      <c r="A24" s="31">
        <v>15</v>
      </c>
      <c r="B24" s="27">
        <v>45</v>
      </c>
      <c r="C24" s="28">
        <v>49</v>
      </c>
      <c r="D24" s="29">
        <v>94</v>
      </c>
    </row>
    <row r="25" spans="1:4" ht="18" customHeight="1" x14ac:dyDescent="0.2">
      <c r="A25" s="31">
        <v>16</v>
      </c>
      <c r="B25" s="27">
        <v>46</v>
      </c>
      <c r="C25" s="28">
        <v>52</v>
      </c>
      <c r="D25" s="29">
        <v>98</v>
      </c>
    </row>
    <row r="26" spans="1:4" ht="18" customHeight="1" x14ac:dyDescent="0.2">
      <c r="A26" s="31">
        <v>17</v>
      </c>
      <c r="B26" s="27">
        <v>51</v>
      </c>
      <c r="C26" s="28">
        <v>63</v>
      </c>
      <c r="D26" s="29">
        <v>114</v>
      </c>
    </row>
    <row r="27" spans="1:4" ht="18" customHeight="1" x14ac:dyDescent="0.2">
      <c r="A27" s="31">
        <v>18</v>
      </c>
      <c r="B27" s="27">
        <v>53</v>
      </c>
      <c r="C27" s="28">
        <v>50</v>
      </c>
      <c r="D27" s="29">
        <v>103</v>
      </c>
    </row>
    <row r="28" spans="1:4" ht="18" customHeight="1" x14ac:dyDescent="0.2">
      <c r="A28" s="31">
        <v>19</v>
      </c>
      <c r="B28" s="27">
        <v>50</v>
      </c>
      <c r="C28" s="28">
        <v>46</v>
      </c>
      <c r="D28" s="29">
        <v>96</v>
      </c>
    </row>
    <row r="29" spans="1:4" ht="18" customHeight="1" x14ac:dyDescent="0.2">
      <c r="A29" s="31" t="s">
        <v>52</v>
      </c>
      <c r="B29" s="27">
        <v>245</v>
      </c>
      <c r="C29" s="28">
        <v>260</v>
      </c>
      <c r="D29" s="29">
        <v>505</v>
      </c>
    </row>
    <row r="30" spans="1:4" ht="18" customHeight="1" x14ac:dyDescent="0.2">
      <c r="A30" s="31">
        <v>20</v>
      </c>
      <c r="B30" s="27">
        <v>73</v>
      </c>
      <c r="C30" s="28">
        <v>60</v>
      </c>
      <c r="D30" s="29">
        <v>133</v>
      </c>
    </row>
    <row r="31" spans="1:4" ht="18" customHeight="1" x14ac:dyDescent="0.2">
      <c r="A31" s="31">
        <v>21</v>
      </c>
      <c r="B31" s="27">
        <v>46</v>
      </c>
      <c r="C31" s="28">
        <v>62</v>
      </c>
      <c r="D31" s="29">
        <v>108</v>
      </c>
    </row>
    <row r="32" spans="1:4" ht="18" customHeight="1" x14ac:dyDescent="0.2">
      <c r="A32" s="31">
        <v>22</v>
      </c>
      <c r="B32" s="27">
        <v>58</v>
      </c>
      <c r="C32" s="28">
        <v>55</v>
      </c>
      <c r="D32" s="29">
        <v>113</v>
      </c>
    </row>
    <row r="33" spans="1:4" ht="18" customHeight="1" x14ac:dyDescent="0.2">
      <c r="A33" s="31">
        <v>23</v>
      </c>
      <c r="B33" s="27">
        <v>61</v>
      </c>
      <c r="C33" s="28">
        <v>41</v>
      </c>
      <c r="D33" s="29">
        <v>102</v>
      </c>
    </row>
    <row r="34" spans="1:4" ht="18" customHeight="1" x14ac:dyDescent="0.2">
      <c r="A34" s="31">
        <v>24</v>
      </c>
      <c r="B34" s="27">
        <v>54</v>
      </c>
      <c r="C34" s="28">
        <v>53</v>
      </c>
      <c r="D34" s="29">
        <v>107</v>
      </c>
    </row>
    <row r="35" spans="1:4" ht="18" customHeight="1" x14ac:dyDescent="0.2">
      <c r="A35" s="31" t="s">
        <v>53</v>
      </c>
      <c r="B35" s="27">
        <v>292</v>
      </c>
      <c r="C35" s="28">
        <v>271</v>
      </c>
      <c r="D35" s="29">
        <v>563</v>
      </c>
    </row>
    <row r="36" spans="1:4" ht="18" customHeight="1" x14ac:dyDescent="0.2">
      <c r="A36" s="31">
        <v>25</v>
      </c>
      <c r="B36" s="27">
        <v>48</v>
      </c>
      <c r="C36" s="28">
        <v>37</v>
      </c>
      <c r="D36" s="29">
        <v>85</v>
      </c>
    </row>
    <row r="37" spans="1:4" ht="18" customHeight="1" x14ac:dyDescent="0.2">
      <c r="A37" s="31">
        <v>26</v>
      </c>
      <c r="B37" s="27">
        <v>55</v>
      </c>
      <c r="C37" s="28">
        <v>33</v>
      </c>
      <c r="D37" s="29">
        <v>88</v>
      </c>
    </row>
    <row r="38" spans="1:4" ht="18" customHeight="1" x14ac:dyDescent="0.2">
      <c r="A38" s="31">
        <v>27</v>
      </c>
      <c r="B38" s="27">
        <v>31</v>
      </c>
      <c r="C38" s="28">
        <v>35</v>
      </c>
      <c r="D38" s="29">
        <v>66</v>
      </c>
    </row>
    <row r="39" spans="1:4" ht="18" customHeight="1" x14ac:dyDescent="0.2">
      <c r="A39" s="31">
        <v>28</v>
      </c>
      <c r="B39" s="27">
        <v>29</v>
      </c>
      <c r="C39" s="28">
        <v>24</v>
      </c>
      <c r="D39" s="29">
        <v>53</v>
      </c>
    </row>
    <row r="40" spans="1:4" ht="18" customHeight="1" x14ac:dyDescent="0.2">
      <c r="A40" s="31">
        <v>29</v>
      </c>
      <c r="B40" s="27">
        <v>26</v>
      </c>
      <c r="C40" s="28">
        <v>28</v>
      </c>
      <c r="D40" s="29">
        <v>54</v>
      </c>
    </row>
    <row r="41" spans="1:4" ht="18" customHeight="1" x14ac:dyDescent="0.2">
      <c r="A41" s="31" t="s">
        <v>54</v>
      </c>
      <c r="B41" s="27">
        <v>189</v>
      </c>
      <c r="C41" s="28">
        <v>157</v>
      </c>
      <c r="D41" s="29">
        <v>346</v>
      </c>
    </row>
    <row r="42" spans="1:4" ht="18" customHeight="1" x14ac:dyDescent="0.2">
      <c r="A42" s="31">
        <v>30</v>
      </c>
      <c r="B42" s="27">
        <v>45</v>
      </c>
      <c r="C42" s="28">
        <v>31</v>
      </c>
      <c r="D42" s="29">
        <v>76</v>
      </c>
    </row>
    <row r="43" spans="1:4" ht="18" customHeight="1" x14ac:dyDescent="0.2">
      <c r="A43" s="31">
        <v>31</v>
      </c>
      <c r="B43" s="27">
        <v>30</v>
      </c>
      <c r="C43" s="28">
        <v>20</v>
      </c>
      <c r="D43" s="29">
        <v>50</v>
      </c>
    </row>
    <row r="44" spans="1:4" ht="18" customHeight="1" x14ac:dyDescent="0.2">
      <c r="A44" s="31">
        <v>32</v>
      </c>
      <c r="B44" s="27">
        <v>42</v>
      </c>
      <c r="C44" s="28">
        <v>31</v>
      </c>
      <c r="D44" s="29">
        <v>73</v>
      </c>
    </row>
    <row r="45" spans="1:4" ht="18" customHeight="1" x14ac:dyDescent="0.2">
      <c r="A45" s="31">
        <v>33</v>
      </c>
      <c r="B45" s="27">
        <v>28</v>
      </c>
      <c r="C45" s="28">
        <v>26</v>
      </c>
      <c r="D45" s="29">
        <v>54</v>
      </c>
    </row>
    <row r="46" spans="1:4" ht="18" customHeight="1" x14ac:dyDescent="0.2">
      <c r="A46" s="31">
        <v>34</v>
      </c>
      <c r="B46" s="27">
        <v>33</v>
      </c>
      <c r="C46" s="28">
        <v>32</v>
      </c>
      <c r="D46" s="29">
        <v>65</v>
      </c>
    </row>
    <row r="47" spans="1:4" ht="18" customHeight="1" x14ac:dyDescent="0.2">
      <c r="A47" s="31" t="s">
        <v>55</v>
      </c>
      <c r="B47" s="27">
        <v>178</v>
      </c>
      <c r="C47" s="28">
        <v>140</v>
      </c>
      <c r="D47" s="29">
        <v>318</v>
      </c>
    </row>
    <row r="48" spans="1:4" ht="18" customHeight="1" x14ac:dyDescent="0.2">
      <c r="A48" s="31">
        <v>35</v>
      </c>
      <c r="B48" s="27">
        <v>50</v>
      </c>
      <c r="C48" s="28">
        <v>39</v>
      </c>
      <c r="D48" s="29">
        <v>89</v>
      </c>
    </row>
    <row r="49" spans="1:4" ht="18" customHeight="1" x14ac:dyDescent="0.2">
      <c r="A49" s="31">
        <v>36</v>
      </c>
      <c r="B49" s="27">
        <v>51</v>
      </c>
      <c r="C49" s="28">
        <v>54</v>
      </c>
      <c r="D49" s="29">
        <v>105</v>
      </c>
    </row>
    <row r="50" spans="1:4" ht="18" customHeight="1" x14ac:dyDescent="0.2">
      <c r="A50" s="31">
        <v>37</v>
      </c>
      <c r="B50" s="27">
        <v>34</v>
      </c>
      <c r="C50" s="28">
        <v>45</v>
      </c>
      <c r="D50" s="29">
        <v>79</v>
      </c>
    </row>
    <row r="51" spans="1:4" ht="18" customHeight="1" x14ac:dyDescent="0.2">
      <c r="A51" s="31">
        <v>38</v>
      </c>
      <c r="B51" s="27">
        <v>34</v>
      </c>
      <c r="C51" s="28">
        <v>42</v>
      </c>
      <c r="D51" s="29">
        <v>76</v>
      </c>
    </row>
    <row r="52" spans="1:4" ht="18" customHeight="1" x14ac:dyDescent="0.2">
      <c r="A52" s="31">
        <v>39</v>
      </c>
      <c r="B52" s="27">
        <v>52</v>
      </c>
      <c r="C52" s="28">
        <v>49</v>
      </c>
      <c r="D52" s="29">
        <v>101</v>
      </c>
    </row>
    <row r="53" spans="1:4" ht="18" customHeight="1" x14ac:dyDescent="0.2">
      <c r="A53" s="31" t="s">
        <v>56</v>
      </c>
      <c r="B53" s="27">
        <v>221</v>
      </c>
      <c r="C53" s="28">
        <v>229</v>
      </c>
      <c r="D53" s="29">
        <v>450</v>
      </c>
    </row>
    <row r="54" spans="1:4" ht="18" customHeight="1" x14ac:dyDescent="0.2">
      <c r="A54" s="31">
        <v>40</v>
      </c>
      <c r="B54" s="27">
        <v>48</v>
      </c>
      <c r="C54" s="28">
        <v>47</v>
      </c>
      <c r="D54" s="29">
        <v>95</v>
      </c>
    </row>
    <row r="55" spans="1:4" ht="18" customHeight="1" x14ac:dyDescent="0.2">
      <c r="A55" s="31">
        <v>41</v>
      </c>
      <c r="B55" s="27">
        <v>59</v>
      </c>
      <c r="C55" s="28">
        <v>55</v>
      </c>
      <c r="D55" s="29">
        <v>114</v>
      </c>
    </row>
    <row r="56" spans="1:4" ht="18" customHeight="1" x14ac:dyDescent="0.2">
      <c r="A56" s="31">
        <v>42</v>
      </c>
      <c r="B56" s="27">
        <v>57</v>
      </c>
      <c r="C56" s="28">
        <v>57</v>
      </c>
      <c r="D56" s="29">
        <v>114</v>
      </c>
    </row>
    <row r="57" spans="1:4" ht="18" customHeight="1" x14ac:dyDescent="0.2">
      <c r="A57" s="31">
        <v>43</v>
      </c>
      <c r="B57" s="27">
        <v>74</v>
      </c>
      <c r="C57" s="28">
        <v>61</v>
      </c>
      <c r="D57" s="29">
        <v>135</v>
      </c>
    </row>
    <row r="58" spans="1:4" ht="18" customHeight="1" x14ac:dyDescent="0.2">
      <c r="A58" s="31">
        <v>44</v>
      </c>
      <c r="B58" s="27">
        <v>77</v>
      </c>
      <c r="C58" s="28">
        <v>64</v>
      </c>
      <c r="D58" s="29">
        <v>141</v>
      </c>
    </row>
    <row r="59" spans="1:4" ht="18" customHeight="1" x14ac:dyDescent="0.2">
      <c r="A59" s="31" t="s">
        <v>57</v>
      </c>
      <c r="B59" s="27">
        <v>315</v>
      </c>
      <c r="C59" s="28">
        <v>284</v>
      </c>
      <c r="D59" s="29">
        <v>599</v>
      </c>
    </row>
    <row r="60" spans="1:4" ht="18" customHeight="1" x14ac:dyDescent="0.2">
      <c r="A60" s="31">
        <v>45</v>
      </c>
      <c r="B60" s="27">
        <v>81</v>
      </c>
      <c r="C60" s="28">
        <v>79</v>
      </c>
      <c r="D60" s="29">
        <v>160</v>
      </c>
    </row>
    <row r="61" spans="1:4" ht="18" customHeight="1" x14ac:dyDescent="0.2">
      <c r="A61" s="31">
        <v>46</v>
      </c>
      <c r="B61" s="27">
        <v>72</v>
      </c>
      <c r="C61" s="28">
        <v>95</v>
      </c>
      <c r="D61" s="29">
        <v>167</v>
      </c>
    </row>
    <row r="62" spans="1:4" ht="18" customHeight="1" x14ac:dyDescent="0.2">
      <c r="A62" s="31">
        <v>47</v>
      </c>
      <c r="B62" s="27">
        <v>85</v>
      </c>
      <c r="C62" s="28">
        <v>91</v>
      </c>
      <c r="D62" s="29">
        <v>176</v>
      </c>
    </row>
    <row r="63" spans="1:4" ht="18" customHeight="1" x14ac:dyDescent="0.2">
      <c r="A63" s="31">
        <v>48</v>
      </c>
      <c r="B63" s="27">
        <v>91</v>
      </c>
      <c r="C63" s="28">
        <v>83</v>
      </c>
      <c r="D63" s="29">
        <v>174</v>
      </c>
    </row>
    <row r="64" spans="1:4" ht="18" customHeight="1" x14ac:dyDescent="0.2">
      <c r="A64" s="31">
        <v>49</v>
      </c>
      <c r="B64" s="27">
        <v>74</v>
      </c>
      <c r="C64" s="28">
        <v>77</v>
      </c>
      <c r="D64" s="29">
        <v>151</v>
      </c>
    </row>
    <row r="65" spans="1:4" ht="18" customHeight="1" x14ac:dyDescent="0.2">
      <c r="A65" s="31" t="s">
        <v>58</v>
      </c>
      <c r="B65" s="27">
        <v>403</v>
      </c>
      <c r="C65" s="28">
        <v>425</v>
      </c>
      <c r="D65" s="29">
        <v>828</v>
      </c>
    </row>
    <row r="66" spans="1:4" ht="18" customHeight="1" x14ac:dyDescent="0.2">
      <c r="A66" s="31">
        <v>50</v>
      </c>
      <c r="B66" s="27">
        <v>80</v>
      </c>
      <c r="C66" s="28">
        <v>70</v>
      </c>
      <c r="D66" s="29">
        <v>150</v>
      </c>
    </row>
    <row r="67" spans="1:4" ht="18" customHeight="1" x14ac:dyDescent="0.2">
      <c r="A67" s="31">
        <v>51</v>
      </c>
      <c r="B67" s="27">
        <v>71</v>
      </c>
      <c r="C67" s="28">
        <v>84</v>
      </c>
      <c r="D67" s="29">
        <v>155</v>
      </c>
    </row>
    <row r="68" spans="1:4" ht="18" customHeight="1" x14ac:dyDescent="0.2">
      <c r="A68" s="31">
        <v>52</v>
      </c>
      <c r="B68" s="27">
        <v>68</v>
      </c>
      <c r="C68" s="28">
        <v>70</v>
      </c>
      <c r="D68" s="29">
        <v>138</v>
      </c>
    </row>
    <row r="69" spans="1:4" ht="18" customHeight="1" x14ac:dyDescent="0.2">
      <c r="A69" s="31">
        <v>53</v>
      </c>
      <c r="B69" s="27">
        <v>54</v>
      </c>
      <c r="C69" s="28">
        <v>51</v>
      </c>
      <c r="D69" s="29">
        <v>105</v>
      </c>
    </row>
    <row r="70" spans="1:4" ht="18" customHeight="1" x14ac:dyDescent="0.2">
      <c r="A70" s="31">
        <v>54</v>
      </c>
      <c r="B70" s="27">
        <v>61</v>
      </c>
      <c r="C70" s="28">
        <v>57</v>
      </c>
      <c r="D70" s="29">
        <v>118</v>
      </c>
    </row>
    <row r="71" spans="1:4" ht="18" customHeight="1" x14ac:dyDescent="0.2">
      <c r="A71" s="31" t="s">
        <v>59</v>
      </c>
      <c r="B71" s="27">
        <v>334</v>
      </c>
      <c r="C71" s="28">
        <v>332</v>
      </c>
      <c r="D71" s="29">
        <v>666</v>
      </c>
    </row>
    <row r="72" spans="1:4" ht="18" customHeight="1" x14ac:dyDescent="0.2">
      <c r="A72" s="31">
        <v>55</v>
      </c>
      <c r="B72" s="27">
        <v>55</v>
      </c>
      <c r="C72" s="28">
        <v>59</v>
      </c>
      <c r="D72" s="29">
        <v>114</v>
      </c>
    </row>
    <row r="73" spans="1:4" ht="18" customHeight="1" x14ac:dyDescent="0.2">
      <c r="A73" s="31">
        <v>56</v>
      </c>
      <c r="B73" s="27">
        <v>73</v>
      </c>
      <c r="C73" s="28">
        <v>63</v>
      </c>
      <c r="D73" s="29">
        <v>136</v>
      </c>
    </row>
    <row r="74" spans="1:4" ht="18" customHeight="1" x14ac:dyDescent="0.2">
      <c r="A74" s="31">
        <v>57</v>
      </c>
      <c r="B74" s="27">
        <v>63</v>
      </c>
      <c r="C74" s="28">
        <v>52</v>
      </c>
      <c r="D74" s="29">
        <v>115</v>
      </c>
    </row>
    <row r="75" spans="1:4" ht="18" customHeight="1" x14ac:dyDescent="0.2">
      <c r="A75" s="31">
        <v>58</v>
      </c>
      <c r="B75" s="27">
        <v>58</v>
      </c>
      <c r="C75" s="28">
        <v>65</v>
      </c>
      <c r="D75" s="29">
        <v>123</v>
      </c>
    </row>
    <row r="76" spans="1:4" ht="18" customHeight="1" x14ac:dyDescent="0.2">
      <c r="A76" s="31">
        <v>59</v>
      </c>
      <c r="B76" s="27">
        <v>60</v>
      </c>
      <c r="C76" s="28">
        <v>55</v>
      </c>
      <c r="D76" s="29">
        <v>115</v>
      </c>
    </row>
    <row r="77" spans="1:4" ht="18" customHeight="1" x14ac:dyDescent="0.2">
      <c r="A77" s="31" t="s">
        <v>60</v>
      </c>
      <c r="B77" s="27">
        <v>309</v>
      </c>
      <c r="C77" s="28">
        <v>294</v>
      </c>
      <c r="D77" s="29">
        <v>603</v>
      </c>
    </row>
    <row r="78" spans="1:4" ht="18" customHeight="1" x14ac:dyDescent="0.2">
      <c r="A78" s="31">
        <v>60</v>
      </c>
      <c r="B78" s="27">
        <v>62</v>
      </c>
      <c r="C78" s="28">
        <v>75</v>
      </c>
      <c r="D78" s="29">
        <v>137</v>
      </c>
    </row>
    <row r="79" spans="1:4" ht="18" customHeight="1" x14ac:dyDescent="0.2">
      <c r="A79" s="31">
        <v>61</v>
      </c>
      <c r="B79" s="27">
        <v>63</v>
      </c>
      <c r="C79" s="28">
        <v>55</v>
      </c>
      <c r="D79" s="29">
        <v>118</v>
      </c>
    </row>
    <row r="80" spans="1:4" ht="18" customHeight="1" x14ac:dyDescent="0.2">
      <c r="A80" s="31">
        <v>62</v>
      </c>
      <c r="B80" s="27">
        <v>70</v>
      </c>
      <c r="C80" s="28">
        <v>59</v>
      </c>
      <c r="D80" s="29">
        <v>129</v>
      </c>
    </row>
    <row r="81" spans="1:4" ht="18" customHeight="1" x14ac:dyDescent="0.2">
      <c r="A81" s="31">
        <v>63</v>
      </c>
      <c r="B81" s="27">
        <v>58</v>
      </c>
      <c r="C81" s="28">
        <v>60</v>
      </c>
      <c r="D81" s="29">
        <v>118</v>
      </c>
    </row>
    <row r="82" spans="1:4" ht="18" customHeight="1" x14ac:dyDescent="0.2">
      <c r="A82" s="31">
        <v>64</v>
      </c>
      <c r="B82" s="27">
        <v>65</v>
      </c>
      <c r="C82" s="28">
        <v>59</v>
      </c>
      <c r="D82" s="29">
        <v>124</v>
      </c>
    </row>
    <row r="83" spans="1:4" ht="18" customHeight="1" x14ac:dyDescent="0.2">
      <c r="A83" s="31" t="s">
        <v>61</v>
      </c>
      <c r="B83" s="27">
        <v>318</v>
      </c>
      <c r="C83" s="28">
        <v>308</v>
      </c>
      <c r="D83" s="29">
        <v>626</v>
      </c>
    </row>
    <row r="84" spans="1:4" ht="18" customHeight="1" x14ac:dyDescent="0.2">
      <c r="A84" s="31" t="s">
        <v>62</v>
      </c>
      <c r="B84" s="27">
        <v>2804</v>
      </c>
      <c r="C84" s="28">
        <v>2700</v>
      </c>
      <c r="D84" s="29">
        <v>5504</v>
      </c>
    </row>
    <row r="85" spans="1:4" ht="18" customHeight="1" x14ac:dyDescent="0.2">
      <c r="A85" s="31">
        <v>65</v>
      </c>
      <c r="B85" s="27">
        <v>66</v>
      </c>
      <c r="C85" s="28">
        <v>72</v>
      </c>
      <c r="D85" s="29">
        <v>138</v>
      </c>
    </row>
    <row r="86" spans="1:4" ht="18" customHeight="1" x14ac:dyDescent="0.2">
      <c r="A86" s="31">
        <v>66</v>
      </c>
      <c r="B86" s="27">
        <v>63</v>
      </c>
      <c r="C86" s="28">
        <v>81</v>
      </c>
      <c r="D86" s="29">
        <v>144</v>
      </c>
    </row>
    <row r="87" spans="1:4" ht="18" customHeight="1" x14ac:dyDescent="0.2">
      <c r="A87" s="31">
        <v>67</v>
      </c>
      <c r="B87" s="27">
        <v>68</v>
      </c>
      <c r="C87" s="28">
        <v>63</v>
      </c>
      <c r="D87" s="29">
        <v>131</v>
      </c>
    </row>
    <row r="88" spans="1:4" ht="18" customHeight="1" x14ac:dyDescent="0.2">
      <c r="A88" s="31">
        <v>68</v>
      </c>
      <c r="B88" s="27">
        <v>83</v>
      </c>
      <c r="C88" s="28">
        <v>89</v>
      </c>
      <c r="D88" s="29">
        <v>172</v>
      </c>
    </row>
    <row r="89" spans="1:4" ht="18" customHeight="1" x14ac:dyDescent="0.2">
      <c r="A89" s="31">
        <v>69</v>
      </c>
      <c r="B89" s="27">
        <v>79</v>
      </c>
      <c r="C89" s="28">
        <v>96</v>
      </c>
      <c r="D89" s="29">
        <v>175</v>
      </c>
    </row>
    <row r="90" spans="1:4" ht="18" customHeight="1" x14ac:dyDescent="0.2">
      <c r="A90" s="31" t="s">
        <v>63</v>
      </c>
      <c r="B90" s="27">
        <v>359</v>
      </c>
      <c r="C90" s="28">
        <v>401</v>
      </c>
      <c r="D90" s="29">
        <v>760</v>
      </c>
    </row>
    <row r="91" spans="1:4" ht="18" customHeight="1" x14ac:dyDescent="0.2">
      <c r="A91" s="31">
        <v>70</v>
      </c>
      <c r="B91" s="27">
        <v>91</v>
      </c>
      <c r="C91" s="28">
        <v>99</v>
      </c>
      <c r="D91" s="29">
        <v>190</v>
      </c>
    </row>
    <row r="92" spans="1:4" ht="18" customHeight="1" x14ac:dyDescent="0.2">
      <c r="A92" s="31">
        <v>71</v>
      </c>
      <c r="B92" s="27">
        <v>95</v>
      </c>
      <c r="C92" s="28">
        <v>96</v>
      </c>
      <c r="D92" s="29">
        <v>191</v>
      </c>
    </row>
    <row r="93" spans="1:4" ht="18" customHeight="1" x14ac:dyDescent="0.2">
      <c r="A93" s="31">
        <v>72</v>
      </c>
      <c r="B93" s="27">
        <v>118</v>
      </c>
      <c r="C93" s="28">
        <v>115</v>
      </c>
      <c r="D93" s="29">
        <v>233</v>
      </c>
    </row>
    <row r="94" spans="1:4" ht="18" customHeight="1" x14ac:dyDescent="0.2">
      <c r="A94" s="31">
        <v>73</v>
      </c>
      <c r="B94" s="27">
        <v>52</v>
      </c>
      <c r="C94" s="28">
        <v>60</v>
      </c>
      <c r="D94" s="29">
        <v>112</v>
      </c>
    </row>
    <row r="95" spans="1:4" ht="18" customHeight="1" x14ac:dyDescent="0.2">
      <c r="A95" s="31">
        <v>74</v>
      </c>
      <c r="B95" s="27">
        <v>42</v>
      </c>
      <c r="C95" s="28">
        <v>60</v>
      </c>
      <c r="D95" s="29">
        <v>102</v>
      </c>
    </row>
    <row r="96" spans="1:4" ht="18" customHeight="1" x14ac:dyDescent="0.2">
      <c r="A96" s="31" t="s">
        <v>64</v>
      </c>
      <c r="B96" s="27">
        <v>398</v>
      </c>
      <c r="C96" s="28">
        <v>430</v>
      </c>
      <c r="D96" s="29">
        <v>828</v>
      </c>
    </row>
    <row r="97" spans="1:4" ht="18" customHeight="1" x14ac:dyDescent="0.2">
      <c r="A97" s="31">
        <v>75</v>
      </c>
      <c r="B97" s="27">
        <v>61</v>
      </c>
      <c r="C97" s="28">
        <v>97</v>
      </c>
      <c r="D97" s="29">
        <v>158</v>
      </c>
    </row>
    <row r="98" spans="1:4" ht="18" customHeight="1" x14ac:dyDescent="0.2">
      <c r="A98" s="31">
        <v>76</v>
      </c>
      <c r="B98" s="27">
        <v>56</v>
      </c>
      <c r="C98" s="28">
        <v>67</v>
      </c>
      <c r="D98" s="29">
        <v>123</v>
      </c>
    </row>
    <row r="99" spans="1:4" ht="18" customHeight="1" x14ac:dyDescent="0.2">
      <c r="A99" s="31">
        <v>77</v>
      </c>
      <c r="B99" s="27">
        <v>60</v>
      </c>
      <c r="C99" s="28">
        <v>68</v>
      </c>
      <c r="D99" s="29">
        <v>128</v>
      </c>
    </row>
    <row r="100" spans="1:4" ht="18" customHeight="1" x14ac:dyDescent="0.2">
      <c r="A100" s="31">
        <v>78</v>
      </c>
      <c r="B100" s="27">
        <v>47</v>
      </c>
      <c r="C100" s="28">
        <v>67</v>
      </c>
      <c r="D100" s="29">
        <v>114</v>
      </c>
    </row>
    <row r="101" spans="1:4" ht="18" customHeight="1" x14ac:dyDescent="0.2">
      <c r="A101" s="31">
        <v>79</v>
      </c>
      <c r="B101" s="27">
        <v>50</v>
      </c>
      <c r="C101" s="28">
        <v>59</v>
      </c>
      <c r="D101" s="29">
        <v>109</v>
      </c>
    </row>
    <row r="102" spans="1:4" ht="18" customHeight="1" x14ac:dyDescent="0.2">
      <c r="A102" s="31" t="s">
        <v>65</v>
      </c>
      <c r="B102" s="27">
        <v>274</v>
      </c>
      <c r="C102" s="28">
        <v>358</v>
      </c>
      <c r="D102" s="29">
        <v>632</v>
      </c>
    </row>
    <row r="103" spans="1:4" ht="18" customHeight="1" x14ac:dyDescent="0.2">
      <c r="A103" s="31">
        <v>80</v>
      </c>
      <c r="B103" s="27">
        <v>35</v>
      </c>
      <c r="C103" s="28">
        <v>56</v>
      </c>
      <c r="D103" s="29">
        <v>91</v>
      </c>
    </row>
    <row r="104" spans="1:4" ht="18" customHeight="1" x14ac:dyDescent="0.2">
      <c r="A104" s="31">
        <v>81</v>
      </c>
      <c r="B104" s="27">
        <v>35</v>
      </c>
      <c r="C104" s="28">
        <v>61</v>
      </c>
      <c r="D104" s="29">
        <v>96</v>
      </c>
    </row>
    <row r="105" spans="1:4" ht="18" customHeight="1" x14ac:dyDescent="0.2">
      <c r="A105" s="31">
        <v>82</v>
      </c>
      <c r="B105" s="27">
        <v>40</v>
      </c>
      <c r="C105" s="28">
        <v>63</v>
      </c>
      <c r="D105" s="29">
        <v>103</v>
      </c>
    </row>
    <row r="106" spans="1:4" ht="18" customHeight="1" x14ac:dyDescent="0.2">
      <c r="A106" s="31">
        <v>83</v>
      </c>
      <c r="B106" s="27">
        <v>37</v>
      </c>
      <c r="C106" s="28">
        <v>61</v>
      </c>
      <c r="D106" s="29">
        <v>98</v>
      </c>
    </row>
    <row r="107" spans="1:4" ht="18" customHeight="1" x14ac:dyDescent="0.2">
      <c r="A107" s="31">
        <v>84</v>
      </c>
      <c r="B107" s="27">
        <v>34</v>
      </c>
      <c r="C107" s="28">
        <v>54</v>
      </c>
      <c r="D107" s="29">
        <v>88</v>
      </c>
    </row>
    <row r="108" spans="1:4" ht="18" customHeight="1" x14ac:dyDescent="0.2">
      <c r="A108" s="31" t="s">
        <v>66</v>
      </c>
      <c r="B108" s="27">
        <v>181</v>
      </c>
      <c r="C108" s="28">
        <v>295</v>
      </c>
      <c r="D108" s="29">
        <v>476</v>
      </c>
    </row>
    <row r="109" spans="1:4" ht="18" customHeight="1" x14ac:dyDescent="0.2">
      <c r="A109" s="31">
        <v>85</v>
      </c>
      <c r="B109" s="27">
        <v>41</v>
      </c>
      <c r="C109" s="28">
        <v>60</v>
      </c>
      <c r="D109" s="29">
        <v>101</v>
      </c>
    </row>
    <row r="110" spans="1:4" ht="18" customHeight="1" x14ac:dyDescent="0.2">
      <c r="A110" s="31">
        <v>86</v>
      </c>
      <c r="B110" s="27">
        <v>24</v>
      </c>
      <c r="C110" s="28">
        <v>57</v>
      </c>
      <c r="D110" s="29">
        <v>81</v>
      </c>
    </row>
    <row r="111" spans="1:4" ht="18" customHeight="1" x14ac:dyDescent="0.2">
      <c r="A111" s="31">
        <v>87</v>
      </c>
      <c r="B111" s="27">
        <v>17</v>
      </c>
      <c r="C111" s="28">
        <v>36</v>
      </c>
      <c r="D111" s="29">
        <v>53</v>
      </c>
    </row>
    <row r="112" spans="1:4" ht="18" customHeight="1" x14ac:dyDescent="0.2">
      <c r="A112" s="31">
        <v>88</v>
      </c>
      <c r="B112" s="27">
        <v>27</v>
      </c>
      <c r="C112" s="28">
        <v>33</v>
      </c>
      <c r="D112" s="29">
        <v>60</v>
      </c>
    </row>
    <row r="113" spans="1:4" ht="18" customHeight="1" x14ac:dyDescent="0.2">
      <c r="A113" s="31">
        <v>89</v>
      </c>
      <c r="B113" s="27">
        <v>20</v>
      </c>
      <c r="C113" s="28">
        <v>26</v>
      </c>
      <c r="D113" s="29">
        <v>46</v>
      </c>
    </row>
    <row r="114" spans="1:4" ht="18" customHeight="1" x14ac:dyDescent="0.2">
      <c r="A114" s="31" t="s">
        <v>67</v>
      </c>
      <c r="B114" s="27">
        <v>129</v>
      </c>
      <c r="C114" s="28">
        <v>212</v>
      </c>
      <c r="D114" s="29">
        <v>341</v>
      </c>
    </row>
    <row r="115" spans="1:4" ht="18" customHeight="1" x14ac:dyDescent="0.2">
      <c r="A115" s="31">
        <v>90</v>
      </c>
      <c r="B115" s="27">
        <v>6</v>
      </c>
      <c r="C115" s="28">
        <v>32</v>
      </c>
      <c r="D115" s="29">
        <v>38</v>
      </c>
    </row>
    <row r="116" spans="1:4" ht="18" customHeight="1" x14ac:dyDescent="0.2">
      <c r="A116" s="31">
        <v>91</v>
      </c>
      <c r="B116" s="27">
        <v>14</v>
      </c>
      <c r="C116" s="28">
        <v>25</v>
      </c>
      <c r="D116" s="29">
        <v>39</v>
      </c>
    </row>
    <row r="117" spans="1:4" ht="18" customHeight="1" x14ac:dyDescent="0.2">
      <c r="A117" s="31">
        <v>92</v>
      </c>
      <c r="B117" s="27">
        <v>6</v>
      </c>
      <c r="C117" s="28">
        <v>23</v>
      </c>
      <c r="D117" s="29">
        <v>29</v>
      </c>
    </row>
    <row r="118" spans="1:4" ht="18" customHeight="1" x14ac:dyDescent="0.2">
      <c r="A118" s="31">
        <v>93</v>
      </c>
      <c r="B118" s="27">
        <v>4</v>
      </c>
      <c r="C118" s="28">
        <v>24</v>
      </c>
      <c r="D118" s="29">
        <v>28</v>
      </c>
    </row>
    <row r="119" spans="1:4" ht="18" customHeight="1" x14ac:dyDescent="0.2">
      <c r="A119" s="31">
        <v>94</v>
      </c>
      <c r="B119" s="27">
        <v>7</v>
      </c>
      <c r="C119" s="28">
        <v>27</v>
      </c>
      <c r="D119" s="29">
        <v>34</v>
      </c>
    </row>
    <row r="120" spans="1:4" ht="18" customHeight="1" x14ac:dyDescent="0.2">
      <c r="A120" s="31" t="s">
        <v>68</v>
      </c>
      <c r="B120" s="27">
        <v>37</v>
      </c>
      <c r="C120" s="28">
        <v>131</v>
      </c>
      <c r="D120" s="29">
        <v>168</v>
      </c>
    </row>
    <row r="121" spans="1:4" ht="18" customHeight="1" x14ac:dyDescent="0.2">
      <c r="A121" s="31">
        <v>95</v>
      </c>
      <c r="B121" s="27">
        <v>0</v>
      </c>
      <c r="C121" s="28">
        <v>11</v>
      </c>
      <c r="D121" s="29">
        <v>11</v>
      </c>
    </row>
    <row r="122" spans="1:4" ht="18" customHeight="1" x14ac:dyDescent="0.2">
      <c r="A122" s="31">
        <v>96</v>
      </c>
      <c r="B122" s="27">
        <v>3</v>
      </c>
      <c r="C122" s="28">
        <v>13</v>
      </c>
      <c r="D122" s="29">
        <v>16</v>
      </c>
    </row>
    <row r="123" spans="1:4" ht="18" customHeight="1" x14ac:dyDescent="0.2">
      <c r="A123" s="31">
        <v>97</v>
      </c>
      <c r="B123" s="27">
        <v>2</v>
      </c>
      <c r="C123" s="28">
        <v>16</v>
      </c>
      <c r="D123" s="29">
        <v>18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6</v>
      </c>
      <c r="C126" s="28">
        <v>48</v>
      </c>
      <c r="D126" s="29">
        <v>54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385</v>
      </c>
      <c r="C130" s="5">
        <v>1880</v>
      </c>
      <c r="D130" s="6">
        <v>3265</v>
      </c>
    </row>
    <row r="131" spans="1:4" ht="18" customHeight="1" x14ac:dyDescent="0.2">
      <c r="A131" s="33" t="s">
        <v>47</v>
      </c>
      <c r="B131" s="7">
        <v>4697</v>
      </c>
      <c r="C131" s="8">
        <v>5026</v>
      </c>
      <c r="D131" s="9">
        <v>972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4</v>
      </c>
      <c r="D5" s="39">
        <v>6</v>
      </c>
    </row>
    <row r="6" spans="1:4" ht="18" customHeight="1" x14ac:dyDescent="0.2">
      <c r="A6" s="31">
        <v>1</v>
      </c>
      <c r="B6" s="35">
        <v>3</v>
      </c>
      <c r="C6" s="28">
        <v>3</v>
      </c>
      <c r="D6" s="29">
        <v>6</v>
      </c>
    </row>
    <row r="7" spans="1:4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4" ht="18" customHeight="1" x14ac:dyDescent="0.2">
      <c r="A8" s="31">
        <v>3</v>
      </c>
      <c r="B8" s="35">
        <v>4</v>
      </c>
      <c r="C8" s="28">
        <v>5</v>
      </c>
      <c r="D8" s="29">
        <v>9</v>
      </c>
    </row>
    <row r="9" spans="1:4" ht="18" customHeight="1" x14ac:dyDescent="0.2">
      <c r="A9" s="31">
        <v>4</v>
      </c>
      <c r="B9" s="36">
        <v>6</v>
      </c>
      <c r="C9" s="38">
        <v>4</v>
      </c>
      <c r="D9" s="40">
        <v>10</v>
      </c>
    </row>
    <row r="10" spans="1:4" ht="18" customHeight="1" x14ac:dyDescent="0.2">
      <c r="A10" s="31" t="s">
        <v>48</v>
      </c>
      <c r="B10" s="27">
        <v>18</v>
      </c>
      <c r="C10" s="28">
        <v>19</v>
      </c>
      <c r="D10" s="29">
        <v>37</v>
      </c>
    </row>
    <row r="11" spans="1:4" ht="18" customHeight="1" x14ac:dyDescent="0.2">
      <c r="A11" s="31">
        <v>5</v>
      </c>
      <c r="B11" s="35">
        <v>4</v>
      </c>
      <c r="C11" s="28">
        <v>6</v>
      </c>
      <c r="D11" s="29">
        <v>10</v>
      </c>
    </row>
    <row r="12" spans="1:4" ht="18" customHeight="1" x14ac:dyDescent="0.2">
      <c r="A12" s="31">
        <v>6</v>
      </c>
      <c r="B12" s="35">
        <v>4</v>
      </c>
      <c r="C12" s="28">
        <v>5</v>
      </c>
      <c r="D12" s="29">
        <v>9</v>
      </c>
    </row>
    <row r="13" spans="1:4" ht="18" customHeight="1" x14ac:dyDescent="0.2">
      <c r="A13" s="31">
        <v>7</v>
      </c>
      <c r="B13" s="35">
        <v>3</v>
      </c>
      <c r="C13" s="28">
        <v>12</v>
      </c>
      <c r="D13" s="29">
        <v>15</v>
      </c>
    </row>
    <row r="14" spans="1:4" ht="18" customHeight="1" x14ac:dyDescent="0.2">
      <c r="A14" s="31">
        <v>8</v>
      </c>
      <c r="B14" s="35">
        <v>8</v>
      </c>
      <c r="C14" s="28">
        <v>6</v>
      </c>
      <c r="D14" s="29">
        <v>14</v>
      </c>
    </row>
    <row r="15" spans="1:4" ht="18" customHeight="1" x14ac:dyDescent="0.2">
      <c r="A15" s="31">
        <v>9</v>
      </c>
      <c r="B15" s="35">
        <v>10</v>
      </c>
      <c r="C15" s="28">
        <v>9</v>
      </c>
      <c r="D15" s="29">
        <v>19</v>
      </c>
    </row>
    <row r="16" spans="1:4" ht="18" customHeight="1" x14ac:dyDescent="0.2">
      <c r="A16" s="31" t="s">
        <v>49</v>
      </c>
      <c r="B16" s="27">
        <v>29</v>
      </c>
      <c r="C16" s="28">
        <v>38</v>
      </c>
      <c r="D16" s="29">
        <v>67</v>
      </c>
    </row>
    <row r="17" spans="1:4" ht="18" customHeight="1" x14ac:dyDescent="0.2">
      <c r="A17" s="31">
        <v>10</v>
      </c>
      <c r="B17" s="27">
        <v>7</v>
      </c>
      <c r="C17" s="28">
        <v>5</v>
      </c>
      <c r="D17" s="29">
        <v>12</v>
      </c>
    </row>
    <row r="18" spans="1:4" ht="18" customHeight="1" x14ac:dyDescent="0.2">
      <c r="A18" s="31">
        <v>11</v>
      </c>
      <c r="B18" s="27">
        <v>8</v>
      </c>
      <c r="C18" s="28">
        <v>6</v>
      </c>
      <c r="D18" s="29">
        <v>14</v>
      </c>
    </row>
    <row r="19" spans="1:4" ht="18" customHeight="1" x14ac:dyDescent="0.2">
      <c r="A19" s="31">
        <v>12</v>
      </c>
      <c r="B19" s="27">
        <v>14</v>
      </c>
      <c r="C19" s="28">
        <v>8</v>
      </c>
      <c r="D19" s="29">
        <v>22</v>
      </c>
    </row>
    <row r="20" spans="1:4" ht="18" customHeight="1" x14ac:dyDescent="0.2">
      <c r="A20" s="31">
        <v>13</v>
      </c>
      <c r="B20" s="27">
        <v>15</v>
      </c>
      <c r="C20" s="28">
        <v>10</v>
      </c>
      <c r="D20" s="29">
        <v>25</v>
      </c>
    </row>
    <row r="21" spans="1:4" ht="18" customHeight="1" x14ac:dyDescent="0.2">
      <c r="A21" s="31">
        <v>14</v>
      </c>
      <c r="B21" s="27">
        <v>6</v>
      </c>
      <c r="C21" s="28">
        <v>7</v>
      </c>
      <c r="D21" s="29">
        <v>13</v>
      </c>
    </row>
    <row r="22" spans="1:4" ht="18" customHeight="1" x14ac:dyDescent="0.2">
      <c r="A22" s="31" t="s">
        <v>50</v>
      </c>
      <c r="B22" s="27">
        <v>50</v>
      </c>
      <c r="C22" s="28">
        <v>36</v>
      </c>
      <c r="D22" s="29">
        <v>86</v>
      </c>
    </row>
    <row r="23" spans="1:4" ht="18" customHeight="1" x14ac:dyDescent="0.2">
      <c r="A23" s="31" t="s">
        <v>51</v>
      </c>
      <c r="B23" s="27">
        <v>97</v>
      </c>
      <c r="C23" s="28">
        <v>93</v>
      </c>
      <c r="D23" s="29">
        <v>190</v>
      </c>
    </row>
    <row r="24" spans="1:4" ht="18" customHeight="1" x14ac:dyDescent="0.2">
      <c r="A24" s="31">
        <v>15</v>
      </c>
      <c r="B24" s="27">
        <v>4</v>
      </c>
      <c r="C24" s="28">
        <v>5</v>
      </c>
      <c r="D24" s="29">
        <v>9</v>
      </c>
    </row>
    <row r="25" spans="1:4" ht="18" customHeight="1" x14ac:dyDescent="0.2">
      <c r="A25" s="31">
        <v>16</v>
      </c>
      <c r="B25" s="27">
        <v>9</v>
      </c>
      <c r="C25" s="28">
        <v>10</v>
      </c>
      <c r="D25" s="29">
        <v>19</v>
      </c>
    </row>
    <row r="26" spans="1:4" ht="18" customHeight="1" x14ac:dyDescent="0.2">
      <c r="A26" s="31">
        <v>17</v>
      </c>
      <c r="B26" s="27">
        <v>13</v>
      </c>
      <c r="C26" s="28">
        <v>13</v>
      </c>
      <c r="D26" s="29">
        <v>26</v>
      </c>
    </row>
    <row r="27" spans="1:4" ht="18" customHeight="1" x14ac:dyDescent="0.2">
      <c r="A27" s="31">
        <v>18</v>
      </c>
      <c r="B27" s="27">
        <v>5</v>
      </c>
      <c r="C27" s="28">
        <v>7</v>
      </c>
      <c r="D27" s="29">
        <v>12</v>
      </c>
    </row>
    <row r="28" spans="1:4" ht="18" customHeight="1" x14ac:dyDescent="0.2">
      <c r="A28" s="31">
        <v>19</v>
      </c>
      <c r="B28" s="27">
        <v>11</v>
      </c>
      <c r="C28" s="28">
        <v>5</v>
      </c>
      <c r="D28" s="29">
        <v>16</v>
      </c>
    </row>
    <row r="29" spans="1:4" ht="18" customHeight="1" x14ac:dyDescent="0.2">
      <c r="A29" s="31" t="s">
        <v>52</v>
      </c>
      <c r="B29" s="27">
        <v>42</v>
      </c>
      <c r="C29" s="28">
        <v>40</v>
      </c>
      <c r="D29" s="29">
        <v>82</v>
      </c>
    </row>
    <row r="30" spans="1:4" ht="18" customHeight="1" x14ac:dyDescent="0.2">
      <c r="A30" s="31">
        <v>20</v>
      </c>
      <c r="B30" s="27">
        <v>9</v>
      </c>
      <c r="C30" s="28">
        <v>5</v>
      </c>
      <c r="D30" s="29">
        <v>14</v>
      </c>
    </row>
    <row r="31" spans="1:4" ht="18" customHeight="1" x14ac:dyDescent="0.2">
      <c r="A31" s="31">
        <v>21</v>
      </c>
      <c r="B31" s="27">
        <v>9</v>
      </c>
      <c r="C31" s="28">
        <v>8</v>
      </c>
      <c r="D31" s="29">
        <v>17</v>
      </c>
    </row>
    <row r="32" spans="1:4" ht="18" customHeight="1" x14ac:dyDescent="0.2">
      <c r="A32" s="31">
        <v>22</v>
      </c>
      <c r="B32" s="27">
        <v>9</v>
      </c>
      <c r="C32" s="28">
        <v>4</v>
      </c>
      <c r="D32" s="29">
        <v>13</v>
      </c>
    </row>
    <row r="33" spans="1:4" ht="18" customHeight="1" x14ac:dyDescent="0.2">
      <c r="A33" s="31">
        <v>23</v>
      </c>
      <c r="B33" s="27">
        <v>9</v>
      </c>
      <c r="C33" s="28">
        <v>10</v>
      </c>
      <c r="D33" s="29">
        <v>19</v>
      </c>
    </row>
    <row r="34" spans="1:4" ht="18" customHeight="1" x14ac:dyDescent="0.2">
      <c r="A34" s="31">
        <v>24</v>
      </c>
      <c r="B34" s="27">
        <v>9</v>
      </c>
      <c r="C34" s="28">
        <v>6</v>
      </c>
      <c r="D34" s="29">
        <v>15</v>
      </c>
    </row>
    <row r="35" spans="1:4" ht="18" customHeight="1" x14ac:dyDescent="0.2">
      <c r="A35" s="31" t="s">
        <v>53</v>
      </c>
      <c r="B35" s="27">
        <v>45</v>
      </c>
      <c r="C35" s="28">
        <v>33</v>
      </c>
      <c r="D35" s="29">
        <v>78</v>
      </c>
    </row>
    <row r="36" spans="1:4" ht="18" customHeight="1" x14ac:dyDescent="0.2">
      <c r="A36" s="31">
        <v>25</v>
      </c>
      <c r="B36" s="27">
        <v>15</v>
      </c>
      <c r="C36" s="28">
        <v>8</v>
      </c>
      <c r="D36" s="29">
        <v>23</v>
      </c>
    </row>
    <row r="37" spans="1:4" ht="18" customHeight="1" x14ac:dyDescent="0.2">
      <c r="A37" s="31">
        <v>26</v>
      </c>
      <c r="B37" s="27">
        <v>8</v>
      </c>
      <c r="C37" s="28">
        <v>3</v>
      </c>
      <c r="D37" s="29">
        <v>11</v>
      </c>
    </row>
    <row r="38" spans="1:4" ht="18" customHeight="1" x14ac:dyDescent="0.2">
      <c r="A38" s="31">
        <v>27</v>
      </c>
      <c r="B38" s="27">
        <v>12</v>
      </c>
      <c r="C38" s="28">
        <v>5</v>
      </c>
      <c r="D38" s="29">
        <v>17</v>
      </c>
    </row>
    <row r="39" spans="1:4" ht="18" customHeight="1" x14ac:dyDescent="0.2">
      <c r="A39" s="31">
        <v>28</v>
      </c>
      <c r="B39" s="27">
        <v>8</v>
      </c>
      <c r="C39" s="28">
        <v>7</v>
      </c>
      <c r="D39" s="29">
        <v>15</v>
      </c>
    </row>
    <row r="40" spans="1:4" ht="18" customHeight="1" x14ac:dyDescent="0.2">
      <c r="A40" s="31">
        <v>29</v>
      </c>
      <c r="B40" s="27">
        <v>9</v>
      </c>
      <c r="C40" s="28">
        <v>6</v>
      </c>
      <c r="D40" s="29">
        <v>15</v>
      </c>
    </row>
    <row r="41" spans="1:4" ht="18" customHeight="1" x14ac:dyDescent="0.2">
      <c r="A41" s="31" t="s">
        <v>54</v>
      </c>
      <c r="B41" s="27">
        <v>52</v>
      </c>
      <c r="C41" s="28">
        <v>29</v>
      </c>
      <c r="D41" s="29">
        <v>81</v>
      </c>
    </row>
    <row r="42" spans="1:4" ht="18" customHeight="1" x14ac:dyDescent="0.2">
      <c r="A42" s="31">
        <v>30</v>
      </c>
      <c r="B42" s="27">
        <v>9</v>
      </c>
      <c r="C42" s="28">
        <v>7</v>
      </c>
      <c r="D42" s="29">
        <v>16</v>
      </c>
    </row>
    <row r="43" spans="1:4" ht="18" customHeight="1" x14ac:dyDescent="0.2">
      <c r="A43" s="31">
        <v>31</v>
      </c>
      <c r="B43" s="27">
        <v>4</v>
      </c>
      <c r="C43" s="28">
        <v>4</v>
      </c>
      <c r="D43" s="29">
        <v>8</v>
      </c>
    </row>
    <row r="44" spans="1:4" ht="18" customHeight="1" x14ac:dyDescent="0.2">
      <c r="A44" s="31">
        <v>32</v>
      </c>
      <c r="B44" s="27">
        <v>9</v>
      </c>
      <c r="C44" s="28">
        <v>5</v>
      </c>
      <c r="D44" s="29">
        <v>14</v>
      </c>
    </row>
    <row r="45" spans="1:4" ht="18" customHeight="1" x14ac:dyDescent="0.2">
      <c r="A45" s="31">
        <v>33</v>
      </c>
      <c r="B45" s="27">
        <v>6</v>
      </c>
      <c r="C45" s="28">
        <v>7</v>
      </c>
      <c r="D45" s="29">
        <v>13</v>
      </c>
    </row>
    <row r="46" spans="1:4" ht="18" customHeight="1" x14ac:dyDescent="0.2">
      <c r="A46" s="31">
        <v>34</v>
      </c>
      <c r="B46" s="27">
        <v>7</v>
      </c>
      <c r="C46" s="28">
        <v>7</v>
      </c>
      <c r="D46" s="29">
        <v>14</v>
      </c>
    </row>
    <row r="47" spans="1:4" ht="18" customHeight="1" x14ac:dyDescent="0.2">
      <c r="A47" s="31" t="s">
        <v>55</v>
      </c>
      <c r="B47" s="27">
        <v>35</v>
      </c>
      <c r="C47" s="28">
        <v>30</v>
      </c>
      <c r="D47" s="29">
        <v>65</v>
      </c>
    </row>
    <row r="48" spans="1:4" ht="18" customHeight="1" x14ac:dyDescent="0.2">
      <c r="A48" s="31">
        <v>35</v>
      </c>
      <c r="B48" s="27">
        <v>12</v>
      </c>
      <c r="C48" s="28">
        <v>10</v>
      </c>
      <c r="D48" s="29">
        <v>22</v>
      </c>
    </row>
    <row r="49" spans="1:4" ht="18" customHeight="1" x14ac:dyDescent="0.2">
      <c r="A49" s="31">
        <v>36</v>
      </c>
      <c r="B49" s="27">
        <v>11</v>
      </c>
      <c r="C49" s="28">
        <v>7</v>
      </c>
      <c r="D49" s="29">
        <v>18</v>
      </c>
    </row>
    <row r="50" spans="1:4" ht="18" customHeight="1" x14ac:dyDescent="0.2">
      <c r="A50" s="31">
        <v>37</v>
      </c>
      <c r="B50" s="27">
        <v>9</v>
      </c>
      <c r="C50" s="28">
        <v>11</v>
      </c>
      <c r="D50" s="29">
        <v>20</v>
      </c>
    </row>
    <row r="51" spans="1:4" ht="18" customHeight="1" x14ac:dyDescent="0.2">
      <c r="A51" s="31">
        <v>38</v>
      </c>
      <c r="B51" s="27">
        <v>12</v>
      </c>
      <c r="C51" s="28">
        <v>10</v>
      </c>
      <c r="D51" s="29">
        <v>22</v>
      </c>
    </row>
    <row r="52" spans="1:4" ht="18" customHeight="1" x14ac:dyDescent="0.2">
      <c r="A52" s="31">
        <v>39</v>
      </c>
      <c r="B52" s="27">
        <v>13</v>
      </c>
      <c r="C52" s="28">
        <v>6</v>
      </c>
      <c r="D52" s="29">
        <v>19</v>
      </c>
    </row>
    <row r="53" spans="1:4" ht="18" customHeight="1" x14ac:dyDescent="0.2">
      <c r="A53" s="31" t="s">
        <v>56</v>
      </c>
      <c r="B53" s="27">
        <v>57</v>
      </c>
      <c r="C53" s="28">
        <v>44</v>
      </c>
      <c r="D53" s="29">
        <v>101</v>
      </c>
    </row>
    <row r="54" spans="1:4" ht="18" customHeight="1" x14ac:dyDescent="0.2">
      <c r="A54" s="31">
        <v>40</v>
      </c>
      <c r="B54" s="27">
        <v>9</v>
      </c>
      <c r="C54" s="28">
        <v>8</v>
      </c>
      <c r="D54" s="29">
        <v>17</v>
      </c>
    </row>
    <row r="55" spans="1:4" ht="18" customHeight="1" x14ac:dyDescent="0.2">
      <c r="A55" s="31">
        <v>41</v>
      </c>
      <c r="B55" s="27">
        <v>11</v>
      </c>
      <c r="C55" s="28">
        <v>15</v>
      </c>
      <c r="D55" s="29">
        <v>26</v>
      </c>
    </row>
    <row r="56" spans="1:4" ht="18" customHeight="1" x14ac:dyDescent="0.2">
      <c r="A56" s="31">
        <v>42</v>
      </c>
      <c r="B56" s="27">
        <v>8</v>
      </c>
      <c r="C56" s="28">
        <v>14</v>
      </c>
      <c r="D56" s="29">
        <v>22</v>
      </c>
    </row>
    <row r="57" spans="1:4" ht="18" customHeight="1" x14ac:dyDescent="0.2">
      <c r="A57" s="31">
        <v>43</v>
      </c>
      <c r="B57" s="27">
        <v>7</v>
      </c>
      <c r="C57" s="28">
        <v>11</v>
      </c>
      <c r="D57" s="29">
        <v>18</v>
      </c>
    </row>
    <row r="58" spans="1:4" ht="18" customHeight="1" x14ac:dyDescent="0.2">
      <c r="A58" s="31">
        <v>44</v>
      </c>
      <c r="B58" s="27">
        <v>12</v>
      </c>
      <c r="C58" s="28">
        <v>8</v>
      </c>
      <c r="D58" s="29">
        <v>20</v>
      </c>
    </row>
    <row r="59" spans="1:4" ht="18" customHeight="1" x14ac:dyDescent="0.2">
      <c r="A59" s="31" t="s">
        <v>57</v>
      </c>
      <c r="B59" s="27">
        <v>47</v>
      </c>
      <c r="C59" s="28">
        <v>56</v>
      </c>
      <c r="D59" s="29">
        <v>103</v>
      </c>
    </row>
    <row r="60" spans="1:4" ht="18" customHeight="1" x14ac:dyDescent="0.2">
      <c r="A60" s="31">
        <v>45</v>
      </c>
      <c r="B60" s="27">
        <v>12</v>
      </c>
      <c r="C60" s="28">
        <v>15</v>
      </c>
      <c r="D60" s="29">
        <v>27</v>
      </c>
    </row>
    <row r="61" spans="1:4" ht="18" customHeight="1" x14ac:dyDescent="0.2">
      <c r="A61" s="31">
        <v>46</v>
      </c>
      <c r="B61" s="27">
        <v>20</v>
      </c>
      <c r="C61" s="28">
        <v>12</v>
      </c>
      <c r="D61" s="29">
        <v>32</v>
      </c>
    </row>
    <row r="62" spans="1:4" ht="18" customHeight="1" x14ac:dyDescent="0.2">
      <c r="A62" s="31">
        <v>47</v>
      </c>
      <c r="B62" s="27">
        <v>14</v>
      </c>
      <c r="C62" s="28">
        <v>14</v>
      </c>
      <c r="D62" s="29">
        <v>28</v>
      </c>
    </row>
    <row r="63" spans="1:4" ht="18" customHeight="1" x14ac:dyDescent="0.2">
      <c r="A63" s="31">
        <v>48</v>
      </c>
      <c r="B63" s="27">
        <v>13</v>
      </c>
      <c r="C63" s="28">
        <v>10</v>
      </c>
      <c r="D63" s="29">
        <v>23</v>
      </c>
    </row>
    <row r="64" spans="1:4" ht="18" customHeight="1" x14ac:dyDescent="0.2">
      <c r="A64" s="31">
        <v>49</v>
      </c>
      <c r="B64" s="27">
        <v>16</v>
      </c>
      <c r="C64" s="28">
        <v>14</v>
      </c>
      <c r="D64" s="29">
        <v>30</v>
      </c>
    </row>
    <row r="65" spans="1:4" ht="18" customHeight="1" x14ac:dyDescent="0.2">
      <c r="A65" s="31" t="s">
        <v>58</v>
      </c>
      <c r="B65" s="27">
        <v>75</v>
      </c>
      <c r="C65" s="28">
        <v>65</v>
      </c>
      <c r="D65" s="29">
        <v>140</v>
      </c>
    </row>
    <row r="66" spans="1:4" ht="18" customHeight="1" x14ac:dyDescent="0.2">
      <c r="A66" s="31">
        <v>50</v>
      </c>
      <c r="B66" s="27">
        <v>13</v>
      </c>
      <c r="C66" s="28">
        <v>11</v>
      </c>
      <c r="D66" s="29">
        <v>24</v>
      </c>
    </row>
    <row r="67" spans="1:4" ht="18" customHeight="1" x14ac:dyDescent="0.2">
      <c r="A67" s="31">
        <v>51</v>
      </c>
      <c r="B67" s="27">
        <v>10</v>
      </c>
      <c r="C67" s="28">
        <v>9</v>
      </c>
      <c r="D67" s="29">
        <v>19</v>
      </c>
    </row>
    <row r="68" spans="1:4" ht="18" customHeight="1" x14ac:dyDescent="0.2">
      <c r="A68" s="31">
        <v>52</v>
      </c>
      <c r="B68" s="27">
        <v>8</v>
      </c>
      <c r="C68" s="28">
        <v>8</v>
      </c>
      <c r="D68" s="29">
        <v>16</v>
      </c>
    </row>
    <row r="69" spans="1:4" ht="18" customHeight="1" x14ac:dyDescent="0.2">
      <c r="A69" s="31">
        <v>53</v>
      </c>
      <c r="B69" s="27">
        <v>7</v>
      </c>
      <c r="C69" s="28">
        <v>8</v>
      </c>
      <c r="D69" s="29">
        <v>15</v>
      </c>
    </row>
    <row r="70" spans="1:4" ht="18" customHeight="1" x14ac:dyDescent="0.2">
      <c r="A70" s="31">
        <v>54</v>
      </c>
      <c r="B70" s="27">
        <v>15</v>
      </c>
      <c r="C70" s="28">
        <v>13</v>
      </c>
      <c r="D70" s="29">
        <v>28</v>
      </c>
    </row>
    <row r="71" spans="1:4" ht="18" customHeight="1" x14ac:dyDescent="0.2">
      <c r="A71" s="31" t="s">
        <v>59</v>
      </c>
      <c r="B71" s="27">
        <v>53</v>
      </c>
      <c r="C71" s="28">
        <v>49</v>
      </c>
      <c r="D71" s="29">
        <v>102</v>
      </c>
    </row>
    <row r="72" spans="1:4" ht="18" customHeight="1" x14ac:dyDescent="0.2">
      <c r="A72" s="31">
        <v>55</v>
      </c>
      <c r="B72" s="27">
        <v>12</v>
      </c>
      <c r="C72" s="28">
        <v>13</v>
      </c>
      <c r="D72" s="29">
        <v>25</v>
      </c>
    </row>
    <row r="73" spans="1:4" ht="18" customHeight="1" x14ac:dyDescent="0.2">
      <c r="A73" s="31">
        <v>56</v>
      </c>
      <c r="B73" s="27">
        <v>7</v>
      </c>
      <c r="C73" s="28">
        <v>6</v>
      </c>
      <c r="D73" s="29">
        <v>13</v>
      </c>
    </row>
    <row r="74" spans="1:4" ht="18" customHeight="1" x14ac:dyDescent="0.2">
      <c r="A74" s="31">
        <v>57</v>
      </c>
      <c r="B74" s="27">
        <v>11</v>
      </c>
      <c r="C74" s="28">
        <v>3</v>
      </c>
      <c r="D74" s="29">
        <v>14</v>
      </c>
    </row>
    <row r="75" spans="1:4" ht="18" customHeight="1" x14ac:dyDescent="0.2">
      <c r="A75" s="31">
        <v>58</v>
      </c>
      <c r="B75" s="27">
        <v>9</v>
      </c>
      <c r="C75" s="28">
        <v>10</v>
      </c>
      <c r="D75" s="29">
        <v>19</v>
      </c>
    </row>
    <row r="76" spans="1:4" ht="18" customHeight="1" x14ac:dyDescent="0.2">
      <c r="A76" s="31">
        <v>59</v>
      </c>
      <c r="B76" s="27">
        <v>14</v>
      </c>
      <c r="C76" s="28">
        <v>10</v>
      </c>
      <c r="D76" s="29">
        <v>24</v>
      </c>
    </row>
    <row r="77" spans="1:4" ht="18" customHeight="1" x14ac:dyDescent="0.2">
      <c r="A77" s="31" t="s">
        <v>60</v>
      </c>
      <c r="B77" s="27">
        <v>53</v>
      </c>
      <c r="C77" s="28">
        <v>42</v>
      </c>
      <c r="D77" s="29">
        <v>95</v>
      </c>
    </row>
    <row r="78" spans="1:4" ht="18" customHeight="1" x14ac:dyDescent="0.2">
      <c r="A78" s="31">
        <v>60</v>
      </c>
      <c r="B78" s="27">
        <v>9</v>
      </c>
      <c r="C78" s="28">
        <v>9</v>
      </c>
      <c r="D78" s="29">
        <v>18</v>
      </c>
    </row>
    <row r="79" spans="1:4" ht="18" customHeight="1" x14ac:dyDescent="0.2">
      <c r="A79" s="31">
        <v>61</v>
      </c>
      <c r="B79" s="27">
        <v>12</v>
      </c>
      <c r="C79" s="28">
        <v>22</v>
      </c>
      <c r="D79" s="29">
        <v>34</v>
      </c>
    </row>
    <row r="80" spans="1:4" ht="18" customHeight="1" x14ac:dyDescent="0.2">
      <c r="A80" s="31">
        <v>62</v>
      </c>
      <c r="B80" s="27">
        <v>13</v>
      </c>
      <c r="C80" s="28">
        <v>12</v>
      </c>
      <c r="D80" s="29">
        <v>25</v>
      </c>
    </row>
    <row r="81" spans="1:4" ht="18" customHeight="1" x14ac:dyDescent="0.2">
      <c r="A81" s="31">
        <v>63</v>
      </c>
      <c r="B81" s="27">
        <v>18</v>
      </c>
      <c r="C81" s="28">
        <v>15</v>
      </c>
      <c r="D81" s="29">
        <v>33</v>
      </c>
    </row>
    <row r="82" spans="1:4" ht="18" customHeight="1" x14ac:dyDescent="0.2">
      <c r="A82" s="31">
        <v>64</v>
      </c>
      <c r="B82" s="27">
        <v>12</v>
      </c>
      <c r="C82" s="28">
        <v>20</v>
      </c>
      <c r="D82" s="29">
        <v>32</v>
      </c>
    </row>
    <row r="83" spans="1:4" ht="18" customHeight="1" x14ac:dyDescent="0.2">
      <c r="A83" s="31" t="s">
        <v>61</v>
      </c>
      <c r="B83" s="27">
        <v>64</v>
      </c>
      <c r="C83" s="28">
        <v>78</v>
      </c>
      <c r="D83" s="29">
        <v>142</v>
      </c>
    </row>
    <row r="84" spans="1:4" ht="18" customHeight="1" x14ac:dyDescent="0.2">
      <c r="A84" s="31" t="s">
        <v>62</v>
      </c>
      <c r="B84" s="27">
        <v>523</v>
      </c>
      <c r="C84" s="28">
        <v>466</v>
      </c>
      <c r="D84" s="29">
        <v>989</v>
      </c>
    </row>
    <row r="85" spans="1:4" ht="18" customHeight="1" x14ac:dyDescent="0.2">
      <c r="A85" s="31">
        <v>65</v>
      </c>
      <c r="B85" s="27">
        <v>17</v>
      </c>
      <c r="C85" s="28">
        <v>21</v>
      </c>
      <c r="D85" s="29">
        <v>38</v>
      </c>
    </row>
    <row r="86" spans="1:4" ht="18" customHeight="1" x14ac:dyDescent="0.2">
      <c r="A86" s="31">
        <v>66</v>
      </c>
      <c r="B86" s="27">
        <v>16</v>
      </c>
      <c r="C86" s="28">
        <v>12</v>
      </c>
      <c r="D86" s="29">
        <v>28</v>
      </c>
    </row>
    <row r="87" spans="1:4" ht="18" customHeight="1" x14ac:dyDescent="0.2">
      <c r="A87" s="31">
        <v>67</v>
      </c>
      <c r="B87" s="27">
        <v>25</v>
      </c>
      <c r="C87" s="28">
        <v>17</v>
      </c>
      <c r="D87" s="29">
        <v>42</v>
      </c>
    </row>
    <row r="88" spans="1:4" ht="18" customHeight="1" x14ac:dyDescent="0.2">
      <c r="A88" s="31">
        <v>68</v>
      </c>
      <c r="B88" s="27">
        <v>23</v>
      </c>
      <c r="C88" s="28">
        <v>20</v>
      </c>
      <c r="D88" s="29">
        <v>43</v>
      </c>
    </row>
    <row r="89" spans="1:4" ht="18" customHeight="1" x14ac:dyDescent="0.2">
      <c r="A89" s="31">
        <v>69</v>
      </c>
      <c r="B89" s="27">
        <v>21</v>
      </c>
      <c r="C89" s="28">
        <v>21</v>
      </c>
      <c r="D89" s="29">
        <v>42</v>
      </c>
    </row>
    <row r="90" spans="1:4" ht="18" customHeight="1" x14ac:dyDescent="0.2">
      <c r="A90" s="31" t="s">
        <v>63</v>
      </c>
      <c r="B90" s="27">
        <v>102</v>
      </c>
      <c r="C90" s="28">
        <v>91</v>
      </c>
      <c r="D90" s="29">
        <v>193</v>
      </c>
    </row>
    <row r="91" spans="1:4" ht="18" customHeight="1" x14ac:dyDescent="0.2">
      <c r="A91" s="31">
        <v>70</v>
      </c>
      <c r="B91" s="27">
        <v>20</v>
      </c>
      <c r="C91" s="28">
        <v>21</v>
      </c>
      <c r="D91" s="29">
        <v>41</v>
      </c>
    </row>
    <row r="92" spans="1:4" ht="18" customHeight="1" x14ac:dyDescent="0.2">
      <c r="A92" s="31">
        <v>71</v>
      </c>
      <c r="B92" s="27">
        <v>25</v>
      </c>
      <c r="C92" s="28">
        <v>39</v>
      </c>
      <c r="D92" s="29">
        <v>64</v>
      </c>
    </row>
    <row r="93" spans="1:4" ht="18" customHeight="1" x14ac:dyDescent="0.2">
      <c r="A93" s="31">
        <v>72</v>
      </c>
      <c r="B93" s="27">
        <v>32</v>
      </c>
      <c r="C93" s="28">
        <v>23</v>
      </c>
      <c r="D93" s="29">
        <v>55</v>
      </c>
    </row>
    <row r="94" spans="1:4" ht="18" customHeight="1" x14ac:dyDescent="0.2">
      <c r="A94" s="31">
        <v>73</v>
      </c>
      <c r="B94" s="27">
        <v>9</v>
      </c>
      <c r="C94" s="28">
        <v>13</v>
      </c>
      <c r="D94" s="29">
        <v>22</v>
      </c>
    </row>
    <row r="95" spans="1:4" ht="18" customHeight="1" x14ac:dyDescent="0.2">
      <c r="A95" s="31">
        <v>74</v>
      </c>
      <c r="B95" s="27">
        <v>15</v>
      </c>
      <c r="C95" s="28">
        <v>21</v>
      </c>
      <c r="D95" s="29">
        <v>36</v>
      </c>
    </row>
    <row r="96" spans="1:4" ht="18" customHeight="1" x14ac:dyDescent="0.2">
      <c r="A96" s="31" t="s">
        <v>64</v>
      </c>
      <c r="B96" s="27">
        <v>101</v>
      </c>
      <c r="C96" s="28">
        <v>117</v>
      </c>
      <c r="D96" s="29">
        <v>218</v>
      </c>
    </row>
    <row r="97" spans="1:4" ht="18" customHeight="1" x14ac:dyDescent="0.2">
      <c r="A97" s="31">
        <v>75</v>
      </c>
      <c r="B97" s="27">
        <v>16</v>
      </c>
      <c r="C97" s="28">
        <v>24</v>
      </c>
      <c r="D97" s="29">
        <v>40</v>
      </c>
    </row>
    <row r="98" spans="1:4" ht="18" customHeight="1" x14ac:dyDescent="0.2">
      <c r="A98" s="31">
        <v>76</v>
      </c>
      <c r="B98" s="27">
        <v>17</v>
      </c>
      <c r="C98" s="28">
        <v>23</v>
      </c>
      <c r="D98" s="29">
        <v>40</v>
      </c>
    </row>
    <row r="99" spans="1:4" ht="18" customHeight="1" x14ac:dyDescent="0.2">
      <c r="A99" s="31">
        <v>77</v>
      </c>
      <c r="B99" s="27">
        <v>17</v>
      </c>
      <c r="C99" s="28">
        <v>24</v>
      </c>
      <c r="D99" s="29">
        <v>41</v>
      </c>
    </row>
    <row r="100" spans="1:4" ht="18" customHeight="1" x14ac:dyDescent="0.2">
      <c r="A100" s="31">
        <v>78</v>
      </c>
      <c r="B100" s="27">
        <v>20</v>
      </c>
      <c r="C100" s="28">
        <v>23</v>
      </c>
      <c r="D100" s="29">
        <v>43</v>
      </c>
    </row>
    <row r="101" spans="1:4" ht="18" customHeight="1" x14ac:dyDescent="0.2">
      <c r="A101" s="31">
        <v>79</v>
      </c>
      <c r="B101" s="27">
        <v>14</v>
      </c>
      <c r="C101" s="28">
        <v>14</v>
      </c>
      <c r="D101" s="29">
        <v>28</v>
      </c>
    </row>
    <row r="102" spans="1:4" ht="18" customHeight="1" x14ac:dyDescent="0.2">
      <c r="A102" s="31" t="s">
        <v>65</v>
      </c>
      <c r="B102" s="27">
        <v>84</v>
      </c>
      <c r="C102" s="28">
        <v>108</v>
      </c>
      <c r="D102" s="29">
        <v>192</v>
      </c>
    </row>
    <row r="103" spans="1:4" ht="18" customHeight="1" x14ac:dyDescent="0.2">
      <c r="A103" s="31">
        <v>80</v>
      </c>
      <c r="B103" s="27">
        <v>11</v>
      </c>
      <c r="C103" s="28">
        <v>16</v>
      </c>
      <c r="D103" s="29">
        <v>27</v>
      </c>
    </row>
    <row r="104" spans="1:4" ht="18" customHeight="1" x14ac:dyDescent="0.2">
      <c r="A104" s="31">
        <v>81</v>
      </c>
      <c r="B104" s="27">
        <v>9</v>
      </c>
      <c r="C104" s="28">
        <v>23</v>
      </c>
      <c r="D104" s="29">
        <v>32</v>
      </c>
    </row>
    <row r="105" spans="1:4" ht="18" customHeight="1" x14ac:dyDescent="0.2">
      <c r="A105" s="31">
        <v>82</v>
      </c>
      <c r="B105" s="27">
        <v>11</v>
      </c>
      <c r="C105" s="28">
        <v>15</v>
      </c>
      <c r="D105" s="29">
        <v>26</v>
      </c>
    </row>
    <row r="106" spans="1:4" ht="18" customHeight="1" x14ac:dyDescent="0.2">
      <c r="A106" s="31">
        <v>83</v>
      </c>
      <c r="B106" s="27">
        <v>6</v>
      </c>
      <c r="C106" s="28">
        <v>20</v>
      </c>
      <c r="D106" s="29">
        <v>26</v>
      </c>
    </row>
    <row r="107" spans="1:4" ht="18" customHeight="1" x14ac:dyDescent="0.2">
      <c r="A107" s="31">
        <v>84</v>
      </c>
      <c r="B107" s="27">
        <v>7</v>
      </c>
      <c r="C107" s="28">
        <v>14</v>
      </c>
      <c r="D107" s="29">
        <v>21</v>
      </c>
    </row>
    <row r="108" spans="1:4" ht="18" customHeight="1" x14ac:dyDescent="0.2">
      <c r="A108" s="31" t="s">
        <v>66</v>
      </c>
      <c r="B108" s="27">
        <v>44</v>
      </c>
      <c r="C108" s="28">
        <v>88</v>
      </c>
      <c r="D108" s="29">
        <v>132</v>
      </c>
    </row>
    <row r="109" spans="1:4" ht="18" customHeight="1" x14ac:dyDescent="0.2">
      <c r="A109" s="31">
        <v>85</v>
      </c>
      <c r="B109" s="27">
        <v>13</v>
      </c>
      <c r="C109" s="28">
        <v>19</v>
      </c>
      <c r="D109" s="29">
        <v>32</v>
      </c>
    </row>
    <row r="110" spans="1:4" ht="18" customHeight="1" x14ac:dyDescent="0.2">
      <c r="A110" s="31">
        <v>86</v>
      </c>
      <c r="B110" s="27">
        <v>11</v>
      </c>
      <c r="C110" s="28">
        <v>17</v>
      </c>
      <c r="D110" s="29">
        <v>28</v>
      </c>
    </row>
    <row r="111" spans="1:4" ht="18" customHeight="1" x14ac:dyDescent="0.2">
      <c r="A111" s="31">
        <v>87</v>
      </c>
      <c r="B111" s="27">
        <v>6</v>
      </c>
      <c r="C111" s="28">
        <v>20</v>
      </c>
      <c r="D111" s="29">
        <v>26</v>
      </c>
    </row>
    <row r="112" spans="1:4" ht="18" customHeight="1" x14ac:dyDescent="0.2">
      <c r="A112" s="31">
        <v>88</v>
      </c>
      <c r="B112" s="27">
        <v>5</v>
      </c>
      <c r="C112" s="28">
        <v>16</v>
      </c>
      <c r="D112" s="29">
        <v>21</v>
      </c>
    </row>
    <row r="113" spans="1:4" ht="18" customHeight="1" x14ac:dyDescent="0.2">
      <c r="A113" s="31">
        <v>89</v>
      </c>
      <c r="B113" s="27">
        <v>6</v>
      </c>
      <c r="C113" s="28">
        <v>13</v>
      </c>
      <c r="D113" s="29">
        <v>19</v>
      </c>
    </row>
    <row r="114" spans="1:4" ht="18" customHeight="1" x14ac:dyDescent="0.2">
      <c r="A114" s="31" t="s">
        <v>67</v>
      </c>
      <c r="B114" s="27">
        <v>41</v>
      </c>
      <c r="C114" s="28">
        <v>85</v>
      </c>
      <c r="D114" s="29">
        <v>126</v>
      </c>
    </row>
    <row r="115" spans="1:4" ht="18" customHeight="1" x14ac:dyDescent="0.2">
      <c r="A115" s="31">
        <v>90</v>
      </c>
      <c r="B115" s="27">
        <v>10</v>
      </c>
      <c r="C115" s="28">
        <v>10</v>
      </c>
      <c r="D115" s="29">
        <v>20</v>
      </c>
    </row>
    <row r="116" spans="1:4" ht="18" customHeight="1" x14ac:dyDescent="0.2">
      <c r="A116" s="31">
        <v>91</v>
      </c>
      <c r="B116" s="27">
        <v>4</v>
      </c>
      <c r="C116" s="28">
        <v>7</v>
      </c>
      <c r="D116" s="29">
        <v>11</v>
      </c>
    </row>
    <row r="117" spans="1:4" ht="18" customHeight="1" x14ac:dyDescent="0.2">
      <c r="A117" s="31">
        <v>92</v>
      </c>
      <c r="B117" s="27">
        <v>2</v>
      </c>
      <c r="C117" s="28">
        <v>10</v>
      </c>
      <c r="D117" s="29">
        <v>12</v>
      </c>
    </row>
    <row r="118" spans="1:4" ht="18" customHeight="1" x14ac:dyDescent="0.2">
      <c r="A118" s="31">
        <v>93</v>
      </c>
      <c r="B118" s="27">
        <v>6</v>
      </c>
      <c r="C118" s="28">
        <v>8</v>
      </c>
      <c r="D118" s="29">
        <v>14</v>
      </c>
    </row>
    <row r="119" spans="1:4" ht="18" customHeight="1" x14ac:dyDescent="0.2">
      <c r="A119" s="31">
        <v>94</v>
      </c>
      <c r="B119" s="27">
        <v>0</v>
      </c>
      <c r="C119" s="28">
        <v>10</v>
      </c>
      <c r="D119" s="29">
        <v>10</v>
      </c>
    </row>
    <row r="120" spans="1:4" ht="18" customHeight="1" x14ac:dyDescent="0.2">
      <c r="A120" s="31" t="s">
        <v>68</v>
      </c>
      <c r="B120" s="27">
        <v>22</v>
      </c>
      <c r="C120" s="28">
        <v>45</v>
      </c>
      <c r="D120" s="29">
        <v>67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2</v>
      </c>
      <c r="C125" s="28">
        <v>0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14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399</v>
      </c>
      <c r="C130" s="5">
        <v>550</v>
      </c>
      <c r="D130" s="6">
        <v>949</v>
      </c>
    </row>
    <row r="131" spans="1:4" ht="18" customHeight="1" x14ac:dyDescent="0.2">
      <c r="A131" s="33" t="s">
        <v>47</v>
      </c>
      <c r="B131" s="7">
        <v>1019</v>
      </c>
      <c r="C131" s="8">
        <v>1109</v>
      </c>
      <c r="D131" s="9">
        <v>21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</v>
      </c>
      <c r="C5" s="37">
        <v>28</v>
      </c>
      <c r="D5" s="39">
        <v>47</v>
      </c>
    </row>
    <row r="6" spans="1:4" ht="18" customHeight="1" x14ac:dyDescent="0.2">
      <c r="A6" s="31">
        <v>1</v>
      </c>
      <c r="B6" s="35">
        <v>17</v>
      </c>
      <c r="C6" s="28">
        <v>19</v>
      </c>
      <c r="D6" s="29">
        <v>36</v>
      </c>
    </row>
    <row r="7" spans="1:4" ht="18" customHeight="1" x14ac:dyDescent="0.2">
      <c r="A7" s="31">
        <v>2</v>
      </c>
      <c r="B7" s="35">
        <v>20</v>
      </c>
      <c r="C7" s="28">
        <v>23</v>
      </c>
      <c r="D7" s="29">
        <v>43</v>
      </c>
    </row>
    <row r="8" spans="1:4" ht="18" customHeight="1" x14ac:dyDescent="0.2">
      <c r="A8" s="31">
        <v>3</v>
      </c>
      <c r="B8" s="35">
        <v>20</v>
      </c>
      <c r="C8" s="28">
        <v>32</v>
      </c>
      <c r="D8" s="29">
        <v>52</v>
      </c>
    </row>
    <row r="9" spans="1:4" ht="18" customHeight="1" x14ac:dyDescent="0.2">
      <c r="A9" s="31">
        <v>4</v>
      </c>
      <c r="B9" s="36">
        <v>24</v>
      </c>
      <c r="C9" s="38">
        <v>24</v>
      </c>
      <c r="D9" s="40">
        <v>48</v>
      </c>
    </row>
    <row r="10" spans="1:4" ht="18" customHeight="1" x14ac:dyDescent="0.2">
      <c r="A10" s="31" t="s">
        <v>48</v>
      </c>
      <c r="B10" s="27">
        <v>100</v>
      </c>
      <c r="C10" s="28">
        <v>126</v>
      </c>
      <c r="D10" s="29">
        <v>226</v>
      </c>
    </row>
    <row r="11" spans="1:4" ht="18" customHeight="1" x14ac:dyDescent="0.2">
      <c r="A11" s="31">
        <v>5</v>
      </c>
      <c r="B11" s="35">
        <v>20</v>
      </c>
      <c r="C11" s="28">
        <v>28</v>
      </c>
      <c r="D11" s="29">
        <v>48</v>
      </c>
    </row>
    <row r="12" spans="1:4" ht="18" customHeight="1" x14ac:dyDescent="0.2">
      <c r="A12" s="31">
        <v>6</v>
      </c>
      <c r="B12" s="35">
        <v>34</v>
      </c>
      <c r="C12" s="28">
        <v>28</v>
      </c>
      <c r="D12" s="29">
        <v>62</v>
      </c>
    </row>
    <row r="13" spans="1:4" ht="18" customHeight="1" x14ac:dyDescent="0.2">
      <c r="A13" s="31">
        <v>7</v>
      </c>
      <c r="B13" s="35">
        <v>24</v>
      </c>
      <c r="C13" s="28">
        <v>23</v>
      </c>
      <c r="D13" s="29">
        <v>47</v>
      </c>
    </row>
    <row r="14" spans="1:4" ht="18" customHeight="1" x14ac:dyDescent="0.2">
      <c r="A14" s="31">
        <v>8</v>
      </c>
      <c r="B14" s="35">
        <v>22</v>
      </c>
      <c r="C14" s="28">
        <v>17</v>
      </c>
      <c r="D14" s="29">
        <v>39</v>
      </c>
    </row>
    <row r="15" spans="1:4" ht="18" customHeight="1" x14ac:dyDescent="0.2">
      <c r="A15" s="31">
        <v>9</v>
      </c>
      <c r="B15" s="35">
        <v>22</v>
      </c>
      <c r="C15" s="28">
        <v>32</v>
      </c>
      <c r="D15" s="29">
        <v>54</v>
      </c>
    </row>
    <row r="16" spans="1:4" ht="18" customHeight="1" x14ac:dyDescent="0.2">
      <c r="A16" s="31" t="s">
        <v>49</v>
      </c>
      <c r="B16" s="27">
        <v>122</v>
      </c>
      <c r="C16" s="28">
        <v>128</v>
      </c>
      <c r="D16" s="29">
        <v>250</v>
      </c>
    </row>
    <row r="17" spans="1:4" ht="18" customHeight="1" x14ac:dyDescent="0.2">
      <c r="A17" s="31">
        <v>10</v>
      </c>
      <c r="B17" s="27">
        <v>25</v>
      </c>
      <c r="C17" s="28">
        <v>23</v>
      </c>
      <c r="D17" s="29">
        <v>48</v>
      </c>
    </row>
    <row r="18" spans="1:4" ht="18" customHeight="1" x14ac:dyDescent="0.2">
      <c r="A18" s="31">
        <v>11</v>
      </c>
      <c r="B18" s="27">
        <v>31</v>
      </c>
      <c r="C18" s="28">
        <v>21</v>
      </c>
      <c r="D18" s="29">
        <v>52</v>
      </c>
    </row>
    <row r="19" spans="1:4" ht="18" customHeight="1" x14ac:dyDescent="0.2">
      <c r="A19" s="31">
        <v>12</v>
      </c>
      <c r="B19" s="27">
        <v>27</v>
      </c>
      <c r="C19" s="28">
        <v>25</v>
      </c>
      <c r="D19" s="29">
        <v>52</v>
      </c>
    </row>
    <row r="20" spans="1:4" ht="18" customHeight="1" x14ac:dyDescent="0.2">
      <c r="A20" s="31">
        <v>13</v>
      </c>
      <c r="B20" s="27">
        <v>40</v>
      </c>
      <c r="C20" s="28">
        <v>26</v>
      </c>
      <c r="D20" s="29">
        <v>66</v>
      </c>
    </row>
    <row r="21" spans="1:4" ht="18" customHeight="1" x14ac:dyDescent="0.2">
      <c r="A21" s="31">
        <v>14</v>
      </c>
      <c r="B21" s="27">
        <v>36</v>
      </c>
      <c r="C21" s="28">
        <v>34</v>
      </c>
      <c r="D21" s="29">
        <v>70</v>
      </c>
    </row>
    <row r="22" spans="1:4" ht="18" customHeight="1" x14ac:dyDescent="0.2">
      <c r="A22" s="31" t="s">
        <v>50</v>
      </c>
      <c r="B22" s="27">
        <v>159</v>
      </c>
      <c r="C22" s="28">
        <v>129</v>
      </c>
      <c r="D22" s="29">
        <v>288</v>
      </c>
    </row>
    <row r="23" spans="1:4" ht="18" customHeight="1" x14ac:dyDescent="0.2">
      <c r="A23" s="31" t="s">
        <v>51</v>
      </c>
      <c r="B23" s="27">
        <v>381</v>
      </c>
      <c r="C23" s="28">
        <v>383</v>
      </c>
      <c r="D23" s="29">
        <v>764</v>
      </c>
    </row>
    <row r="24" spans="1:4" ht="18" customHeight="1" x14ac:dyDescent="0.2">
      <c r="A24" s="31">
        <v>15</v>
      </c>
      <c r="B24" s="27">
        <v>44</v>
      </c>
      <c r="C24" s="28">
        <v>33</v>
      </c>
      <c r="D24" s="29">
        <v>77</v>
      </c>
    </row>
    <row r="25" spans="1:4" ht="18" customHeight="1" x14ac:dyDescent="0.2">
      <c r="A25" s="31">
        <v>16</v>
      </c>
      <c r="B25" s="27">
        <v>36</v>
      </c>
      <c r="C25" s="28">
        <v>35</v>
      </c>
      <c r="D25" s="29">
        <v>71</v>
      </c>
    </row>
    <row r="26" spans="1:4" ht="18" customHeight="1" x14ac:dyDescent="0.2">
      <c r="A26" s="31">
        <v>17</v>
      </c>
      <c r="B26" s="27">
        <v>48</v>
      </c>
      <c r="C26" s="28">
        <v>26</v>
      </c>
      <c r="D26" s="29">
        <v>74</v>
      </c>
    </row>
    <row r="27" spans="1:4" ht="18" customHeight="1" x14ac:dyDescent="0.2">
      <c r="A27" s="31">
        <v>18</v>
      </c>
      <c r="B27" s="27">
        <v>34</v>
      </c>
      <c r="C27" s="28">
        <v>35</v>
      </c>
      <c r="D27" s="29">
        <v>69</v>
      </c>
    </row>
    <row r="28" spans="1:4" ht="18" customHeight="1" x14ac:dyDescent="0.2">
      <c r="A28" s="31">
        <v>19</v>
      </c>
      <c r="B28" s="27">
        <v>35</v>
      </c>
      <c r="C28" s="28">
        <v>46</v>
      </c>
      <c r="D28" s="29">
        <v>81</v>
      </c>
    </row>
    <row r="29" spans="1:4" ht="18" customHeight="1" x14ac:dyDescent="0.2">
      <c r="A29" s="31" t="s">
        <v>52</v>
      </c>
      <c r="B29" s="27">
        <v>197</v>
      </c>
      <c r="C29" s="28">
        <v>175</v>
      </c>
      <c r="D29" s="29">
        <v>372</v>
      </c>
    </row>
    <row r="30" spans="1:4" ht="18" customHeight="1" x14ac:dyDescent="0.2">
      <c r="A30" s="31">
        <v>20</v>
      </c>
      <c r="B30" s="27">
        <v>53</v>
      </c>
      <c r="C30" s="28">
        <v>35</v>
      </c>
      <c r="D30" s="29">
        <v>88</v>
      </c>
    </row>
    <row r="31" spans="1:4" ht="18" customHeight="1" x14ac:dyDescent="0.2">
      <c r="A31" s="31">
        <v>21</v>
      </c>
      <c r="B31" s="27">
        <v>48</v>
      </c>
      <c r="C31" s="28">
        <v>37</v>
      </c>
      <c r="D31" s="29">
        <v>85</v>
      </c>
    </row>
    <row r="32" spans="1:4" ht="18" customHeight="1" x14ac:dyDescent="0.2">
      <c r="A32" s="31">
        <v>22</v>
      </c>
      <c r="B32" s="27">
        <v>35</v>
      </c>
      <c r="C32" s="28">
        <v>40</v>
      </c>
      <c r="D32" s="29">
        <v>75</v>
      </c>
    </row>
    <row r="33" spans="1:4" ht="18" customHeight="1" x14ac:dyDescent="0.2">
      <c r="A33" s="31">
        <v>23</v>
      </c>
      <c r="B33" s="27">
        <v>49</v>
      </c>
      <c r="C33" s="28">
        <v>32</v>
      </c>
      <c r="D33" s="29">
        <v>81</v>
      </c>
    </row>
    <row r="34" spans="1:4" ht="18" customHeight="1" x14ac:dyDescent="0.2">
      <c r="A34" s="31">
        <v>24</v>
      </c>
      <c r="B34" s="27">
        <v>39</v>
      </c>
      <c r="C34" s="28">
        <v>35</v>
      </c>
      <c r="D34" s="29">
        <v>74</v>
      </c>
    </row>
    <row r="35" spans="1:4" ht="18" customHeight="1" x14ac:dyDescent="0.2">
      <c r="A35" s="31" t="s">
        <v>53</v>
      </c>
      <c r="B35" s="27">
        <v>224</v>
      </c>
      <c r="C35" s="28">
        <v>179</v>
      </c>
      <c r="D35" s="29">
        <v>403</v>
      </c>
    </row>
    <row r="36" spans="1:4" ht="18" customHeight="1" x14ac:dyDescent="0.2">
      <c r="A36" s="31">
        <v>25</v>
      </c>
      <c r="B36" s="27">
        <v>40</v>
      </c>
      <c r="C36" s="28">
        <v>23</v>
      </c>
      <c r="D36" s="29">
        <v>63</v>
      </c>
    </row>
    <row r="37" spans="1:4" ht="18" customHeight="1" x14ac:dyDescent="0.2">
      <c r="A37" s="31">
        <v>26</v>
      </c>
      <c r="B37" s="27">
        <v>27</v>
      </c>
      <c r="C37" s="28">
        <v>32</v>
      </c>
      <c r="D37" s="29">
        <v>59</v>
      </c>
    </row>
    <row r="38" spans="1:4" ht="18" customHeight="1" x14ac:dyDescent="0.2">
      <c r="A38" s="31">
        <v>27</v>
      </c>
      <c r="B38" s="27">
        <v>41</v>
      </c>
      <c r="C38" s="28">
        <v>27</v>
      </c>
      <c r="D38" s="29">
        <v>68</v>
      </c>
    </row>
    <row r="39" spans="1:4" ht="18" customHeight="1" x14ac:dyDescent="0.2">
      <c r="A39" s="31">
        <v>28</v>
      </c>
      <c r="B39" s="27">
        <v>40</v>
      </c>
      <c r="C39" s="28">
        <v>26</v>
      </c>
      <c r="D39" s="29">
        <v>66</v>
      </c>
    </row>
    <row r="40" spans="1:4" ht="18" customHeight="1" x14ac:dyDescent="0.2">
      <c r="A40" s="31">
        <v>29</v>
      </c>
      <c r="B40" s="27">
        <v>42</v>
      </c>
      <c r="C40" s="28">
        <v>20</v>
      </c>
      <c r="D40" s="29">
        <v>62</v>
      </c>
    </row>
    <row r="41" spans="1:4" ht="18" customHeight="1" x14ac:dyDescent="0.2">
      <c r="A41" s="31" t="s">
        <v>54</v>
      </c>
      <c r="B41" s="27">
        <v>190</v>
      </c>
      <c r="C41" s="28">
        <v>128</v>
      </c>
      <c r="D41" s="29">
        <v>318</v>
      </c>
    </row>
    <row r="42" spans="1:4" ht="18" customHeight="1" x14ac:dyDescent="0.2">
      <c r="A42" s="31">
        <v>30</v>
      </c>
      <c r="B42" s="27">
        <v>34</v>
      </c>
      <c r="C42" s="28">
        <v>23</v>
      </c>
      <c r="D42" s="29">
        <v>57</v>
      </c>
    </row>
    <row r="43" spans="1:4" ht="18" customHeight="1" x14ac:dyDescent="0.2">
      <c r="A43" s="31">
        <v>31</v>
      </c>
      <c r="B43" s="27">
        <v>39</v>
      </c>
      <c r="C43" s="28">
        <v>24</v>
      </c>
      <c r="D43" s="29">
        <v>63</v>
      </c>
    </row>
    <row r="44" spans="1:4" ht="18" customHeight="1" x14ac:dyDescent="0.2">
      <c r="A44" s="31">
        <v>32</v>
      </c>
      <c r="B44" s="27">
        <v>40</v>
      </c>
      <c r="C44" s="28">
        <v>40</v>
      </c>
      <c r="D44" s="29">
        <v>80</v>
      </c>
    </row>
    <row r="45" spans="1:4" ht="18" customHeight="1" x14ac:dyDescent="0.2">
      <c r="A45" s="31">
        <v>33</v>
      </c>
      <c r="B45" s="27">
        <v>39</v>
      </c>
      <c r="C45" s="28">
        <v>37</v>
      </c>
      <c r="D45" s="29">
        <v>76</v>
      </c>
    </row>
    <row r="46" spans="1:4" ht="18" customHeight="1" x14ac:dyDescent="0.2">
      <c r="A46" s="31">
        <v>34</v>
      </c>
      <c r="B46" s="27">
        <v>29</v>
      </c>
      <c r="C46" s="28">
        <v>38</v>
      </c>
      <c r="D46" s="29">
        <v>67</v>
      </c>
    </row>
    <row r="47" spans="1:4" ht="18" customHeight="1" x14ac:dyDescent="0.2">
      <c r="A47" s="31" t="s">
        <v>55</v>
      </c>
      <c r="B47" s="27">
        <v>181</v>
      </c>
      <c r="C47" s="28">
        <v>162</v>
      </c>
      <c r="D47" s="29">
        <v>343</v>
      </c>
    </row>
    <row r="48" spans="1:4" ht="18" customHeight="1" x14ac:dyDescent="0.2">
      <c r="A48" s="31">
        <v>35</v>
      </c>
      <c r="B48" s="27">
        <v>40</v>
      </c>
      <c r="C48" s="28">
        <v>43</v>
      </c>
      <c r="D48" s="29">
        <v>83</v>
      </c>
    </row>
    <row r="49" spans="1:4" ht="18" customHeight="1" x14ac:dyDescent="0.2">
      <c r="A49" s="31">
        <v>36</v>
      </c>
      <c r="B49" s="27">
        <v>40</v>
      </c>
      <c r="C49" s="28">
        <v>38</v>
      </c>
      <c r="D49" s="29">
        <v>78</v>
      </c>
    </row>
    <row r="50" spans="1:4" ht="18" customHeight="1" x14ac:dyDescent="0.2">
      <c r="A50" s="31">
        <v>37</v>
      </c>
      <c r="B50" s="27">
        <v>36</v>
      </c>
      <c r="C50" s="28">
        <v>38</v>
      </c>
      <c r="D50" s="29">
        <v>74</v>
      </c>
    </row>
    <row r="51" spans="1:4" ht="18" customHeight="1" x14ac:dyDescent="0.2">
      <c r="A51" s="31">
        <v>38</v>
      </c>
      <c r="B51" s="27">
        <v>42</v>
      </c>
      <c r="C51" s="28">
        <v>42</v>
      </c>
      <c r="D51" s="29">
        <v>84</v>
      </c>
    </row>
    <row r="52" spans="1:4" ht="18" customHeight="1" x14ac:dyDescent="0.2">
      <c r="A52" s="31">
        <v>39</v>
      </c>
      <c r="B52" s="27">
        <v>44</v>
      </c>
      <c r="C52" s="28">
        <v>39</v>
      </c>
      <c r="D52" s="29">
        <v>83</v>
      </c>
    </row>
    <row r="53" spans="1:4" ht="18" customHeight="1" x14ac:dyDescent="0.2">
      <c r="A53" s="31" t="s">
        <v>56</v>
      </c>
      <c r="B53" s="27">
        <v>202</v>
      </c>
      <c r="C53" s="28">
        <v>200</v>
      </c>
      <c r="D53" s="29">
        <v>402</v>
      </c>
    </row>
    <row r="54" spans="1:4" ht="18" customHeight="1" x14ac:dyDescent="0.2">
      <c r="A54" s="31">
        <v>40</v>
      </c>
      <c r="B54" s="27">
        <v>48</v>
      </c>
      <c r="C54" s="28">
        <v>42</v>
      </c>
      <c r="D54" s="29">
        <v>90</v>
      </c>
    </row>
    <row r="55" spans="1:4" ht="18" customHeight="1" x14ac:dyDescent="0.2">
      <c r="A55" s="31">
        <v>41</v>
      </c>
      <c r="B55" s="27">
        <v>42</v>
      </c>
      <c r="C55" s="28">
        <v>41</v>
      </c>
      <c r="D55" s="29">
        <v>83</v>
      </c>
    </row>
    <row r="56" spans="1:4" ht="18" customHeight="1" x14ac:dyDescent="0.2">
      <c r="A56" s="31">
        <v>42</v>
      </c>
      <c r="B56" s="27">
        <v>40</v>
      </c>
      <c r="C56" s="28">
        <v>46</v>
      </c>
      <c r="D56" s="29">
        <v>86</v>
      </c>
    </row>
    <row r="57" spans="1:4" ht="18" customHeight="1" x14ac:dyDescent="0.2">
      <c r="A57" s="31">
        <v>43</v>
      </c>
      <c r="B57" s="27">
        <v>52</v>
      </c>
      <c r="C57" s="28">
        <v>36</v>
      </c>
      <c r="D57" s="29">
        <v>88</v>
      </c>
    </row>
    <row r="58" spans="1:4" ht="18" customHeight="1" x14ac:dyDescent="0.2">
      <c r="A58" s="31">
        <v>44</v>
      </c>
      <c r="B58" s="27">
        <v>47</v>
      </c>
      <c r="C58" s="28">
        <v>51</v>
      </c>
      <c r="D58" s="29">
        <v>98</v>
      </c>
    </row>
    <row r="59" spans="1:4" ht="18" customHeight="1" x14ac:dyDescent="0.2">
      <c r="A59" s="31" t="s">
        <v>57</v>
      </c>
      <c r="B59" s="27">
        <v>229</v>
      </c>
      <c r="C59" s="28">
        <v>216</v>
      </c>
      <c r="D59" s="29">
        <v>445</v>
      </c>
    </row>
    <row r="60" spans="1:4" ht="18" customHeight="1" x14ac:dyDescent="0.2">
      <c r="A60" s="31">
        <v>45</v>
      </c>
      <c r="B60" s="27">
        <v>49</v>
      </c>
      <c r="C60" s="28">
        <v>43</v>
      </c>
      <c r="D60" s="29">
        <v>92</v>
      </c>
    </row>
    <row r="61" spans="1:4" ht="18" customHeight="1" x14ac:dyDescent="0.2">
      <c r="A61" s="31">
        <v>46</v>
      </c>
      <c r="B61" s="27">
        <v>52</v>
      </c>
      <c r="C61" s="28">
        <v>52</v>
      </c>
      <c r="D61" s="29">
        <v>104</v>
      </c>
    </row>
    <row r="62" spans="1:4" ht="18" customHeight="1" x14ac:dyDescent="0.2">
      <c r="A62" s="31">
        <v>47</v>
      </c>
      <c r="B62" s="27">
        <v>53</v>
      </c>
      <c r="C62" s="28">
        <v>54</v>
      </c>
      <c r="D62" s="29">
        <v>107</v>
      </c>
    </row>
    <row r="63" spans="1:4" ht="18" customHeight="1" x14ac:dyDescent="0.2">
      <c r="A63" s="31">
        <v>48</v>
      </c>
      <c r="B63" s="27">
        <v>51</v>
      </c>
      <c r="C63" s="28">
        <v>39</v>
      </c>
      <c r="D63" s="29">
        <v>90</v>
      </c>
    </row>
    <row r="64" spans="1:4" ht="18" customHeight="1" x14ac:dyDescent="0.2">
      <c r="A64" s="31">
        <v>49</v>
      </c>
      <c r="B64" s="27">
        <v>70</v>
      </c>
      <c r="C64" s="28">
        <v>57</v>
      </c>
      <c r="D64" s="29">
        <v>127</v>
      </c>
    </row>
    <row r="65" spans="1:4" ht="18" customHeight="1" x14ac:dyDescent="0.2">
      <c r="A65" s="31" t="s">
        <v>58</v>
      </c>
      <c r="B65" s="27">
        <v>275</v>
      </c>
      <c r="C65" s="28">
        <v>245</v>
      </c>
      <c r="D65" s="29">
        <v>520</v>
      </c>
    </row>
    <row r="66" spans="1:4" ht="18" customHeight="1" x14ac:dyDescent="0.2">
      <c r="A66" s="31">
        <v>50</v>
      </c>
      <c r="B66" s="27">
        <v>43</v>
      </c>
      <c r="C66" s="28">
        <v>51</v>
      </c>
      <c r="D66" s="29">
        <v>94</v>
      </c>
    </row>
    <row r="67" spans="1:4" ht="18" customHeight="1" x14ac:dyDescent="0.2">
      <c r="A67" s="31">
        <v>51</v>
      </c>
      <c r="B67" s="27">
        <v>54</v>
      </c>
      <c r="C67" s="28">
        <v>59</v>
      </c>
      <c r="D67" s="29">
        <v>113</v>
      </c>
    </row>
    <row r="68" spans="1:4" ht="18" customHeight="1" x14ac:dyDescent="0.2">
      <c r="A68" s="31">
        <v>52</v>
      </c>
      <c r="B68" s="27">
        <v>49</v>
      </c>
      <c r="C68" s="28">
        <v>45</v>
      </c>
      <c r="D68" s="29">
        <v>94</v>
      </c>
    </row>
    <row r="69" spans="1:4" ht="18" customHeight="1" x14ac:dyDescent="0.2">
      <c r="A69" s="31">
        <v>53</v>
      </c>
      <c r="B69" s="27">
        <v>31</v>
      </c>
      <c r="C69" s="28">
        <v>41</v>
      </c>
      <c r="D69" s="29">
        <v>72</v>
      </c>
    </row>
    <row r="70" spans="1:4" ht="18" customHeight="1" x14ac:dyDescent="0.2">
      <c r="A70" s="31">
        <v>54</v>
      </c>
      <c r="B70" s="27">
        <v>48</v>
      </c>
      <c r="C70" s="28">
        <v>41</v>
      </c>
      <c r="D70" s="29">
        <v>89</v>
      </c>
    </row>
    <row r="71" spans="1:4" ht="18" customHeight="1" x14ac:dyDescent="0.2">
      <c r="A71" s="31" t="s">
        <v>59</v>
      </c>
      <c r="B71" s="27">
        <v>225</v>
      </c>
      <c r="C71" s="28">
        <v>237</v>
      </c>
      <c r="D71" s="29">
        <v>462</v>
      </c>
    </row>
    <row r="72" spans="1:4" ht="18" customHeight="1" x14ac:dyDescent="0.2">
      <c r="A72" s="31">
        <v>55</v>
      </c>
      <c r="B72" s="27">
        <v>44</v>
      </c>
      <c r="C72" s="28">
        <v>44</v>
      </c>
      <c r="D72" s="29">
        <v>88</v>
      </c>
    </row>
    <row r="73" spans="1:4" ht="18" customHeight="1" x14ac:dyDescent="0.2">
      <c r="A73" s="31">
        <v>56</v>
      </c>
      <c r="B73" s="27">
        <v>41</v>
      </c>
      <c r="C73" s="28">
        <v>44</v>
      </c>
      <c r="D73" s="29">
        <v>85</v>
      </c>
    </row>
    <row r="74" spans="1:4" ht="18" customHeight="1" x14ac:dyDescent="0.2">
      <c r="A74" s="31">
        <v>57</v>
      </c>
      <c r="B74" s="27">
        <v>47</v>
      </c>
      <c r="C74" s="28">
        <v>44</v>
      </c>
      <c r="D74" s="29">
        <v>91</v>
      </c>
    </row>
    <row r="75" spans="1:4" ht="18" customHeight="1" x14ac:dyDescent="0.2">
      <c r="A75" s="31">
        <v>58</v>
      </c>
      <c r="B75" s="27">
        <v>45</v>
      </c>
      <c r="C75" s="28">
        <v>66</v>
      </c>
      <c r="D75" s="29">
        <v>111</v>
      </c>
    </row>
    <row r="76" spans="1:4" ht="18" customHeight="1" x14ac:dyDescent="0.2">
      <c r="A76" s="31">
        <v>59</v>
      </c>
      <c r="B76" s="27">
        <v>54</v>
      </c>
      <c r="C76" s="28">
        <v>39</v>
      </c>
      <c r="D76" s="29">
        <v>93</v>
      </c>
    </row>
    <row r="77" spans="1:4" ht="18" customHeight="1" x14ac:dyDescent="0.2">
      <c r="A77" s="31" t="s">
        <v>60</v>
      </c>
      <c r="B77" s="27">
        <v>231</v>
      </c>
      <c r="C77" s="28">
        <v>237</v>
      </c>
      <c r="D77" s="29">
        <v>468</v>
      </c>
    </row>
    <row r="78" spans="1:4" ht="18" customHeight="1" x14ac:dyDescent="0.2">
      <c r="A78" s="31">
        <v>60</v>
      </c>
      <c r="B78" s="27">
        <v>37</v>
      </c>
      <c r="C78" s="28">
        <v>38</v>
      </c>
      <c r="D78" s="29">
        <v>75</v>
      </c>
    </row>
    <row r="79" spans="1:4" ht="18" customHeight="1" x14ac:dyDescent="0.2">
      <c r="A79" s="31">
        <v>61</v>
      </c>
      <c r="B79" s="27">
        <v>42</v>
      </c>
      <c r="C79" s="28">
        <v>42</v>
      </c>
      <c r="D79" s="29">
        <v>84</v>
      </c>
    </row>
    <row r="80" spans="1:4" ht="18" customHeight="1" x14ac:dyDescent="0.2">
      <c r="A80" s="31">
        <v>62</v>
      </c>
      <c r="B80" s="27">
        <v>38</v>
      </c>
      <c r="C80" s="28">
        <v>48</v>
      </c>
      <c r="D80" s="29">
        <v>86</v>
      </c>
    </row>
    <row r="81" spans="1:4" ht="18" customHeight="1" x14ac:dyDescent="0.2">
      <c r="A81" s="31">
        <v>63</v>
      </c>
      <c r="B81" s="27">
        <v>59</v>
      </c>
      <c r="C81" s="28">
        <v>43</v>
      </c>
      <c r="D81" s="29">
        <v>102</v>
      </c>
    </row>
    <row r="82" spans="1:4" ht="18" customHeight="1" x14ac:dyDescent="0.2">
      <c r="A82" s="31">
        <v>64</v>
      </c>
      <c r="B82" s="27">
        <v>54</v>
      </c>
      <c r="C82" s="28">
        <v>48</v>
      </c>
      <c r="D82" s="29">
        <v>102</v>
      </c>
    </row>
    <row r="83" spans="1:4" ht="18" customHeight="1" x14ac:dyDescent="0.2">
      <c r="A83" s="31" t="s">
        <v>61</v>
      </c>
      <c r="B83" s="27">
        <v>230</v>
      </c>
      <c r="C83" s="28">
        <v>219</v>
      </c>
      <c r="D83" s="29">
        <v>449</v>
      </c>
    </row>
    <row r="84" spans="1:4" ht="18" customHeight="1" x14ac:dyDescent="0.2">
      <c r="A84" s="31" t="s">
        <v>62</v>
      </c>
      <c r="B84" s="27">
        <v>2184</v>
      </c>
      <c r="C84" s="28">
        <v>1998</v>
      </c>
      <c r="D84" s="29">
        <v>4182</v>
      </c>
    </row>
    <row r="85" spans="1:4" ht="18" customHeight="1" x14ac:dyDescent="0.2">
      <c r="A85" s="31">
        <v>65</v>
      </c>
      <c r="B85" s="27">
        <v>44</v>
      </c>
      <c r="C85" s="28">
        <v>58</v>
      </c>
      <c r="D85" s="29">
        <v>102</v>
      </c>
    </row>
    <row r="86" spans="1:4" ht="18" customHeight="1" x14ac:dyDescent="0.2">
      <c r="A86" s="31">
        <v>66</v>
      </c>
      <c r="B86" s="27">
        <v>60</v>
      </c>
      <c r="C86" s="28">
        <v>60</v>
      </c>
      <c r="D86" s="29">
        <v>120</v>
      </c>
    </row>
    <row r="87" spans="1:4" ht="18" customHeight="1" x14ac:dyDescent="0.2">
      <c r="A87" s="31">
        <v>67</v>
      </c>
      <c r="B87" s="27">
        <v>60</v>
      </c>
      <c r="C87" s="28">
        <v>49</v>
      </c>
      <c r="D87" s="29">
        <v>109</v>
      </c>
    </row>
    <row r="88" spans="1:4" ht="18" customHeight="1" x14ac:dyDescent="0.2">
      <c r="A88" s="31">
        <v>68</v>
      </c>
      <c r="B88" s="27">
        <v>56</v>
      </c>
      <c r="C88" s="28">
        <v>63</v>
      </c>
      <c r="D88" s="29">
        <v>119</v>
      </c>
    </row>
    <row r="89" spans="1:4" ht="18" customHeight="1" x14ac:dyDescent="0.2">
      <c r="A89" s="31">
        <v>69</v>
      </c>
      <c r="B89" s="27">
        <v>73</v>
      </c>
      <c r="C89" s="28">
        <v>57</v>
      </c>
      <c r="D89" s="29">
        <v>130</v>
      </c>
    </row>
    <row r="90" spans="1:4" ht="18" customHeight="1" x14ac:dyDescent="0.2">
      <c r="A90" s="31" t="s">
        <v>63</v>
      </c>
      <c r="B90" s="27">
        <v>293</v>
      </c>
      <c r="C90" s="28">
        <v>287</v>
      </c>
      <c r="D90" s="29">
        <v>580</v>
      </c>
    </row>
    <row r="91" spans="1:4" ht="18" customHeight="1" x14ac:dyDescent="0.2">
      <c r="A91" s="31">
        <v>70</v>
      </c>
      <c r="B91" s="27">
        <v>63</v>
      </c>
      <c r="C91" s="28">
        <v>57</v>
      </c>
      <c r="D91" s="29">
        <v>120</v>
      </c>
    </row>
    <row r="92" spans="1:4" ht="18" customHeight="1" x14ac:dyDescent="0.2">
      <c r="A92" s="31">
        <v>71</v>
      </c>
      <c r="B92" s="27">
        <v>83</v>
      </c>
      <c r="C92" s="28">
        <v>67</v>
      </c>
      <c r="D92" s="29">
        <v>150</v>
      </c>
    </row>
    <row r="93" spans="1:4" ht="18" customHeight="1" x14ac:dyDescent="0.2">
      <c r="A93" s="31">
        <v>72</v>
      </c>
      <c r="B93" s="27">
        <v>56</v>
      </c>
      <c r="C93" s="28">
        <v>63</v>
      </c>
      <c r="D93" s="29">
        <v>119</v>
      </c>
    </row>
    <row r="94" spans="1:4" ht="18" customHeight="1" x14ac:dyDescent="0.2">
      <c r="A94" s="31">
        <v>73</v>
      </c>
      <c r="B94" s="27">
        <v>36</v>
      </c>
      <c r="C94" s="28">
        <v>34</v>
      </c>
      <c r="D94" s="29">
        <v>70</v>
      </c>
    </row>
    <row r="95" spans="1:4" ht="18" customHeight="1" x14ac:dyDescent="0.2">
      <c r="A95" s="31">
        <v>74</v>
      </c>
      <c r="B95" s="27">
        <v>35</v>
      </c>
      <c r="C95" s="28">
        <v>40</v>
      </c>
      <c r="D95" s="29">
        <v>75</v>
      </c>
    </row>
    <row r="96" spans="1:4" ht="18" customHeight="1" x14ac:dyDescent="0.2">
      <c r="A96" s="31" t="s">
        <v>64</v>
      </c>
      <c r="B96" s="27">
        <v>273</v>
      </c>
      <c r="C96" s="28">
        <v>261</v>
      </c>
      <c r="D96" s="29">
        <v>534</v>
      </c>
    </row>
    <row r="97" spans="1:4" ht="18" customHeight="1" x14ac:dyDescent="0.2">
      <c r="A97" s="31">
        <v>75</v>
      </c>
      <c r="B97" s="27">
        <v>47</v>
      </c>
      <c r="C97" s="28">
        <v>46</v>
      </c>
      <c r="D97" s="29">
        <v>93</v>
      </c>
    </row>
    <row r="98" spans="1:4" ht="18" customHeight="1" x14ac:dyDescent="0.2">
      <c r="A98" s="31">
        <v>76</v>
      </c>
      <c r="B98" s="27">
        <v>32</v>
      </c>
      <c r="C98" s="28">
        <v>46</v>
      </c>
      <c r="D98" s="29">
        <v>78</v>
      </c>
    </row>
    <row r="99" spans="1:4" ht="18" customHeight="1" x14ac:dyDescent="0.2">
      <c r="A99" s="31">
        <v>77</v>
      </c>
      <c r="B99" s="27">
        <v>49</v>
      </c>
      <c r="C99" s="28">
        <v>55</v>
      </c>
      <c r="D99" s="29">
        <v>104</v>
      </c>
    </row>
    <row r="100" spans="1:4" ht="18" customHeight="1" x14ac:dyDescent="0.2">
      <c r="A100" s="31">
        <v>78</v>
      </c>
      <c r="B100" s="27">
        <v>51</v>
      </c>
      <c r="C100" s="28">
        <v>40</v>
      </c>
      <c r="D100" s="29">
        <v>91</v>
      </c>
    </row>
    <row r="101" spans="1:4" ht="18" customHeight="1" x14ac:dyDescent="0.2">
      <c r="A101" s="31">
        <v>79</v>
      </c>
      <c r="B101" s="27">
        <v>22</v>
      </c>
      <c r="C101" s="28">
        <v>31</v>
      </c>
      <c r="D101" s="29">
        <v>53</v>
      </c>
    </row>
    <row r="102" spans="1:4" ht="18" customHeight="1" x14ac:dyDescent="0.2">
      <c r="A102" s="31" t="s">
        <v>65</v>
      </c>
      <c r="B102" s="27">
        <v>201</v>
      </c>
      <c r="C102" s="28">
        <v>218</v>
      </c>
      <c r="D102" s="29">
        <v>419</v>
      </c>
    </row>
    <row r="103" spans="1:4" ht="18" customHeight="1" x14ac:dyDescent="0.2">
      <c r="A103" s="31">
        <v>80</v>
      </c>
      <c r="B103" s="27">
        <v>23</v>
      </c>
      <c r="C103" s="28">
        <v>29</v>
      </c>
      <c r="D103" s="29">
        <v>52</v>
      </c>
    </row>
    <row r="104" spans="1:4" ht="18" customHeight="1" x14ac:dyDescent="0.2">
      <c r="A104" s="31">
        <v>81</v>
      </c>
      <c r="B104" s="27">
        <v>23</v>
      </c>
      <c r="C104" s="28">
        <v>31</v>
      </c>
      <c r="D104" s="29">
        <v>54</v>
      </c>
    </row>
    <row r="105" spans="1:4" ht="18" customHeight="1" x14ac:dyDescent="0.2">
      <c r="A105" s="31">
        <v>82</v>
      </c>
      <c r="B105" s="27">
        <v>27</v>
      </c>
      <c r="C105" s="28">
        <v>44</v>
      </c>
      <c r="D105" s="29">
        <v>71</v>
      </c>
    </row>
    <row r="106" spans="1:4" ht="18" customHeight="1" x14ac:dyDescent="0.2">
      <c r="A106" s="31">
        <v>83</v>
      </c>
      <c r="B106" s="27">
        <v>37</v>
      </c>
      <c r="C106" s="28">
        <v>42</v>
      </c>
      <c r="D106" s="29">
        <v>79</v>
      </c>
    </row>
    <row r="107" spans="1:4" ht="18" customHeight="1" x14ac:dyDescent="0.2">
      <c r="A107" s="31">
        <v>84</v>
      </c>
      <c r="B107" s="27">
        <v>19</v>
      </c>
      <c r="C107" s="28">
        <v>27</v>
      </c>
      <c r="D107" s="29">
        <v>46</v>
      </c>
    </row>
    <row r="108" spans="1:4" ht="18" customHeight="1" x14ac:dyDescent="0.2">
      <c r="A108" s="31" t="s">
        <v>66</v>
      </c>
      <c r="B108" s="27">
        <v>129</v>
      </c>
      <c r="C108" s="28">
        <v>173</v>
      </c>
      <c r="D108" s="29">
        <v>302</v>
      </c>
    </row>
    <row r="109" spans="1:4" ht="18" customHeight="1" x14ac:dyDescent="0.2">
      <c r="A109" s="31">
        <v>85</v>
      </c>
      <c r="B109" s="27">
        <v>24</v>
      </c>
      <c r="C109" s="28">
        <v>35</v>
      </c>
      <c r="D109" s="29">
        <v>59</v>
      </c>
    </row>
    <row r="110" spans="1:4" ht="18" customHeight="1" x14ac:dyDescent="0.2">
      <c r="A110" s="31">
        <v>86</v>
      </c>
      <c r="B110" s="27">
        <v>21</v>
      </c>
      <c r="C110" s="28">
        <v>20</v>
      </c>
      <c r="D110" s="29">
        <v>41</v>
      </c>
    </row>
    <row r="111" spans="1:4" ht="18" customHeight="1" x14ac:dyDescent="0.2">
      <c r="A111" s="31">
        <v>87</v>
      </c>
      <c r="B111" s="27">
        <v>14</v>
      </c>
      <c r="C111" s="28">
        <v>24</v>
      </c>
      <c r="D111" s="29">
        <v>38</v>
      </c>
    </row>
    <row r="112" spans="1:4" ht="18" customHeight="1" x14ac:dyDescent="0.2">
      <c r="A112" s="31">
        <v>88</v>
      </c>
      <c r="B112" s="27">
        <v>12</v>
      </c>
      <c r="C112" s="28">
        <v>34</v>
      </c>
      <c r="D112" s="29">
        <v>46</v>
      </c>
    </row>
    <row r="113" spans="1:4" ht="18" customHeight="1" x14ac:dyDescent="0.2">
      <c r="A113" s="31">
        <v>89</v>
      </c>
      <c r="B113" s="27">
        <v>10</v>
      </c>
      <c r="C113" s="28">
        <v>23</v>
      </c>
      <c r="D113" s="29">
        <v>33</v>
      </c>
    </row>
    <row r="114" spans="1:4" ht="18" customHeight="1" x14ac:dyDescent="0.2">
      <c r="A114" s="31" t="s">
        <v>67</v>
      </c>
      <c r="B114" s="27">
        <v>81</v>
      </c>
      <c r="C114" s="28">
        <v>136</v>
      </c>
      <c r="D114" s="29">
        <v>217</v>
      </c>
    </row>
    <row r="115" spans="1:4" ht="18" customHeight="1" x14ac:dyDescent="0.2">
      <c r="A115" s="31">
        <v>90</v>
      </c>
      <c r="B115" s="27">
        <v>20</v>
      </c>
      <c r="C115" s="28">
        <v>24</v>
      </c>
      <c r="D115" s="29">
        <v>44</v>
      </c>
    </row>
    <row r="116" spans="1:4" ht="18" customHeight="1" x14ac:dyDescent="0.2">
      <c r="A116" s="31">
        <v>91</v>
      </c>
      <c r="B116" s="27">
        <v>6</v>
      </c>
      <c r="C116" s="28">
        <v>23</v>
      </c>
      <c r="D116" s="29">
        <v>29</v>
      </c>
    </row>
    <row r="117" spans="1:4" ht="18" customHeight="1" x14ac:dyDescent="0.2">
      <c r="A117" s="31">
        <v>92</v>
      </c>
      <c r="B117" s="27">
        <v>8</v>
      </c>
      <c r="C117" s="28">
        <v>14</v>
      </c>
      <c r="D117" s="29">
        <v>22</v>
      </c>
    </row>
    <row r="118" spans="1:4" ht="18" customHeight="1" x14ac:dyDescent="0.2">
      <c r="A118" s="31">
        <v>93</v>
      </c>
      <c r="B118" s="27">
        <v>4</v>
      </c>
      <c r="C118" s="28">
        <v>22</v>
      </c>
      <c r="D118" s="29">
        <v>26</v>
      </c>
    </row>
    <row r="119" spans="1:4" ht="18" customHeight="1" x14ac:dyDescent="0.2">
      <c r="A119" s="31">
        <v>94</v>
      </c>
      <c r="B119" s="27">
        <v>3</v>
      </c>
      <c r="C119" s="28">
        <v>11</v>
      </c>
      <c r="D119" s="29">
        <v>14</v>
      </c>
    </row>
    <row r="120" spans="1:4" ht="18" customHeight="1" x14ac:dyDescent="0.2">
      <c r="A120" s="31" t="s">
        <v>68</v>
      </c>
      <c r="B120" s="27">
        <v>41</v>
      </c>
      <c r="C120" s="28">
        <v>94</v>
      </c>
      <c r="D120" s="29">
        <v>135</v>
      </c>
    </row>
    <row r="121" spans="1:4" ht="18" customHeight="1" x14ac:dyDescent="0.2">
      <c r="A121" s="31">
        <v>95</v>
      </c>
      <c r="B121" s="27">
        <v>3</v>
      </c>
      <c r="C121" s="28">
        <v>14</v>
      </c>
      <c r="D121" s="29">
        <v>17</v>
      </c>
    </row>
    <row r="122" spans="1:4" ht="18" customHeight="1" x14ac:dyDescent="0.2">
      <c r="A122" s="31">
        <v>96</v>
      </c>
      <c r="B122" s="27">
        <v>3</v>
      </c>
      <c r="C122" s="28">
        <v>8</v>
      </c>
      <c r="D122" s="29">
        <v>11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6</v>
      </c>
      <c r="C126" s="28">
        <v>32</v>
      </c>
      <c r="D126" s="29">
        <v>3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1024</v>
      </c>
      <c r="C130" s="5">
        <v>1205</v>
      </c>
      <c r="D130" s="6">
        <v>2229</v>
      </c>
    </row>
    <row r="131" spans="1:4" ht="18" customHeight="1" x14ac:dyDescent="0.2">
      <c r="A131" s="33" t="s">
        <v>47</v>
      </c>
      <c r="B131" s="7">
        <v>3589</v>
      </c>
      <c r="C131" s="8">
        <v>3586</v>
      </c>
      <c r="D131" s="9">
        <v>71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13</v>
      </c>
      <c r="D5" s="39">
        <v>29</v>
      </c>
    </row>
    <row r="6" spans="1:4" ht="18" customHeight="1" x14ac:dyDescent="0.2">
      <c r="A6" s="31">
        <v>1</v>
      </c>
      <c r="B6" s="35">
        <v>18</v>
      </c>
      <c r="C6" s="28">
        <v>25</v>
      </c>
      <c r="D6" s="29">
        <v>43</v>
      </c>
    </row>
    <row r="7" spans="1:4" ht="18" customHeight="1" x14ac:dyDescent="0.2">
      <c r="A7" s="31">
        <v>2</v>
      </c>
      <c r="B7" s="35">
        <v>29</v>
      </c>
      <c r="C7" s="28">
        <v>33</v>
      </c>
      <c r="D7" s="29">
        <v>62</v>
      </c>
    </row>
    <row r="8" spans="1:4" ht="18" customHeight="1" x14ac:dyDescent="0.2">
      <c r="A8" s="31">
        <v>3</v>
      </c>
      <c r="B8" s="35">
        <v>26</v>
      </c>
      <c r="C8" s="28">
        <v>18</v>
      </c>
      <c r="D8" s="29">
        <v>44</v>
      </c>
    </row>
    <row r="9" spans="1:4" ht="18" customHeight="1" x14ac:dyDescent="0.2">
      <c r="A9" s="31">
        <v>4</v>
      </c>
      <c r="B9" s="36">
        <v>25</v>
      </c>
      <c r="C9" s="38">
        <v>26</v>
      </c>
      <c r="D9" s="40">
        <v>51</v>
      </c>
    </row>
    <row r="10" spans="1:4" ht="18" customHeight="1" x14ac:dyDescent="0.2">
      <c r="A10" s="31" t="s">
        <v>48</v>
      </c>
      <c r="B10" s="27">
        <v>114</v>
      </c>
      <c r="C10" s="28">
        <v>115</v>
      </c>
      <c r="D10" s="29">
        <v>229</v>
      </c>
    </row>
    <row r="11" spans="1:4" ht="18" customHeight="1" x14ac:dyDescent="0.2">
      <c r="A11" s="31">
        <v>5</v>
      </c>
      <c r="B11" s="35">
        <v>25</v>
      </c>
      <c r="C11" s="28">
        <v>16</v>
      </c>
      <c r="D11" s="29">
        <v>41</v>
      </c>
    </row>
    <row r="12" spans="1:4" ht="18" customHeight="1" x14ac:dyDescent="0.2">
      <c r="A12" s="31">
        <v>6</v>
      </c>
      <c r="B12" s="35">
        <v>20</v>
      </c>
      <c r="C12" s="28">
        <v>23</v>
      </c>
      <c r="D12" s="29">
        <v>43</v>
      </c>
    </row>
    <row r="13" spans="1:4" ht="18" customHeight="1" x14ac:dyDescent="0.2">
      <c r="A13" s="31">
        <v>7</v>
      </c>
      <c r="B13" s="35">
        <v>28</v>
      </c>
      <c r="C13" s="28">
        <v>23</v>
      </c>
      <c r="D13" s="29">
        <v>51</v>
      </c>
    </row>
    <row r="14" spans="1:4" ht="18" customHeight="1" x14ac:dyDescent="0.2">
      <c r="A14" s="31">
        <v>8</v>
      </c>
      <c r="B14" s="35">
        <v>34</v>
      </c>
      <c r="C14" s="28">
        <v>28</v>
      </c>
      <c r="D14" s="29">
        <v>62</v>
      </c>
    </row>
    <row r="15" spans="1:4" ht="18" customHeight="1" x14ac:dyDescent="0.2">
      <c r="A15" s="31">
        <v>9</v>
      </c>
      <c r="B15" s="35">
        <v>27</v>
      </c>
      <c r="C15" s="28">
        <v>44</v>
      </c>
      <c r="D15" s="29">
        <v>71</v>
      </c>
    </row>
    <row r="16" spans="1:4" ht="18" customHeight="1" x14ac:dyDescent="0.2">
      <c r="A16" s="31" t="s">
        <v>49</v>
      </c>
      <c r="B16" s="27">
        <v>134</v>
      </c>
      <c r="C16" s="28">
        <v>134</v>
      </c>
      <c r="D16" s="29">
        <v>268</v>
      </c>
    </row>
    <row r="17" spans="1:4" ht="18" customHeight="1" x14ac:dyDescent="0.2">
      <c r="A17" s="31">
        <v>10</v>
      </c>
      <c r="B17" s="27">
        <v>31</v>
      </c>
      <c r="C17" s="28">
        <v>30</v>
      </c>
      <c r="D17" s="29">
        <v>61</v>
      </c>
    </row>
    <row r="18" spans="1:4" ht="18" customHeight="1" x14ac:dyDescent="0.2">
      <c r="A18" s="31">
        <v>11</v>
      </c>
      <c r="B18" s="27">
        <v>36</v>
      </c>
      <c r="C18" s="28">
        <v>39</v>
      </c>
      <c r="D18" s="29">
        <v>75</v>
      </c>
    </row>
    <row r="19" spans="1:4" ht="18" customHeight="1" x14ac:dyDescent="0.2">
      <c r="A19" s="31">
        <v>12</v>
      </c>
      <c r="B19" s="27">
        <v>35</v>
      </c>
      <c r="C19" s="28">
        <v>28</v>
      </c>
      <c r="D19" s="29">
        <v>63</v>
      </c>
    </row>
    <row r="20" spans="1:4" ht="18" customHeight="1" x14ac:dyDescent="0.2">
      <c r="A20" s="31">
        <v>13</v>
      </c>
      <c r="B20" s="27">
        <v>37</v>
      </c>
      <c r="C20" s="28">
        <v>37</v>
      </c>
      <c r="D20" s="29">
        <v>74</v>
      </c>
    </row>
    <row r="21" spans="1:4" ht="18" customHeight="1" x14ac:dyDescent="0.2">
      <c r="A21" s="31">
        <v>14</v>
      </c>
      <c r="B21" s="27">
        <v>32</v>
      </c>
      <c r="C21" s="28">
        <v>34</v>
      </c>
      <c r="D21" s="29">
        <v>66</v>
      </c>
    </row>
    <row r="22" spans="1:4" ht="18" customHeight="1" x14ac:dyDescent="0.2">
      <c r="A22" s="31" t="s">
        <v>50</v>
      </c>
      <c r="B22" s="27">
        <v>171</v>
      </c>
      <c r="C22" s="28">
        <v>168</v>
      </c>
      <c r="D22" s="29">
        <v>339</v>
      </c>
    </row>
    <row r="23" spans="1:4" ht="18" customHeight="1" x14ac:dyDescent="0.2">
      <c r="A23" s="31" t="s">
        <v>51</v>
      </c>
      <c r="B23" s="27">
        <v>419</v>
      </c>
      <c r="C23" s="28">
        <v>417</v>
      </c>
      <c r="D23" s="29">
        <v>836</v>
      </c>
    </row>
    <row r="24" spans="1:4" ht="18" customHeight="1" x14ac:dyDescent="0.2">
      <c r="A24" s="31">
        <v>15</v>
      </c>
      <c r="B24" s="27">
        <v>34</v>
      </c>
      <c r="C24" s="28">
        <v>42</v>
      </c>
      <c r="D24" s="29">
        <v>76</v>
      </c>
    </row>
    <row r="25" spans="1:4" ht="18" customHeight="1" x14ac:dyDescent="0.2">
      <c r="A25" s="31">
        <v>16</v>
      </c>
      <c r="B25" s="27">
        <v>40</v>
      </c>
      <c r="C25" s="28">
        <v>37</v>
      </c>
      <c r="D25" s="29">
        <v>77</v>
      </c>
    </row>
    <row r="26" spans="1:4" ht="18" customHeight="1" x14ac:dyDescent="0.2">
      <c r="A26" s="31">
        <v>17</v>
      </c>
      <c r="B26" s="27">
        <v>44</v>
      </c>
      <c r="C26" s="28">
        <v>35</v>
      </c>
      <c r="D26" s="29">
        <v>79</v>
      </c>
    </row>
    <row r="27" spans="1:4" ht="18" customHeight="1" x14ac:dyDescent="0.2">
      <c r="A27" s="31">
        <v>18</v>
      </c>
      <c r="B27" s="27">
        <v>48</v>
      </c>
      <c r="C27" s="28">
        <v>35</v>
      </c>
      <c r="D27" s="29">
        <v>83</v>
      </c>
    </row>
    <row r="28" spans="1:4" ht="18" customHeight="1" x14ac:dyDescent="0.2">
      <c r="A28" s="31">
        <v>19</v>
      </c>
      <c r="B28" s="27">
        <v>31</v>
      </c>
      <c r="C28" s="28">
        <v>54</v>
      </c>
      <c r="D28" s="29">
        <v>85</v>
      </c>
    </row>
    <row r="29" spans="1:4" ht="18" customHeight="1" x14ac:dyDescent="0.2">
      <c r="A29" s="31" t="s">
        <v>52</v>
      </c>
      <c r="B29" s="27">
        <v>197</v>
      </c>
      <c r="C29" s="28">
        <v>203</v>
      </c>
      <c r="D29" s="29">
        <v>400</v>
      </c>
    </row>
    <row r="30" spans="1:4" ht="18" customHeight="1" x14ac:dyDescent="0.2">
      <c r="A30" s="31">
        <v>20</v>
      </c>
      <c r="B30" s="27">
        <v>36</v>
      </c>
      <c r="C30" s="28">
        <v>60</v>
      </c>
      <c r="D30" s="29">
        <v>96</v>
      </c>
    </row>
    <row r="31" spans="1:4" ht="18" customHeight="1" x14ac:dyDescent="0.2">
      <c r="A31" s="31">
        <v>21</v>
      </c>
      <c r="B31" s="27">
        <v>40</v>
      </c>
      <c r="C31" s="28">
        <v>33</v>
      </c>
      <c r="D31" s="29">
        <v>73</v>
      </c>
    </row>
    <row r="32" spans="1:4" ht="18" customHeight="1" x14ac:dyDescent="0.2">
      <c r="A32" s="31">
        <v>22</v>
      </c>
      <c r="B32" s="27">
        <v>33</v>
      </c>
      <c r="C32" s="28">
        <v>32</v>
      </c>
      <c r="D32" s="29">
        <v>65</v>
      </c>
    </row>
    <row r="33" spans="1:4" ht="18" customHeight="1" x14ac:dyDescent="0.2">
      <c r="A33" s="31">
        <v>23</v>
      </c>
      <c r="B33" s="27">
        <v>45</v>
      </c>
      <c r="C33" s="28">
        <v>33</v>
      </c>
      <c r="D33" s="29">
        <v>78</v>
      </c>
    </row>
    <row r="34" spans="1:4" ht="18" customHeight="1" x14ac:dyDescent="0.2">
      <c r="A34" s="31">
        <v>24</v>
      </c>
      <c r="B34" s="27">
        <v>33</v>
      </c>
      <c r="C34" s="28">
        <v>23</v>
      </c>
      <c r="D34" s="29">
        <v>56</v>
      </c>
    </row>
    <row r="35" spans="1:4" ht="18" customHeight="1" x14ac:dyDescent="0.2">
      <c r="A35" s="31" t="s">
        <v>53</v>
      </c>
      <c r="B35" s="27">
        <v>187</v>
      </c>
      <c r="C35" s="28">
        <v>181</v>
      </c>
      <c r="D35" s="29">
        <v>368</v>
      </c>
    </row>
    <row r="36" spans="1:4" ht="18" customHeight="1" x14ac:dyDescent="0.2">
      <c r="A36" s="31">
        <v>25</v>
      </c>
      <c r="B36" s="27">
        <v>31</v>
      </c>
      <c r="C36" s="28">
        <v>27</v>
      </c>
      <c r="D36" s="29">
        <v>58</v>
      </c>
    </row>
    <row r="37" spans="1:4" ht="18" customHeight="1" x14ac:dyDescent="0.2">
      <c r="A37" s="31">
        <v>26</v>
      </c>
      <c r="B37" s="27">
        <v>25</v>
      </c>
      <c r="C37" s="28">
        <v>22</v>
      </c>
      <c r="D37" s="29">
        <v>47</v>
      </c>
    </row>
    <row r="38" spans="1:4" ht="18" customHeight="1" x14ac:dyDescent="0.2">
      <c r="A38" s="31">
        <v>27</v>
      </c>
      <c r="B38" s="27">
        <v>27</v>
      </c>
      <c r="C38" s="28">
        <v>28</v>
      </c>
      <c r="D38" s="29">
        <v>55</v>
      </c>
    </row>
    <row r="39" spans="1:4" ht="18" customHeight="1" x14ac:dyDescent="0.2">
      <c r="A39" s="31">
        <v>28</v>
      </c>
      <c r="B39" s="27">
        <v>27</v>
      </c>
      <c r="C39" s="28">
        <v>15</v>
      </c>
      <c r="D39" s="29">
        <v>42</v>
      </c>
    </row>
    <row r="40" spans="1:4" ht="18" customHeight="1" x14ac:dyDescent="0.2">
      <c r="A40" s="31">
        <v>29</v>
      </c>
      <c r="B40" s="27">
        <v>17</v>
      </c>
      <c r="C40" s="28">
        <v>26</v>
      </c>
      <c r="D40" s="29">
        <v>43</v>
      </c>
    </row>
    <row r="41" spans="1:4" ht="18" customHeight="1" x14ac:dyDescent="0.2">
      <c r="A41" s="31" t="s">
        <v>54</v>
      </c>
      <c r="B41" s="27">
        <v>127</v>
      </c>
      <c r="C41" s="28">
        <v>118</v>
      </c>
      <c r="D41" s="29">
        <v>245</v>
      </c>
    </row>
    <row r="42" spans="1:4" ht="18" customHeight="1" x14ac:dyDescent="0.2">
      <c r="A42" s="31">
        <v>30</v>
      </c>
      <c r="B42" s="27">
        <v>26</v>
      </c>
      <c r="C42" s="28">
        <v>27</v>
      </c>
      <c r="D42" s="29">
        <v>53</v>
      </c>
    </row>
    <row r="43" spans="1:4" ht="18" customHeight="1" x14ac:dyDescent="0.2">
      <c r="A43" s="31">
        <v>31</v>
      </c>
      <c r="B43" s="27">
        <v>29</v>
      </c>
      <c r="C43" s="28">
        <v>30</v>
      </c>
      <c r="D43" s="29">
        <v>59</v>
      </c>
    </row>
    <row r="44" spans="1:4" ht="18" customHeight="1" x14ac:dyDescent="0.2">
      <c r="A44" s="31">
        <v>32</v>
      </c>
      <c r="B44" s="27">
        <v>33</v>
      </c>
      <c r="C44" s="28">
        <v>27</v>
      </c>
      <c r="D44" s="29">
        <v>60</v>
      </c>
    </row>
    <row r="45" spans="1:4" ht="18" customHeight="1" x14ac:dyDescent="0.2">
      <c r="A45" s="31">
        <v>33</v>
      </c>
      <c r="B45" s="27">
        <v>25</v>
      </c>
      <c r="C45" s="28">
        <v>28</v>
      </c>
      <c r="D45" s="29">
        <v>53</v>
      </c>
    </row>
    <row r="46" spans="1:4" ht="18" customHeight="1" x14ac:dyDescent="0.2">
      <c r="A46" s="31">
        <v>34</v>
      </c>
      <c r="B46" s="27">
        <v>35</v>
      </c>
      <c r="C46" s="28">
        <v>24</v>
      </c>
      <c r="D46" s="29">
        <v>59</v>
      </c>
    </row>
    <row r="47" spans="1:4" ht="18" customHeight="1" x14ac:dyDescent="0.2">
      <c r="A47" s="31" t="s">
        <v>55</v>
      </c>
      <c r="B47" s="27">
        <v>148</v>
      </c>
      <c r="C47" s="28">
        <v>136</v>
      </c>
      <c r="D47" s="29">
        <v>284</v>
      </c>
    </row>
    <row r="48" spans="1:4" ht="18" customHeight="1" x14ac:dyDescent="0.2">
      <c r="A48" s="31">
        <v>35</v>
      </c>
      <c r="B48" s="27">
        <v>35</v>
      </c>
      <c r="C48" s="28">
        <v>33</v>
      </c>
      <c r="D48" s="29">
        <v>68</v>
      </c>
    </row>
    <row r="49" spans="1:4" ht="18" customHeight="1" x14ac:dyDescent="0.2">
      <c r="A49" s="31">
        <v>36</v>
      </c>
      <c r="B49" s="27">
        <v>37</v>
      </c>
      <c r="C49" s="28">
        <v>40</v>
      </c>
      <c r="D49" s="29">
        <v>77</v>
      </c>
    </row>
    <row r="50" spans="1:4" ht="18" customHeight="1" x14ac:dyDescent="0.2">
      <c r="A50" s="31">
        <v>37</v>
      </c>
      <c r="B50" s="27">
        <v>45</v>
      </c>
      <c r="C50" s="28">
        <v>49</v>
      </c>
      <c r="D50" s="29">
        <v>94</v>
      </c>
    </row>
    <row r="51" spans="1:4" ht="18" customHeight="1" x14ac:dyDescent="0.2">
      <c r="A51" s="31">
        <v>38</v>
      </c>
      <c r="B51" s="27">
        <v>57</v>
      </c>
      <c r="C51" s="28">
        <v>38</v>
      </c>
      <c r="D51" s="29">
        <v>95</v>
      </c>
    </row>
    <row r="52" spans="1:4" ht="18" customHeight="1" x14ac:dyDescent="0.2">
      <c r="A52" s="31">
        <v>39</v>
      </c>
      <c r="B52" s="27">
        <v>30</v>
      </c>
      <c r="C52" s="28">
        <v>28</v>
      </c>
      <c r="D52" s="29">
        <v>58</v>
      </c>
    </row>
    <row r="53" spans="1:4" ht="18" customHeight="1" x14ac:dyDescent="0.2">
      <c r="A53" s="31" t="s">
        <v>56</v>
      </c>
      <c r="B53" s="27">
        <v>204</v>
      </c>
      <c r="C53" s="28">
        <v>188</v>
      </c>
      <c r="D53" s="29">
        <v>392</v>
      </c>
    </row>
    <row r="54" spans="1:4" ht="18" customHeight="1" x14ac:dyDescent="0.2">
      <c r="A54" s="31">
        <v>40</v>
      </c>
      <c r="B54" s="27">
        <v>48</v>
      </c>
      <c r="C54" s="28">
        <v>48</v>
      </c>
      <c r="D54" s="29">
        <v>96</v>
      </c>
    </row>
    <row r="55" spans="1:4" ht="18" customHeight="1" x14ac:dyDescent="0.2">
      <c r="A55" s="31">
        <v>41</v>
      </c>
      <c r="B55" s="27">
        <v>48</v>
      </c>
      <c r="C55" s="28">
        <v>41</v>
      </c>
      <c r="D55" s="29">
        <v>89</v>
      </c>
    </row>
    <row r="56" spans="1:4" ht="18" customHeight="1" x14ac:dyDescent="0.2">
      <c r="A56" s="31">
        <v>42</v>
      </c>
      <c r="B56" s="27">
        <v>48</v>
      </c>
      <c r="C56" s="28">
        <v>47</v>
      </c>
      <c r="D56" s="29">
        <v>95</v>
      </c>
    </row>
    <row r="57" spans="1:4" ht="18" customHeight="1" x14ac:dyDescent="0.2">
      <c r="A57" s="31">
        <v>43</v>
      </c>
      <c r="B57" s="27">
        <v>53</v>
      </c>
      <c r="C57" s="28">
        <v>54</v>
      </c>
      <c r="D57" s="29">
        <v>107</v>
      </c>
    </row>
    <row r="58" spans="1:4" ht="18" customHeight="1" x14ac:dyDescent="0.2">
      <c r="A58" s="31">
        <v>44</v>
      </c>
      <c r="B58" s="27">
        <v>59</v>
      </c>
      <c r="C58" s="28">
        <v>63</v>
      </c>
      <c r="D58" s="29">
        <v>122</v>
      </c>
    </row>
    <row r="59" spans="1:4" ht="18" customHeight="1" x14ac:dyDescent="0.2">
      <c r="A59" s="31" t="s">
        <v>57</v>
      </c>
      <c r="B59" s="27">
        <v>256</v>
      </c>
      <c r="C59" s="28">
        <v>253</v>
      </c>
      <c r="D59" s="29">
        <v>509</v>
      </c>
    </row>
    <row r="60" spans="1:4" ht="18" customHeight="1" x14ac:dyDescent="0.2">
      <c r="A60" s="31">
        <v>45</v>
      </c>
      <c r="B60" s="27">
        <v>52</v>
      </c>
      <c r="C60" s="28">
        <v>52</v>
      </c>
      <c r="D60" s="29">
        <v>104</v>
      </c>
    </row>
    <row r="61" spans="1:4" ht="18" customHeight="1" x14ac:dyDescent="0.2">
      <c r="A61" s="31">
        <v>46</v>
      </c>
      <c r="B61" s="27">
        <v>73</v>
      </c>
      <c r="C61" s="28">
        <v>56</v>
      </c>
      <c r="D61" s="29">
        <v>129</v>
      </c>
    </row>
    <row r="62" spans="1:4" ht="18" customHeight="1" x14ac:dyDescent="0.2">
      <c r="A62" s="31">
        <v>47</v>
      </c>
      <c r="B62" s="27">
        <v>55</v>
      </c>
      <c r="C62" s="28">
        <v>47</v>
      </c>
      <c r="D62" s="29">
        <v>102</v>
      </c>
    </row>
    <row r="63" spans="1:4" ht="18" customHeight="1" x14ac:dyDescent="0.2">
      <c r="A63" s="31">
        <v>48</v>
      </c>
      <c r="B63" s="27">
        <v>55</v>
      </c>
      <c r="C63" s="28">
        <v>64</v>
      </c>
      <c r="D63" s="29">
        <v>119</v>
      </c>
    </row>
    <row r="64" spans="1:4" ht="18" customHeight="1" x14ac:dyDescent="0.2">
      <c r="A64" s="31">
        <v>49</v>
      </c>
      <c r="B64" s="27">
        <v>49</v>
      </c>
      <c r="C64" s="28">
        <v>50</v>
      </c>
      <c r="D64" s="29">
        <v>99</v>
      </c>
    </row>
    <row r="65" spans="1:4" ht="18" customHeight="1" x14ac:dyDescent="0.2">
      <c r="A65" s="31" t="s">
        <v>58</v>
      </c>
      <c r="B65" s="27">
        <v>284</v>
      </c>
      <c r="C65" s="28">
        <v>269</v>
      </c>
      <c r="D65" s="29">
        <v>553</v>
      </c>
    </row>
    <row r="66" spans="1:4" ht="18" customHeight="1" x14ac:dyDescent="0.2">
      <c r="A66" s="31">
        <v>50</v>
      </c>
      <c r="B66" s="27">
        <v>46</v>
      </c>
      <c r="C66" s="28">
        <v>41</v>
      </c>
      <c r="D66" s="29">
        <v>87</v>
      </c>
    </row>
    <row r="67" spans="1:4" ht="18" customHeight="1" x14ac:dyDescent="0.2">
      <c r="A67" s="31">
        <v>51</v>
      </c>
      <c r="B67" s="27">
        <v>31</v>
      </c>
      <c r="C67" s="28">
        <v>45</v>
      </c>
      <c r="D67" s="29">
        <v>76</v>
      </c>
    </row>
    <row r="68" spans="1:4" ht="18" customHeight="1" x14ac:dyDescent="0.2">
      <c r="A68" s="31">
        <v>52</v>
      </c>
      <c r="B68" s="27">
        <v>45</v>
      </c>
      <c r="C68" s="28">
        <v>39</v>
      </c>
      <c r="D68" s="29">
        <v>84</v>
      </c>
    </row>
    <row r="69" spans="1:4" ht="18" customHeight="1" x14ac:dyDescent="0.2">
      <c r="A69" s="31">
        <v>53</v>
      </c>
      <c r="B69" s="27">
        <v>29</v>
      </c>
      <c r="C69" s="28">
        <v>31</v>
      </c>
      <c r="D69" s="29">
        <v>60</v>
      </c>
    </row>
    <row r="70" spans="1:4" ht="18" customHeight="1" x14ac:dyDescent="0.2">
      <c r="A70" s="31">
        <v>54</v>
      </c>
      <c r="B70" s="27">
        <v>49</v>
      </c>
      <c r="C70" s="28">
        <v>32</v>
      </c>
      <c r="D70" s="29">
        <v>81</v>
      </c>
    </row>
    <row r="71" spans="1:4" ht="18" customHeight="1" x14ac:dyDescent="0.2">
      <c r="A71" s="31" t="s">
        <v>59</v>
      </c>
      <c r="B71" s="27">
        <v>200</v>
      </c>
      <c r="C71" s="28">
        <v>188</v>
      </c>
      <c r="D71" s="29">
        <v>388</v>
      </c>
    </row>
    <row r="72" spans="1:4" ht="18" customHeight="1" x14ac:dyDescent="0.2">
      <c r="A72" s="31">
        <v>55</v>
      </c>
      <c r="B72" s="27">
        <v>41</v>
      </c>
      <c r="C72" s="28">
        <v>43</v>
      </c>
      <c r="D72" s="29">
        <v>84</v>
      </c>
    </row>
    <row r="73" spans="1:4" ht="18" customHeight="1" x14ac:dyDescent="0.2">
      <c r="A73" s="31">
        <v>56</v>
      </c>
      <c r="B73" s="27">
        <v>44</v>
      </c>
      <c r="C73" s="28">
        <v>48</v>
      </c>
      <c r="D73" s="29">
        <v>92</v>
      </c>
    </row>
    <row r="74" spans="1:4" ht="18" customHeight="1" x14ac:dyDescent="0.2">
      <c r="A74" s="31">
        <v>57</v>
      </c>
      <c r="B74" s="27">
        <v>40</v>
      </c>
      <c r="C74" s="28">
        <v>35</v>
      </c>
      <c r="D74" s="29">
        <v>75</v>
      </c>
    </row>
    <row r="75" spans="1:4" ht="18" customHeight="1" x14ac:dyDescent="0.2">
      <c r="A75" s="31">
        <v>58</v>
      </c>
      <c r="B75" s="27">
        <v>43</v>
      </c>
      <c r="C75" s="28">
        <v>30</v>
      </c>
      <c r="D75" s="29">
        <v>73</v>
      </c>
    </row>
    <row r="76" spans="1:4" ht="18" customHeight="1" x14ac:dyDescent="0.2">
      <c r="A76" s="31">
        <v>59</v>
      </c>
      <c r="B76" s="27">
        <v>48</v>
      </c>
      <c r="C76" s="28">
        <v>46</v>
      </c>
      <c r="D76" s="29">
        <v>94</v>
      </c>
    </row>
    <row r="77" spans="1:4" ht="18" customHeight="1" x14ac:dyDescent="0.2">
      <c r="A77" s="31" t="s">
        <v>60</v>
      </c>
      <c r="B77" s="27">
        <v>216</v>
      </c>
      <c r="C77" s="28">
        <v>202</v>
      </c>
      <c r="D77" s="29">
        <v>418</v>
      </c>
    </row>
    <row r="78" spans="1:4" ht="18" customHeight="1" x14ac:dyDescent="0.2">
      <c r="A78" s="31">
        <v>60</v>
      </c>
      <c r="B78" s="27">
        <v>31</v>
      </c>
      <c r="C78" s="28">
        <v>38</v>
      </c>
      <c r="D78" s="29">
        <v>69</v>
      </c>
    </row>
    <row r="79" spans="1:4" ht="18" customHeight="1" x14ac:dyDescent="0.2">
      <c r="A79" s="31">
        <v>61</v>
      </c>
      <c r="B79" s="27">
        <v>38</v>
      </c>
      <c r="C79" s="28">
        <v>40</v>
      </c>
      <c r="D79" s="29">
        <v>78</v>
      </c>
    </row>
    <row r="80" spans="1:4" ht="18" customHeight="1" x14ac:dyDescent="0.2">
      <c r="A80" s="31">
        <v>62</v>
      </c>
      <c r="B80" s="27">
        <v>44</v>
      </c>
      <c r="C80" s="28">
        <v>45</v>
      </c>
      <c r="D80" s="29">
        <v>89</v>
      </c>
    </row>
    <row r="81" spans="1:4" ht="18" customHeight="1" x14ac:dyDescent="0.2">
      <c r="A81" s="31">
        <v>63</v>
      </c>
      <c r="B81" s="27">
        <v>34</v>
      </c>
      <c r="C81" s="28">
        <v>43</v>
      </c>
      <c r="D81" s="29">
        <v>77</v>
      </c>
    </row>
    <row r="82" spans="1:4" ht="18" customHeight="1" x14ac:dyDescent="0.2">
      <c r="A82" s="31">
        <v>64</v>
      </c>
      <c r="B82" s="27">
        <v>53</v>
      </c>
      <c r="C82" s="28">
        <v>58</v>
      </c>
      <c r="D82" s="29">
        <v>111</v>
      </c>
    </row>
    <row r="83" spans="1:4" ht="18" customHeight="1" x14ac:dyDescent="0.2">
      <c r="A83" s="31" t="s">
        <v>61</v>
      </c>
      <c r="B83" s="27">
        <v>200</v>
      </c>
      <c r="C83" s="28">
        <v>224</v>
      </c>
      <c r="D83" s="29">
        <v>424</v>
      </c>
    </row>
    <row r="84" spans="1:4" ht="18" customHeight="1" x14ac:dyDescent="0.2">
      <c r="A84" s="31" t="s">
        <v>62</v>
      </c>
      <c r="B84" s="27">
        <v>2019</v>
      </c>
      <c r="C84" s="28">
        <v>1962</v>
      </c>
      <c r="D84" s="29">
        <v>3981</v>
      </c>
    </row>
    <row r="85" spans="1:4" ht="18" customHeight="1" x14ac:dyDescent="0.2">
      <c r="A85" s="31">
        <v>65</v>
      </c>
      <c r="B85" s="27">
        <v>51</v>
      </c>
      <c r="C85" s="28">
        <v>46</v>
      </c>
      <c r="D85" s="29">
        <v>97</v>
      </c>
    </row>
    <row r="86" spans="1:4" ht="18" customHeight="1" x14ac:dyDescent="0.2">
      <c r="A86" s="31">
        <v>66</v>
      </c>
      <c r="B86" s="27">
        <v>54</v>
      </c>
      <c r="C86" s="28">
        <v>48</v>
      </c>
      <c r="D86" s="29">
        <v>102</v>
      </c>
    </row>
    <row r="87" spans="1:4" ht="18" customHeight="1" x14ac:dyDescent="0.2">
      <c r="A87" s="31">
        <v>67</v>
      </c>
      <c r="B87" s="27">
        <v>50</v>
      </c>
      <c r="C87" s="28">
        <v>66</v>
      </c>
      <c r="D87" s="29">
        <v>116</v>
      </c>
    </row>
    <row r="88" spans="1:4" ht="18" customHeight="1" x14ac:dyDescent="0.2">
      <c r="A88" s="31">
        <v>68</v>
      </c>
      <c r="B88" s="27">
        <v>55</v>
      </c>
      <c r="C88" s="28">
        <v>72</v>
      </c>
      <c r="D88" s="29">
        <v>127</v>
      </c>
    </row>
    <row r="89" spans="1:4" ht="18" customHeight="1" x14ac:dyDescent="0.2">
      <c r="A89" s="31">
        <v>69</v>
      </c>
      <c r="B89" s="27">
        <v>65</v>
      </c>
      <c r="C89" s="28">
        <v>75</v>
      </c>
      <c r="D89" s="29">
        <v>140</v>
      </c>
    </row>
    <row r="90" spans="1:4" ht="18" customHeight="1" x14ac:dyDescent="0.2">
      <c r="A90" s="31" t="s">
        <v>63</v>
      </c>
      <c r="B90" s="27">
        <v>275</v>
      </c>
      <c r="C90" s="28">
        <v>307</v>
      </c>
      <c r="D90" s="29">
        <v>582</v>
      </c>
    </row>
    <row r="91" spans="1:4" ht="18" customHeight="1" x14ac:dyDescent="0.2">
      <c r="A91" s="31">
        <v>70</v>
      </c>
      <c r="B91" s="27">
        <v>83</v>
      </c>
      <c r="C91" s="28">
        <v>80</v>
      </c>
      <c r="D91" s="29">
        <v>163</v>
      </c>
    </row>
    <row r="92" spans="1:4" ht="18" customHeight="1" x14ac:dyDescent="0.2">
      <c r="A92" s="31">
        <v>71</v>
      </c>
      <c r="B92" s="27">
        <v>74</v>
      </c>
      <c r="C92" s="28">
        <v>50</v>
      </c>
      <c r="D92" s="29">
        <v>124</v>
      </c>
    </row>
    <row r="93" spans="1:4" ht="18" customHeight="1" x14ac:dyDescent="0.2">
      <c r="A93" s="31">
        <v>72</v>
      </c>
      <c r="B93" s="27">
        <v>60</v>
      </c>
      <c r="C93" s="28">
        <v>78</v>
      </c>
      <c r="D93" s="29">
        <v>138</v>
      </c>
    </row>
    <row r="94" spans="1:4" ht="18" customHeight="1" x14ac:dyDescent="0.2">
      <c r="A94" s="31">
        <v>73</v>
      </c>
      <c r="B94" s="27">
        <v>32</v>
      </c>
      <c r="C94" s="28">
        <v>33</v>
      </c>
      <c r="D94" s="29">
        <v>65</v>
      </c>
    </row>
    <row r="95" spans="1:4" ht="18" customHeight="1" x14ac:dyDescent="0.2">
      <c r="A95" s="31">
        <v>74</v>
      </c>
      <c r="B95" s="27">
        <v>25</v>
      </c>
      <c r="C95" s="28">
        <v>35</v>
      </c>
      <c r="D95" s="29">
        <v>60</v>
      </c>
    </row>
    <row r="96" spans="1:4" ht="18" customHeight="1" x14ac:dyDescent="0.2">
      <c r="A96" s="31" t="s">
        <v>64</v>
      </c>
      <c r="B96" s="27">
        <v>274</v>
      </c>
      <c r="C96" s="28">
        <v>276</v>
      </c>
      <c r="D96" s="29">
        <v>550</v>
      </c>
    </row>
    <row r="97" spans="1:4" ht="18" customHeight="1" x14ac:dyDescent="0.2">
      <c r="A97" s="31">
        <v>75</v>
      </c>
      <c r="B97" s="27">
        <v>45</v>
      </c>
      <c r="C97" s="28">
        <v>30</v>
      </c>
      <c r="D97" s="29">
        <v>75</v>
      </c>
    </row>
    <row r="98" spans="1:4" ht="18" customHeight="1" x14ac:dyDescent="0.2">
      <c r="A98" s="31">
        <v>76</v>
      </c>
      <c r="B98" s="27">
        <v>38</v>
      </c>
      <c r="C98" s="28">
        <v>32</v>
      </c>
      <c r="D98" s="29">
        <v>70</v>
      </c>
    </row>
    <row r="99" spans="1:4" ht="18" customHeight="1" x14ac:dyDescent="0.2">
      <c r="A99" s="31">
        <v>77</v>
      </c>
      <c r="B99" s="27">
        <v>40</v>
      </c>
      <c r="C99" s="28">
        <v>36</v>
      </c>
      <c r="D99" s="29">
        <v>76</v>
      </c>
    </row>
    <row r="100" spans="1:4" ht="18" customHeight="1" x14ac:dyDescent="0.2">
      <c r="A100" s="31">
        <v>78</v>
      </c>
      <c r="B100" s="27">
        <v>34</v>
      </c>
      <c r="C100" s="28">
        <v>39</v>
      </c>
      <c r="D100" s="29">
        <v>73</v>
      </c>
    </row>
    <row r="101" spans="1:4" ht="18" customHeight="1" x14ac:dyDescent="0.2">
      <c r="A101" s="31">
        <v>79</v>
      </c>
      <c r="B101" s="27">
        <v>22</v>
      </c>
      <c r="C101" s="28">
        <v>32</v>
      </c>
      <c r="D101" s="29">
        <v>54</v>
      </c>
    </row>
    <row r="102" spans="1:4" ht="18" customHeight="1" x14ac:dyDescent="0.2">
      <c r="A102" s="31" t="s">
        <v>65</v>
      </c>
      <c r="B102" s="27">
        <v>179</v>
      </c>
      <c r="C102" s="28">
        <v>169</v>
      </c>
      <c r="D102" s="29">
        <v>348</v>
      </c>
    </row>
    <row r="103" spans="1:4" ht="18" customHeight="1" x14ac:dyDescent="0.2">
      <c r="A103" s="31">
        <v>80</v>
      </c>
      <c r="B103" s="27">
        <v>23</v>
      </c>
      <c r="C103" s="28">
        <v>33</v>
      </c>
      <c r="D103" s="29">
        <v>56</v>
      </c>
    </row>
    <row r="104" spans="1:4" ht="18" customHeight="1" x14ac:dyDescent="0.2">
      <c r="A104" s="31">
        <v>81</v>
      </c>
      <c r="B104" s="27">
        <v>22</v>
      </c>
      <c r="C104" s="28">
        <v>37</v>
      </c>
      <c r="D104" s="29">
        <v>59</v>
      </c>
    </row>
    <row r="105" spans="1:4" ht="18" customHeight="1" x14ac:dyDescent="0.2">
      <c r="A105" s="31">
        <v>82</v>
      </c>
      <c r="B105" s="27">
        <v>19</v>
      </c>
      <c r="C105" s="28">
        <v>39</v>
      </c>
      <c r="D105" s="29">
        <v>58</v>
      </c>
    </row>
    <row r="106" spans="1:4" ht="18" customHeight="1" x14ac:dyDescent="0.2">
      <c r="A106" s="31">
        <v>83</v>
      </c>
      <c r="B106" s="27">
        <v>24</v>
      </c>
      <c r="C106" s="28">
        <v>34</v>
      </c>
      <c r="D106" s="29">
        <v>58</v>
      </c>
    </row>
    <row r="107" spans="1:4" ht="18" customHeight="1" x14ac:dyDescent="0.2">
      <c r="A107" s="31">
        <v>84</v>
      </c>
      <c r="B107" s="27">
        <v>21</v>
      </c>
      <c r="C107" s="28">
        <v>31</v>
      </c>
      <c r="D107" s="29">
        <v>52</v>
      </c>
    </row>
    <row r="108" spans="1:4" ht="18" customHeight="1" x14ac:dyDescent="0.2">
      <c r="A108" s="31" t="s">
        <v>66</v>
      </c>
      <c r="B108" s="27">
        <v>109</v>
      </c>
      <c r="C108" s="28">
        <v>174</v>
      </c>
      <c r="D108" s="29">
        <v>283</v>
      </c>
    </row>
    <row r="109" spans="1:4" ht="18" customHeight="1" x14ac:dyDescent="0.2">
      <c r="A109" s="31">
        <v>85</v>
      </c>
      <c r="B109" s="27">
        <v>18</v>
      </c>
      <c r="C109" s="28">
        <v>46</v>
      </c>
      <c r="D109" s="29">
        <v>64</v>
      </c>
    </row>
    <row r="110" spans="1:4" ht="18" customHeight="1" x14ac:dyDescent="0.2">
      <c r="A110" s="31">
        <v>86</v>
      </c>
      <c r="B110" s="27">
        <v>17</v>
      </c>
      <c r="C110" s="28">
        <v>32</v>
      </c>
      <c r="D110" s="29">
        <v>49</v>
      </c>
    </row>
    <row r="111" spans="1:4" ht="18" customHeight="1" x14ac:dyDescent="0.2">
      <c r="A111" s="31">
        <v>87</v>
      </c>
      <c r="B111" s="27">
        <v>18</v>
      </c>
      <c r="C111" s="28">
        <v>36</v>
      </c>
      <c r="D111" s="29">
        <v>54</v>
      </c>
    </row>
    <row r="112" spans="1:4" ht="18" customHeight="1" x14ac:dyDescent="0.2">
      <c r="A112" s="31">
        <v>88</v>
      </c>
      <c r="B112" s="27">
        <v>14</v>
      </c>
      <c r="C112" s="28">
        <v>30</v>
      </c>
      <c r="D112" s="29">
        <v>44</v>
      </c>
    </row>
    <row r="113" spans="1:4" ht="18" customHeight="1" x14ac:dyDescent="0.2">
      <c r="A113" s="31">
        <v>89</v>
      </c>
      <c r="B113" s="27">
        <v>12</v>
      </c>
      <c r="C113" s="28">
        <v>34</v>
      </c>
      <c r="D113" s="29">
        <v>46</v>
      </c>
    </row>
    <row r="114" spans="1:4" ht="18" customHeight="1" x14ac:dyDescent="0.2">
      <c r="A114" s="31" t="s">
        <v>67</v>
      </c>
      <c r="B114" s="27">
        <v>79</v>
      </c>
      <c r="C114" s="28">
        <v>178</v>
      </c>
      <c r="D114" s="29">
        <v>257</v>
      </c>
    </row>
    <row r="115" spans="1:4" ht="18" customHeight="1" x14ac:dyDescent="0.2">
      <c r="A115" s="31">
        <v>90</v>
      </c>
      <c r="B115" s="27">
        <v>9</v>
      </c>
      <c r="C115" s="28">
        <v>24</v>
      </c>
      <c r="D115" s="29">
        <v>33</v>
      </c>
    </row>
    <row r="116" spans="1:4" ht="18" customHeight="1" x14ac:dyDescent="0.2">
      <c r="A116" s="31">
        <v>91</v>
      </c>
      <c r="B116" s="27">
        <v>9</v>
      </c>
      <c r="C116" s="28">
        <v>17</v>
      </c>
      <c r="D116" s="29">
        <v>26</v>
      </c>
    </row>
    <row r="117" spans="1:4" ht="18" customHeight="1" x14ac:dyDescent="0.2">
      <c r="A117" s="31">
        <v>92</v>
      </c>
      <c r="B117" s="27">
        <v>7</v>
      </c>
      <c r="C117" s="28">
        <v>17</v>
      </c>
      <c r="D117" s="29">
        <v>24</v>
      </c>
    </row>
    <row r="118" spans="1:4" ht="18" customHeight="1" x14ac:dyDescent="0.2">
      <c r="A118" s="31">
        <v>93</v>
      </c>
      <c r="B118" s="27">
        <v>9</v>
      </c>
      <c r="C118" s="28">
        <v>12</v>
      </c>
      <c r="D118" s="29">
        <v>21</v>
      </c>
    </row>
    <row r="119" spans="1:4" ht="18" customHeight="1" x14ac:dyDescent="0.2">
      <c r="A119" s="31">
        <v>94</v>
      </c>
      <c r="B119" s="27">
        <v>1</v>
      </c>
      <c r="C119" s="28">
        <v>7</v>
      </c>
      <c r="D119" s="29">
        <v>8</v>
      </c>
    </row>
    <row r="120" spans="1:4" ht="18" customHeight="1" x14ac:dyDescent="0.2">
      <c r="A120" s="31" t="s">
        <v>68</v>
      </c>
      <c r="B120" s="27">
        <v>35</v>
      </c>
      <c r="C120" s="28">
        <v>77</v>
      </c>
      <c r="D120" s="29">
        <v>112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7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6</v>
      </c>
      <c r="D123" s="29">
        <v>6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21</v>
      </c>
      <c r="D126" s="29">
        <v>25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955</v>
      </c>
      <c r="C130" s="5">
        <v>1205</v>
      </c>
      <c r="D130" s="6">
        <v>2160</v>
      </c>
    </row>
    <row r="131" spans="1:4" ht="18" customHeight="1" x14ac:dyDescent="0.2">
      <c r="A131" s="33" t="s">
        <v>47</v>
      </c>
      <c r="B131" s="7">
        <v>3393</v>
      </c>
      <c r="C131" s="8">
        <v>3584</v>
      </c>
      <c r="D131" s="9">
        <v>697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3</v>
      </c>
      <c r="C7" s="28">
        <v>1</v>
      </c>
      <c r="D7" s="29">
        <v>4</v>
      </c>
    </row>
    <row r="8" spans="1:4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4" ht="18" customHeight="1" x14ac:dyDescent="0.2">
      <c r="A9" s="31">
        <v>4</v>
      </c>
      <c r="B9" s="36">
        <v>1</v>
      </c>
      <c r="C9" s="38">
        <v>3</v>
      </c>
      <c r="D9" s="40">
        <v>4</v>
      </c>
    </row>
    <row r="10" spans="1:4" ht="18" customHeight="1" x14ac:dyDescent="0.2">
      <c r="A10" s="31" t="s">
        <v>48</v>
      </c>
      <c r="B10" s="27">
        <v>8</v>
      </c>
      <c r="C10" s="28">
        <v>11</v>
      </c>
      <c r="D10" s="29">
        <v>19</v>
      </c>
    </row>
    <row r="11" spans="1:4" ht="18" customHeight="1" x14ac:dyDescent="0.2">
      <c r="A11" s="31">
        <v>5</v>
      </c>
      <c r="B11" s="35">
        <v>2</v>
      </c>
      <c r="C11" s="28">
        <v>4</v>
      </c>
      <c r="D11" s="29">
        <v>6</v>
      </c>
    </row>
    <row r="12" spans="1:4" ht="18" customHeight="1" x14ac:dyDescent="0.2">
      <c r="A12" s="31">
        <v>6</v>
      </c>
      <c r="B12" s="35">
        <v>4</v>
      </c>
      <c r="C12" s="28">
        <v>5</v>
      </c>
      <c r="D12" s="29">
        <v>9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6</v>
      </c>
      <c r="D14" s="29">
        <v>7</v>
      </c>
    </row>
    <row r="15" spans="1:4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4" ht="18" customHeight="1" x14ac:dyDescent="0.2">
      <c r="A16" s="31" t="s">
        <v>49</v>
      </c>
      <c r="B16" s="27">
        <v>10</v>
      </c>
      <c r="C16" s="28">
        <v>17</v>
      </c>
      <c r="D16" s="29">
        <v>27</v>
      </c>
    </row>
    <row r="17" spans="1:4" ht="18" customHeight="1" x14ac:dyDescent="0.2">
      <c r="A17" s="31">
        <v>10</v>
      </c>
      <c r="B17" s="27">
        <v>5</v>
      </c>
      <c r="C17" s="28">
        <v>2</v>
      </c>
      <c r="D17" s="29">
        <v>7</v>
      </c>
    </row>
    <row r="18" spans="1:4" ht="18" customHeight="1" x14ac:dyDescent="0.2">
      <c r="A18" s="31">
        <v>11</v>
      </c>
      <c r="B18" s="27">
        <v>4</v>
      </c>
      <c r="C18" s="28">
        <v>4</v>
      </c>
      <c r="D18" s="29">
        <v>8</v>
      </c>
    </row>
    <row r="19" spans="1:4" ht="18" customHeight="1" x14ac:dyDescent="0.2">
      <c r="A19" s="31">
        <v>12</v>
      </c>
      <c r="B19" s="27">
        <v>1</v>
      </c>
      <c r="C19" s="28">
        <v>2</v>
      </c>
      <c r="D19" s="29">
        <v>3</v>
      </c>
    </row>
    <row r="20" spans="1:4" ht="18" customHeight="1" x14ac:dyDescent="0.2">
      <c r="A20" s="31">
        <v>13</v>
      </c>
      <c r="B20" s="27">
        <v>3</v>
      </c>
      <c r="C20" s="28">
        <v>2</v>
      </c>
      <c r="D20" s="29">
        <v>5</v>
      </c>
    </row>
    <row r="21" spans="1:4" ht="18" customHeight="1" x14ac:dyDescent="0.2">
      <c r="A21" s="31">
        <v>14</v>
      </c>
      <c r="B21" s="27">
        <v>6</v>
      </c>
      <c r="C21" s="28">
        <v>2</v>
      </c>
      <c r="D21" s="29">
        <v>8</v>
      </c>
    </row>
    <row r="22" spans="1:4" ht="18" customHeight="1" x14ac:dyDescent="0.2">
      <c r="A22" s="31" t="s">
        <v>50</v>
      </c>
      <c r="B22" s="27">
        <v>19</v>
      </c>
      <c r="C22" s="28">
        <v>12</v>
      </c>
      <c r="D22" s="29">
        <v>31</v>
      </c>
    </row>
    <row r="23" spans="1:4" ht="18" customHeight="1" x14ac:dyDescent="0.2">
      <c r="A23" s="31" t="s">
        <v>51</v>
      </c>
      <c r="B23" s="27">
        <v>37</v>
      </c>
      <c r="C23" s="28">
        <v>40</v>
      </c>
      <c r="D23" s="29">
        <v>77</v>
      </c>
    </row>
    <row r="24" spans="1:4" ht="18" customHeight="1" x14ac:dyDescent="0.2">
      <c r="A24" s="31">
        <v>15</v>
      </c>
      <c r="B24" s="27">
        <v>4</v>
      </c>
      <c r="C24" s="28">
        <v>2</v>
      </c>
      <c r="D24" s="29">
        <v>6</v>
      </c>
    </row>
    <row r="25" spans="1:4" ht="18" customHeight="1" x14ac:dyDescent="0.2">
      <c r="A25" s="31">
        <v>16</v>
      </c>
      <c r="B25" s="27">
        <v>2</v>
      </c>
      <c r="C25" s="28">
        <v>4</v>
      </c>
      <c r="D25" s="29">
        <v>6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8</v>
      </c>
      <c r="C27" s="28">
        <v>3</v>
      </c>
      <c r="D27" s="29">
        <v>11</v>
      </c>
    </row>
    <row r="28" spans="1:4" ht="18" customHeight="1" x14ac:dyDescent="0.2">
      <c r="A28" s="31">
        <v>19</v>
      </c>
      <c r="B28" s="27">
        <v>2</v>
      </c>
      <c r="C28" s="28">
        <v>3</v>
      </c>
      <c r="D28" s="29">
        <v>5</v>
      </c>
    </row>
    <row r="29" spans="1:4" ht="18" customHeight="1" x14ac:dyDescent="0.2">
      <c r="A29" s="31" t="s">
        <v>52</v>
      </c>
      <c r="B29" s="27">
        <v>19</v>
      </c>
      <c r="C29" s="28">
        <v>16</v>
      </c>
      <c r="D29" s="29">
        <v>35</v>
      </c>
    </row>
    <row r="30" spans="1:4" ht="18" customHeight="1" x14ac:dyDescent="0.2">
      <c r="A30" s="31">
        <v>20</v>
      </c>
      <c r="B30" s="27">
        <v>2</v>
      </c>
      <c r="C30" s="28">
        <v>2</v>
      </c>
      <c r="D30" s="29">
        <v>4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1</v>
      </c>
      <c r="C32" s="28">
        <v>3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2</v>
      </c>
      <c r="D33" s="29">
        <v>3</v>
      </c>
    </row>
    <row r="34" spans="1:4" ht="18" customHeight="1" x14ac:dyDescent="0.2">
      <c r="A34" s="31">
        <v>24</v>
      </c>
      <c r="B34" s="27">
        <v>4</v>
      </c>
      <c r="C34" s="28">
        <v>3</v>
      </c>
      <c r="D34" s="29">
        <v>7</v>
      </c>
    </row>
    <row r="35" spans="1:4" ht="18" customHeight="1" x14ac:dyDescent="0.2">
      <c r="A35" s="31" t="s">
        <v>53</v>
      </c>
      <c r="B35" s="27">
        <v>11</v>
      </c>
      <c r="C35" s="28">
        <v>12</v>
      </c>
      <c r="D35" s="29">
        <v>23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4</v>
      </c>
      <c r="C37" s="28">
        <v>3</v>
      </c>
      <c r="D37" s="29">
        <v>7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5</v>
      </c>
      <c r="C39" s="28">
        <v>1</v>
      </c>
      <c r="D39" s="29">
        <v>6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16</v>
      </c>
      <c r="C41" s="28">
        <v>10</v>
      </c>
      <c r="D41" s="29">
        <v>26</v>
      </c>
    </row>
    <row r="42" spans="1:4" ht="18" customHeight="1" x14ac:dyDescent="0.2">
      <c r="A42" s="31">
        <v>30</v>
      </c>
      <c r="B42" s="27">
        <v>2</v>
      </c>
      <c r="C42" s="28">
        <v>3</v>
      </c>
      <c r="D42" s="29">
        <v>5</v>
      </c>
    </row>
    <row r="43" spans="1:4" ht="18" customHeight="1" x14ac:dyDescent="0.2">
      <c r="A43" s="31">
        <v>31</v>
      </c>
      <c r="B43" s="27">
        <v>4</v>
      </c>
      <c r="C43" s="28">
        <v>2</v>
      </c>
      <c r="D43" s="29">
        <v>6</v>
      </c>
    </row>
    <row r="44" spans="1:4" ht="18" customHeight="1" x14ac:dyDescent="0.2">
      <c r="A44" s="31">
        <v>32</v>
      </c>
      <c r="B44" s="27">
        <v>1</v>
      </c>
      <c r="C44" s="28">
        <v>6</v>
      </c>
      <c r="D44" s="29">
        <v>7</v>
      </c>
    </row>
    <row r="45" spans="1:4" ht="18" customHeight="1" x14ac:dyDescent="0.2">
      <c r="A45" s="31">
        <v>33</v>
      </c>
      <c r="B45" s="27">
        <v>5</v>
      </c>
      <c r="C45" s="28">
        <v>3</v>
      </c>
      <c r="D45" s="29">
        <v>8</v>
      </c>
    </row>
    <row r="46" spans="1:4" ht="18" customHeight="1" x14ac:dyDescent="0.2">
      <c r="A46" s="31">
        <v>34</v>
      </c>
      <c r="B46" s="27">
        <v>4</v>
      </c>
      <c r="C46" s="28">
        <v>1</v>
      </c>
      <c r="D46" s="29">
        <v>5</v>
      </c>
    </row>
    <row r="47" spans="1:4" ht="18" customHeight="1" x14ac:dyDescent="0.2">
      <c r="A47" s="31" t="s">
        <v>55</v>
      </c>
      <c r="B47" s="27">
        <v>16</v>
      </c>
      <c r="C47" s="28">
        <v>15</v>
      </c>
      <c r="D47" s="29">
        <v>31</v>
      </c>
    </row>
    <row r="48" spans="1:4" ht="18" customHeight="1" x14ac:dyDescent="0.2">
      <c r="A48" s="31">
        <v>35</v>
      </c>
      <c r="B48" s="27">
        <v>2</v>
      </c>
      <c r="C48" s="28">
        <v>3</v>
      </c>
      <c r="D48" s="29">
        <v>5</v>
      </c>
    </row>
    <row r="49" spans="1:4" ht="18" customHeight="1" x14ac:dyDescent="0.2">
      <c r="A49" s="31">
        <v>36</v>
      </c>
      <c r="B49" s="27">
        <v>3</v>
      </c>
      <c r="C49" s="28">
        <v>3</v>
      </c>
      <c r="D49" s="29">
        <v>6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5</v>
      </c>
      <c r="C51" s="28">
        <v>3</v>
      </c>
      <c r="D51" s="29">
        <v>8</v>
      </c>
    </row>
    <row r="52" spans="1:4" ht="18" customHeight="1" x14ac:dyDescent="0.2">
      <c r="A52" s="31">
        <v>39</v>
      </c>
      <c r="B52" s="27">
        <v>2</v>
      </c>
      <c r="C52" s="28">
        <v>5</v>
      </c>
      <c r="D52" s="29">
        <v>7</v>
      </c>
    </row>
    <row r="53" spans="1:4" ht="18" customHeight="1" x14ac:dyDescent="0.2">
      <c r="A53" s="31" t="s">
        <v>56</v>
      </c>
      <c r="B53" s="27">
        <v>12</v>
      </c>
      <c r="C53" s="28">
        <v>16</v>
      </c>
      <c r="D53" s="29">
        <v>28</v>
      </c>
    </row>
    <row r="54" spans="1:4" ht="18" customHeight="1" x14ac:dyDescent="0.2">
      <c r="A54" s="31">
        <v>40</v>
      </c>
      <c r="B54" s="27">
        <v>5</v>
      </c>
      <c r="C54" s="28">
        <v>3</v>
      </c>
      <c r="D54" s="29">
        <v>8</v>
      </c>
    </row>
    <row r="55" spans="1:4" ht="18" customHeight="1" x14ac:dyDescent="0.2">
      <c r="A55" s="31">
        <v>41</v>
      </c>
      <c r="B55" s="27">
        <v>6</v>
      </c>
      <c r="C55" s="28">
        <v>2</v>
      </c>
      <c r="D55" s="29">
        <v>8</v>
      </c>
    </row>
    <row r="56" spans="1:4" ht="18" customHeight="1" x14ac:dyDescent="0.2">
      <c r="A56" s="31">
        <v>42</v>
      </c>
      <c r="B56" s="27">
        <v>2</v>
      </c>
      <c r="C56" s="28">
        <v>2</v>
      </c>
      <c r="D56" s="29">
        <v>4</v>
      </c>
    </row>
    <row r="57" spans="1:4" ht="18" customHeight="1" x14ac:dyDescent="0.2">
      <c r="A57" s="31">
        <v>43</v>
      </c>
      <c r="B57" s="27">
        <v>4</v>
      </c>
      <c r="C57" s="28">
        <v>6</v>
      </c>
      <c r="D57" s="29">
        <v>10</v>
      </c>
    </row>
    <row r="58" spans="1:4" ht="18" customHeight="1" x14ac:dyDescent="0.2">
      <c r="A58" s="31">
        <v>44</v>
      </c>
      <c r="B58" s="27">
        <v>7</v>
      </c>
      <c r="C58" s="28">
        <v>0</v>
      </c>
      <c r="D58" s="29">
        <v>7</v>
      </c>
    </row>
    <row r="59" spans="1:4" ht="18" customHeight="1" x14ac:dyDescent="0.2">
      <c r="A59" s="31" t="s">
        <v>57</v>
      </c>
      <c r="B59" s="27">
        <v>24</v>
      </c>
      <c r="C59" s="28">
        <v>13</v>
      </c>
      <c r="D59" s="29">
        <v>37</v>
      </c>
    </row>
    <row r="60" spans="1:4" ht="18" customHeight="1" x14ac:dyDescent="0.2">
      <c r="A60" s="31">
        <v>45</v>
      </c>
      <c r="B60" s="27">
        <v>1</v>
      </c>
      <c r="C60" s="28">
        <v>4</v>
      </c>
      <c r="D60" s="29">
        <v>5</v>
      </c>
    </row>
    <row r="61" spans="1:4" ht="18" customHeight="1" x14ac:dyDescent="0.2">
      <c r="A61" s="31">
        <v>46</v>
      </c>
      <c r="B61" s="27">
        <v>6</v>
      </c>
      <c r="C61" s="28">
        <v>3</v>
      </c>
      <c r="D61" s="29">
        <v>9</v>
      </c>
    </row>
    <row r="62" spans="1:4" ht="18" customHeight="1" x14ac:dyDescent="0.2">
      <c r="A62" s="31">
        <v>47</v>
      </c>
      <c r="B62" s="27">
        <v>8</v>
      </c>
      <c r="C62" s="28">
        <v>11</v>
      </c>
      <c r="D62" s="29">
        <v>19</v>
      </c>
    </row>
    <row r="63" spans="1:4" ht="18" customHeight="1" x14ac:dyDescent="0.2">
      <c r="A63" s="31">
        <v>48</v>
      </c>
      <c r="B63" s="27">
        <v>5</v>
      </c>
      <c r="C63" s="28">
        <v>4</v>
      </c>
      <c r="D63" s="29">
        <v>9</v>
      </c>
    </row>
    <row r="64" spans="1:4" ht="18" customHeight="1" x14ac:dyDescent="0.2">
      <c r="A64" s="31">
        <v>49</v>
      </c>
      <c r="B64" s="27">
        <v>5</v>
      </c>
      <c r="C64" s="28">
        <v>5</v>
      </c>
      <c r="D64" s="29">
        <v>10</v>
      </c>
    </row>
    <row r="65" spans="1:4" ht="18" customHeight="1" x14ac:dyDescent="0.2">
      <c r="A65" s="31" t="s">
        <v>58</v>
      </c>
      <c r="B65" s="27">
        <v>25</v>
      </c>
      <c r="C65" s="28">
        <v>27</v>
      </c>
      <c r="D65" s="29">
        <v>52</v>
      </c>
    </row>
    <row r="66" spans="1:4" ht="18" customHeight="1" x14ac:dyDescent="0.2">
      <c r="A66" s="31">
        <v>50</v>
      </c>
      <c r="B66" s="27">
        <v>8</v>
      </c>
      <c r="C66" s="28">
        <v>6</v>
      </c>
      <c r="D66" s="29">
        <v>14</v>
      </c>
    </row>
    <row r="67" spans="1:4" ht="18" customHeight="1" x14ac:dyDescent="0.2">
      <c r="A67" s="31">
        <v>51</v>
      </c>
      <c r="B67" s="27">
        <v>0</v>
      </c>
      <c r="C67" s="28">
        <v>7</v>
      </c>
      <c r="D67" s="29">
        <v>7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3</v>
      </c>
      <c r="C69" s="28">
        <v>5</v>
      </c>
      <c r="D69" s="29">
        <v>8</v>
      </c>
    </row>
    <row r="70" spans="1:4" ht="18" customHeight="1" x14ac:dyDescent="0.2">
      <c r="A70" s="31">
        <v>54</v>
      </c>
      <c r="B70" s="27">
        <v>2</v>
      </c>
      <c r="C70" s="28">
        <v>4</v>
      </c>
      <c r="D70" s="29">
        <v>6</v>
      </c>
    </row>
    <row r="71" spans="1:4" ht="18" customHeight="1" x14ac:dyDescent="0.2">
      <c r="A71" s="31" t="s">
        <v>59</v>
      </c>
      <c r="B71" s="27">
        <v>18</v>
      </c>
      <c r="C71" s="28">
        <v>27</v>
      </c>
      <c r="D71" s="29">
        <v>45</v>
      </c>
    </row>
    <row r="72" spans="1:4" ht="18" customHeight="1" x14ac:dyDescent="0.2">
      <c r="A72" s="31">
        <v>55</v>
      </c>
      <c r="B72" s="27">
        <v>3</v>
      </c>
      <c r="C72" s="28">
        <v>7</v>
      </c>
      <c r="D72" s="29">
        <v>10</v>
      </c>
    </row>
    <row r="73" spans="1:4" ht="18" customHeight="1" x14ac:dyDescent="0.2">
      <c r="A73" s="31">
        <v>56</v>
      </c>
      <c r="B73" s="27">
        <v>2</v>
      </c>
      <c r="C73" s="28">
        <v>5</v>
      </c>
      <c r="D73" s="29">
        <v>7</v>
      </c>
    </row>
    <row r="74" spans="1:4" ht="18" customHeight="1" x14ac:dyDescent="0.2">
      <c r="A74" s="31">
        <v>57</v>
      </c>
      <c r="B74" s="27">
        <v>11</v>
      </c>
      <c r="C74" s="28">
        <v>3</v>
      </c>
      <c r="D74" s="29">
        <v>14</v>
      </c>
    </row>
    <row r="75" spans="1:4" ht="18" customHeight="1" x14ac:dyDescent="0.2">
      <c r="A75" s="31">
        <v>58</v>
      </c>
      <c r="B75" s="27">
        <v>3</v>
      </c>
      <c r="C75" s="28">
        <v>8</v>
      </c>
      <c r="D75" s="29">
        <v>11</v>
      </c>
    </row>
    <row r="76" spans="1:4" ht="18" customHeight="1" x14ac:dyDescent="0.2">
      <c r="A76" s="31">
        <v>59</v>
      </c>
      <c r="B76" s="27">
        <v>4</v>
      </c>
      <c r="C76" s="28">
        <v>6</v>
      </c>
      <c r="D76" s="29">
        <v>10</v>
      </c>
    </row>
    <row r="77" spans="1:4" ht="18" customHeight="1" x14ac:dyDescent="0.2">
      <c r="A77" s="31" t="s">
        <v>60</v>
      </c>
      <c r="B77" s="27">
        <v>23</v>
      </c>
      <c r="C77" s="28">
        <v>29</v>
      </c>
      <c r="D77" s="29">
        <v>52</v>
      </c>
    </row>
    <row r="78" spans="1:4" ht="18" customHeight="1" x14ac:dyDescent="0.2">
      <c r="A78" s="31">
        <v>60</v>
      </c>
      <c r="B78" s="27">
        <v>8</v>
      </c>
      <c r="C78" s="28">
        <v>6</v>
      </c>
      <c r="D78" s="29">
        <v>14</v>
      </c>
    </row>
    <row r="79" spans="1:4" ht="18" customHeight="1" x14ac:dyDescent="0.2">
      <c r="A79" s="31">
        <v>61</v>
      </c>
      <c r="B79" s="27">
        <v>6</v>
      </c>
      <c r="C79" s="28">
        <v>7</v>
      </c>
      <c r="D79" s="29">
        <v>13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8</v>
      </c>
      <c r="C81" s="28">
        <v>8</v>
      </c>
      <c r="D81" s="29">
        <v>16</v>
      </c>
    </row>
    <row r="82" spans="1:4" ht="18" customHeight="1" x14ac:dyDescent="0.2">
      <c r="A82" s="31">
        <v>64</v>
      </c>
      <c r="B82" s="27">
        <v>10</v>
      </c>
      <c r="C82" s="28">
        <v>7</v>
      </c>
      <c r="D82" s="29">
        <v>17</v>
      </c>
    </row>
    <row r="83" spans="1:4" ht="18" customHeight="1" x14ac:dyDescent="0.2">
      <c r="A83" s="31" t="s">
        <v>61</v>
      </c>
      <c r="B83" s="27">
        <v>38</v>
      </c>
      <c r="C83" s="28">
        <v>35</v>
      </c>
      <c r="D83" s="29">
        <v>73</v>
      </c>
    </row>
    <row r="84" spans="1:4" ht="18" customHeight="1" x14ac:dyDescent="0.2">
      <c r="A84" s="31" t="s">
        <v>62</v>
      </c>
      <c r="B84" s="27">
        <v>202</v>
      </c>
      <c r="C84" s="28">
        <v>200</v>
      </c>
      <c r="D84" s="29">
        <v>402</v>
      </c>
    </row>
    <row r="85" spans="1:4" ht="18" customHeight="1" x14ac:dyDescent="0.2">
      <c r="A85" s="31">
        <v>65</v>
      </c>
      <c r="B85" s="27">
        <v>10</v>
      </c>
      <c r="C85" s="28">
        <v>9</v>
      </c>
      <c r="D85" s="29">
        <v>19</v>
      </c>
    </row>
    <row r="86" spans="1:4" ht="18" customHeight="1" x14ac:dyDescent="0.2">
      <c r="A86" s="31">
        <v>66</v>
      </c>
      <c r="B86" s="27">
        <v>11</v>
      </c>
      <c r="C86" s="28">
        <v>8</v>
      </c>
      <c r="D86" s="29">
        <v>19</v>
      </c>
    </row>
    <row r="87" spans="1:4" ht="18" customHeight="1" x14ac:dyDescent="0.2">
      <c r="A87" s="31">
        <v>67</v>
      </c>
      <c r="B87" s="27">
        <v>8</v>
      </c>
      <c r="C87" s="28">
        <v>6</v>
      </c>
      <c r="D87" s="29">
        <v>14</v>
      </c>
    </row>
    <row r="88" spans="1:4" ht="18" customHeight="1" x14ac:dyDescent="0.2">
      <c r="A88" s="31">
        <v>68</v>
      </c>
      <c r="B88" s="27">
        <v>4</v>
      </c>
      <c r="C88" s="28">
        <v>9</v>
      </c>
      <c r="D88" s="29">
        <v>13</v>
      </c>
    </row>
    <row r="89" spans="1:4" ht="18" customHeight="1" x14ac:dyDescent="0.2">
      <c r="A89" s="31">
        <v>69</v>
      </c>
      <c r="B89" s="27">
        <v>8</v>
      </c>
      <c r="C89" s="28">
        <v>9</v>
      </c>
      <c r="D89" s="29">
        <v>17</v>
      </c>
    </row>
    <row r="90" spans="1:4" ht="18" customHeight="1" x14ac:dyDescent="0.2">
      <c r="A90" s="31" t="s">
        <v>63</v>
      </c>
      <c r="B90" s="27">
        <v>41</v>
      </c>
      <c r="C90" s="28">
        <v>41</v>
      </c>
      <c r="D90" s="29">
        <v>82</v>
      </c>
    </row>
    <row r="91" spans="1:4" ht="18" customHeight="1" x14ac:dyDescent="0.2">
      <c r="A91" s="31">
        <v>70</v>
      </c>
      <c r="B91" s="27">
        <v>11</v>
      </c>
      <c r="C91" s="28">
        <v>8</v>
      </c>
      <c r="D91" s="29">
        <v>19</v>
      </c>
    </row>
    <row r="92" spans="1:4" ht="18" customHeight="1" x14ac:dyDescent="0.2">
      <c r="A92" s="31">
        <v>71</v>
      </c>
      <c r="B92" s="27">
        <v>5</v>
      </c>
      <c r="C92" s="28">
        <v>11</v>
      </c>
      <c r="D92" s="29">
        <v>16</v>
      </c>
    </row>
    <row r="93" spans="1:4" ht="18" customHeight="1" x14ac:dyDescent="0.2">
      <c r="A93" s="31">
        <v>72</v>
      </c>
      <c r="B93" s="27">
        <v>12</v>
      </c>
      <c r="C93" s="28">
        <v>9</v>
      </c>
      <c r="D93" s="29">
        <v>21</v>
      </c>
    </row>
    <row r="94" spans="1:4" ht="18" customHeight="1" x14ac:dyDescent="0.2">
      <c r="A94" s="31">
        <v>73</v>
      </c>
      <c r="B94" s="27">
        <v>7</v>
      </c>
      <c r="C94" s="28">
        <v>5</v>
      </c>
      <c r="D94" s="29">
        <v>12</v>
      </c>
    </row>
    <row r="95" spans="1:4" ht="18" customHeight="1" x14ac:dyDescent="0.2">
      <c r="A95" s="31">
        <v>74</v>
      </c>
      <c r="B95" s="27">
        <v>2</v>
      </c>
      <c r="C95" s="28">
        <v>6</v>
      </c>
      <c r="D95" s="29">
        <v>8</v>
      </c>
    </row>
    <row r="96" spans="1:4" ht="18" customHeight="1" x14ac:dyDescent="0.2">
      <c r="A96" s="31" t="s">
        <v>64</v>
      </c>
      <c r="B96" s="27">
        <v>37</v>
      </c>
      <c r="C96" s="28">
        <v>39</v>
      </c>
      <c r="D96" s="29">
        <v>76</v>
      </c>
    </row>
    <row r="97" spans="1:4" ht="18" customHeight="1" x14ac:dyDescent="0.2">
      <c r="A97" s="31">
        <v>75</v>
      </c>
      <c r="B97" s="27">
        <v>11</v>
      </c>
      <c r="C97" s="28">
        <v>6</v>
      </c>
      <c r="D97" s="29">
        <v>17</v>
      </c>
    </row>
    <row r="98" spans="1:4" ht="18" customHeight="1" x14ac:dyDescent="0.2">
      <c r="A98" s="31">
        <v>76</v>
      </c>
      <c r="B98" s="27">
        <v>9</v>
      </c>
      <c r="C98" s="28">
        <v>3</v>
      </c>
      <c r="D98" s="29">
        <v>12</v>
      </c>
    </row>
    <row r="99" spans="1:4" ht="18" customHeight="1" x14ac:dyDescent="0.2">
      <c r="A99" s="31">
        <v>77</v>
      </c>
      <c r="B99" s="27">
        <v>3</v>
      </c>
      <c r="C99" s="28">
        <v>8</v>
      </c>
      <c r="D99" s="29">
        <v>11</v>
      </c>
    </row>
    <row r="100" spans="1:4" ht="18" customHeight="1" x14ac:dyDescent="0.2">
      <c r="A100" s="31">
        <v>78</v>
      </c>
      <c r="B100" s="27">
        <v>6</v>
      </c>
      <c r="C100" s="28">
        <v>4</v>
      </c>
      <c r="D100" s="29">
        <v>10</v>
      </c>
    </row>
    <row r="101" spans="1:4" ht="18" customHeight="1" x14ac:dyDescent="0.2">
      <c r="A101" s="31">
        <v>79</v>
      </c>
      <c r="B101" s="27">
        <v>0</v>
      </c>
      <c r="C101" s="28">
        <v>7</v>
      </c>
      <c r="D101" s="29">
        <v>7</v>
      </c>
    </row>
    <row r="102" spans="1:4" ht="18" customHeight="1" x14ac:dyDescent="0.2">
      <c r="A102" s="31" t="s">
        <v>65</v>
      </c>
      <c r="B102" s="27">
        <v>29</v>
      </c>
      <c r="C102" s="28">
        <v>28</v>
      </c>
      <c r="D102" s="29">
        <v>57</v>
      </c>
    </row>
    <row r="103" spans="1:4" ht="18" customHeight="1" x14ac:dyDescent="0.2">
      <c r="A103" s="31">
        <v>80</v>
      </c>
      <c r="B103" s="27">
        <v>3</v>
      </c>
      <c r="C103" s="28">
        <v>4</v>
      </c>
      <c r="D103" s="29">
        <v>7</v>
      </c>
    </row>
    <row r="104" spans="1:4" ht="18" customHeight="1" x14ac:dyDescent="0.2">
      <c r="A104" s="31">
        <v>81</v>
      </c>
      <c r="B104" s="27">
        <v>3</v>
      </c>
      <c r="C104" s="28">
        <v>9</v>
      </c>
      <c r="D104" s="29">
        <v>12</v>
      </c>
    </row>
    <row r="105" spans="1:4" ht="18" customHeight="1" x14ac:dyDescent="0.2">
      <c r="A105" s="31">
        <v>82</v>
      </c>
      <c r="B105" s="27">
        <v>1</v>
      </c>
      <c r="C105" s="28">
        <v>7</v>
      </c>
      <c r="D105" s="29">
        <v>8</v>
      </c>
    </row>
    <row r="106" spans="1:4" ht="18" customHeight="1" x14ac:dyDescent="0.2">
      <c r="A106" s="31">
        <v>83</v>
      </c>
      <c r="B106" s="27">
        <v>4</v>
      </c>
      <c r="C106" s="28">
        <v>5</v>
      </c>
      <c r="D106" s="29">
        <v>9</v>
      </c>
    </row>
    <row r="107" spans="1:4" ht="18" customHeight="1" x14ac:dyDescent="0.2">
      <c r="A107" s="31">
        <v>84</v>
      </c>
      <c r="B107" s="27">
        <v>5</v>
      </c>
      <c r="C107" s="28">
        <v>5</v>
      </c>
      <c r="D107" s="29">
        <v>10</v>
      </c>
    </row>
    <row r="108" spans="1:4" ht="18" customHeight="1" x14ac:dyDescent="0.2">
      <c r="A108" s="31" t="s">
        <v>66</v>
      </c>
      <c r="B108" s="27">
        <v>16</v>
      </c>
      <c r="C108" s="28">
        <v>30</v>
      </c>
      <c r="D108" s="29">
        <v>46</v>
      </c>
    </row>
    <row r="109" spans="1:4" ht="18" customHeight="1" x14ac:dyDescent="0.2">
      <c r="A109" s="31">
        <v>85</v>
      </c>
      <c r="B109" s="27">
        <v>5</v>
      </c>
      <c r="C109" s="28">
        <v>8</v>
      </c>
      <c r="D109" s="29">
        <v>13</v>
      </c>
    </row>
    <row r="110" spans="1:4" ht="18" customHeight="1" x14ac:dyDescent="0.2">
      <c r="A110" s="31">
        <v>86</v>
      </c>
      <c r="B110" s="27">
        <v>2</v>
      </c>
      <c r="C110" s="28">
        <v>7</v>
      </c>
      <c r="D110" s="29">
        <v>9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8</v>
      </c>
      <c r="D112" s="29">
        <v>10</v>
      </c>
    </row>
    <row r="113" spans="1:4" ht="18" customHeight="1" x14ac:dyDescent="0.2">
      <c r="A113" s="31">
        <v>89</v>
      </c>
      <c r="B113" s="27">
        <v>3</v>
      </c>
      <c r="C113" s="28">
        <v>5</v>
      </c>
      <c r="D113" s="29">
        <v>8</v>
      </c>
    </row>
    <row r="114" spans="1:4" ht="18" customHeight="1" x14ac:dyDescent="0.2">
      <c r="A114" s="31" t="s">
        <v>67</v>
      </c>
      <c r="B114" s="27">
        <v>16</v>
      </c>
      <c r="C114" s="28">
        <v>35</v>
      </c>
      <c r="D114" s="29">
        <v>51</v>
      </c>
    </row>
    <row r="115" spans="1:4" ht="18" customHeight="1" x14ac:dyDescent="0.2">
      <c r="A115" s="31">
        <v>90</v>
      </c>
      <c r="B115" s="27">
        <v>1</v>
      </c>
      <c r="C115" s="28">
        <v>5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5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21</v>
      </c>
      <c r="D120" s="29">
        <v>2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3</v>
      </c>
      <c r="C130" s="5">
        <v>202</v>
      </c>
      <c r="D130" s="6">
        <v>345</v>
      </c>
    </row>
    <row r="131" spans="1:4" ht="18" customHeight="1" x14ac:dyDescent="0.2">
      <c r="A131" s="33" t="s">
        <v>47</v>
      </c>
      <c r="B131" s="7">
        <v>382</v>
      </c>
      <c r="C131" s="8">
        <v>442</v>
      </c>
      <c r="D131" s="9">
        <v>82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3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1</v>
      </c>
      <c r="C16" s="28">
        <v>1</v>
      </c>
      <c r="D16" s="29">
        <v>2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0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2</v>
      </c>
      <c r="D21" s="29">
        <v>4</v>
      </c>
    </row>
    <row r="22" spans="1:4" ht="18" customHeight="1" x14ac:dyDescent="0.2">
      <c r="A22" s="31" t="s">
        <v>50</v>
      </c>
      <c r="B22" s="27">
        <v>6</v>
      </c>
      <c r="C22" s="28">
        <v>5</v>
      </c>
      <c r="D22" s="29">
        <v>11</v>
      </c>
    </row>
    <row r="23" spans="1:4" ht="18" customHeight="1" x14ac:dyDescent="0.2">
      <c r="A23" s="31" t="s">
        <v>51</v>
      </c>
      <c r="B23" s="27">
        <v>8</v>
      </c>
      <c r="C23" s="28">
        <v>9</v>
      </c>
      <c r="D23" s="29">
        <v>17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4</v>
      </c>
      <c r="C27" s="28">
        <v>1</v>
      </c>
      <c r="D27" s="29">
        <v>5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8</v>
      </c>
      <c r="C29" s="28">
        <v>6</v>
      </c>
      <c r="D29" s="29">
        <v>14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4</v>
      </c>
      <c r="C31" s="28">
        <v>2</v>
      </c>
      <c r="D31" s="29">
        <v>6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9</v>
      </c>
      <c r="C35" s="28">
        <v>6</v>
      </c>
      <c r="D35" s="29">
        <v>15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5</v>
      </c>
      <c r="C39" s="28">
        <v>0</v>
      </c>
      <c r="D39" s="29">
        <v>5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54</v>
      </c>
      <c r="B41" s="27">
        <v>8</v>
      </c>
      <c r="C41" s="28">
        <v>8</v>
      </c>
      <c r="D41" s="29">
        <v>16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3</v>
      </c>
      <c r="C43" s="28">
        <v>3</v>
      </c>
      <c r="D43" s="29">
        <v>6</v>
      </c>
    </row>
    <row r="44" spans="1:4" ht="18" customHeight="1" x14ac:dyDescent="0.2">
      <c r="A44" s="31">
        <v>32</v>
      </c>
      <c r="B44" s="27">
        <v>4</v>
      </c>
      <c r="C44" s="28">
        <v>1</v>
      </c>
      <c r="D44" s="29">
        <v>5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55</v>
      </c>
      <c r="B47" s="27">
        <v>13</v>
      </c>
      <c r="C47" s="28">
        <v>7</v>
      </c>
      <c r="D47" s="29">
        <v>20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2</v>
      </c>
      <c r="C49" s="28">
        <v>2</v>
      </c>
      <c r="D49" s="29">
        <v>4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5</v>
      </c>
      <c r="C53" s="28">
        <v>5</v>
      </c>
      <c r="D53" s="29">
        <v>10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3</v>
      </c>
      <c r="D55" s="29">
        <v>4</v>
      </c>
    </row>
    <row r="56" spans="1:4" ht="18" customHeight="1" x14ac:dyDescent="0.2">
      <c r="A56" s="31">
        <v>42</v>
      </c>
      <c r="B56" s="27">
        <v>0</v>
      </c>
      <c r="C56" s="28">
        <v>2</v>
      </c>
      <c r="D56" s="29">
        <v>2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3</v>
      </c>
      <c r="C58" s="28">
        <v>3</v>
      </c>
      <c r="D58" s="29">
        <v>6</v>
      </c>
    </row>
    <row r="59" spans="1:4" ht="18" customHeight="1" x14ac:dyDescent="0.2">
      <c r="A59" s="31" t="s">
        <v>57</v>
      </c>
      <c r="B59" s="27">
        <v>7</v>
      </c>
      <c r="C59" s="28">
        <v>10</v>
      </c>
      <c r="D59" s="29">
        <v>17</v>
      </c>
    </row>
    <row r="60" spans="1:4" ht="18" customHeight="1" x14ac:dyDescent="0.2">
      <c r="A60" s="31">
        <v>45</v>
      </c>
      <c r="B60" s="27">
        <v>3</v>
      </c>
      <c r="C60" s="28">
        <v>1</v>
      </c>
      <c r="D60" s="29">
        <v>4</v>
      </c>
    </row>
    <row r="61" spans="1:4" ht="18" customHeight="1" x14ac:dyDescent="0.2">
      <c r="A61" s="31">
        <v>46</v>
      </c>
      <c r="B61" s="27">
        <v>2</v>
      </c>
      <c r="C61" s="28">
        <v>1</v>
      </c>
      <c r="D61" s="29">
        <v>3</v>
      </c>
    </row>
    <row r="62" spans="1:4" ht="18" customHeight="1" x14ac:dyDescent="0.2">
      <c r="A62" s="31">
        <v>47</v>
      </c>
      <c r="B62" s="27">
        <v>1</v>
      </c>
      <c r="C62" s="28">
        <v>5</v>
      </c>
      <c r="D62" s="29">
        <v>6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4</v>
      </c>
      <c r="C64" s="28">
        <v>0</v>
      </c>
      <c r="D64" s="29">
        <v>4</v>
      </c>
    </row>
    <row r="65" spans="1:4" ht="18" customHeight="1" x14ac:dyDescent="0.2">
      <c r="A65" s="31" t="s">
        <v>58</v>
      </c>
      <c r="B65" s="27">
        <v>11</v>
      </c>
      <c r="C65" s="28">
        <v>7</v>
      </c>
      <c r="D65" s="29">
        <v>18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4</v>
      </c>
      <c r="C67" s="28">
        <v>4</v>
      </c>
      <c r="D67" s="29">
        <v>8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0</v>
      </c>
      <c r="C69" s="28">
        <v>4</v>
      </c>
      <c r="D69" s="29">
        <v>4</v>
      </c>
    </row>
    <row r="70" spans="1:4" ht="18" customHeight="1" x14ac:dyDescent="0.2">
      <c r="A70" s="31">
        <v>54</v>
      </c>
      <c r="B70" s="27">
        <v>5</v>
      </c>
      <c r="C70" s="28">
        <v>7</v>
      </c>
      <c r="D70" s="29">
        <v>12</v>
      </c>
    </row>
    <row r="71" spans="1:4" ht="18" customHeight="1" x14ac:dyDescent="0.2">
      <c r="A71" s="31" t="s">
        <v>59</v>
      </c>
      <c r="B71" s="27">
        <v>16</v>
      </c>
      <c r="C71" s="28">
        <v>21</v>
      </c>
      <c r="D71" s="29">
        <v>37</v>
      </c>
    </row>
    <row r="72" spans="1:4" ht="18" customHeight="1" x14ac:dyDescent="0.2">
      <c r="A72" s="31">
        <v>55</v>
      </c>
      <c r="B72" s="27">
        <v>3</v>
      </c>
      <c r="C72" s="28">
        <v>0</v>
      </c>
      <c r="D72" s="29">
        <v>3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0</v>
      </c>
      <c r="C74" s="28">
        <v>5</v>
      </c>
      <c r="D74" s="29">
        <v>5</v>
      </c>
    </row>
    <row r="75" spans="1:4" ht="18" customHeight="1" x14ac:dyDescent="0.2">
      <c r="A75" s="31">
        <v>58</v>
      </c>
      <c r="B75" s="27">
        <v>2</v>
      </c>
      <c r="C75" s="28">
        <v>4</v>
      </c>
      <c r="D75" s="29">
        <v>6</v>
      </c>
    </row>
    <row r="76" spans="1:4" ht="18" customHeight="1" x14ac:dyDescent="0.2">
      <c r="A76" s="31">
        <v>59</v>
      </c>
      <c r="B76" s="27">
        <v>4</v>
      </c>
      <c r="C76" s="28">
        <v>2</v>
      </c>
      <c r="D76" s="29">
        <v>6</v>
      </c>
    </row>
    <row r="77" spans="1:4" ht="18" customHeight="1" x14ac:dyDescent="0.2">
      <c r="A77" s="31" t="s">
        <v>60</v>
      </c>
      <c r="B77" s="27">
        <v>11</v>
      </c>
      <c r="C77" s="28">
        <v>14</v>
      </c>
      <c r="D77" s="29">
        <v>25</v>
      </c>
    </row>
    <row r="78" spans="1:4" ht="18" customHeight="1" x14ac:dyDescent="0.2">
      <c r="A78" s="31">
        <v>60</v>
      </c>
      <c r="B78" s="27">
        <v>4</v>
      </c>
      <c r="C78" s="28">
        <v>2</v>
      </c>
      <c r="D78" s="29">
        <v>6</v>
      </c>
    </row>
    <row r="79" spans="1:4" ht="18" customHeight="1" x14ac:dyDescent="0.2">
      <c r="A79" s="31">
        <v>61</v>
      </c>
      <c r="B79" s="27">
        <v>4</v>
      </c>
      <c r="C79" s="28">
        <v>1</v>
      </c>
      <c r="D79" s="29">
        <v>5</v>
      </c>
    </row>
    <row r="80" spans="1:4" ht="18" customHeight="1" x14ac:dyDescent="0.2">
      <c r="A80" s="31">
        <v>62</v>
      </c>
      <c r="B80" s="27">
        <v>4</v>
      </c>
      <c r="C80" s="28">
        <v>1</v>
      </c>
      <c r="D80" s="29">
        <v>5</v>
      </c>
    </row>
    <row r="81" spans="1:4" ht="18" customHeight="1" x14ac:dyDescent="0.2">
      <c r="A81" s="31">
        <v>63</v>
      </c>
      <c r="B81" s="27">
        <v>4</v>
      </c>
      <c r="C81" s="28">
        <v>6</v>
      </c>
      <c r="D81" s="29">
        <v>10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6</v>
      </c>
      <c r="C83" s="28">
        <v>11</v>
      </c>
      <c r="D83" s="29">
        <v>27</v>
      </c>
    </row>
    <row r="84" spans="1:4" ht="18" customHeight="1" x14ac:dyDescent="0.2">
      <c r="A84" s="31" t="s">
        <v>62</v>
      </c>
      <c r="B84" s="27">
        <v>104</v>
      </c>
      <c r="C84" s="28">
        <v>95</v>
      </c>
      <c r="D84" s="29">
        <v>199</v>
      </c>
    </row>
    <row r="85" spans="1:4" ht="18" customHeight="1" x14ac:dyDescent="0.2">
      <c r="A85" s="31">
        <v>65</v>
      </c>
      <c r="B85" s="27">
        <v>7</v>
      </c>
      <c r="C85" s="28">
        <v>6</v>
      </c>
      <c r="D85" s="29">
        <v>13</v>
      </c>
    </row>
    <row r="86" spans="1:4" ht="18" customHeight="1" x14ac:dyDescent="0.2">
      <c r="A86" s="31">
        <v>66</v>
      </c>
      <c r="B86" s="27">
        <v>2</v>
      </c>
      <c r="C86" s="28">
        <v>6</v>
      </c>
      <c r="D86" s="29">
        <v>8</v>
      </c>
    </row>
    <row r="87" spans="1:4" ht="18" customHeight="1" x14ac:dyDescent="0.2">
      <c r="A87" s="31">
        <v>67</v>
      </c>
      <c r="B87" s="27">
        <v>4</v>
      </c>
      <c r="C87" s="28">
        <v>1</v>
      </c>
      <c r="D87" s="29">
        <v>5</v>
      </c>
    </row>
    <row r="88" spans="1:4" ht="18" customHeight="1" x14ac:dyDescent="0.2">
      <c r="A88" s="31">
        <v>68</v>
      </c>
      <c r="B88" s="27">
        <v>6</v>
      </c>
      <c r="C88" s="28">
        <v>6</v>
      </c>
      <c r="D88" s="29">
        <v>12</v>
      </c>
    </row>
    <row r="89" spans="1:4" ht="18" customHeight="1" x14ac:dyDescent="0.2">
      <c r="A89" s="31">
        <v>69</v>
      </c>
      <c r="B89" s="27">
        <v>6</v>
      </c>
      <c r="C89" s="28">
        <v>6</v>
      </c>
      <c r="D89" s="29">
        <v>12</v>
      </c>
    </row>
    <row r="90" spans="1:4" ht="18" customHeight="1" x14ac:dyDescent="0.2">
      <c r="A90" s="31" t="s">
        <v>63</v>
      </c>
      <c r="B90" s="27">
        <v>25</v>
      </c>
      <c r="C90" s="28">
        <v>25</v>
      </c>
      <c r="D90" s="29">
        <v>50</v>
      </c>
    </row>
    <row r="91" spans="1:4" ht="18" customHeight="1" x14ac:dyDescent="0.2">
      <c r="A91" s="31">
        <v>70</v>
      </c>
      <c r="B91" s="27">
        <v>4</v>
      </c>
      <c r="C91" s="28">
        <v>5</v>
      </c>
      <c r="D91" s="29">
        <v>9</v>
      </c>
    </row>
    <row r="92" spans="1:4" ht="18" customHeight="1" x14ac:dyDescent="0.2">
      <c r="A92" s="31">
        <v>71</v>
      </c>
      <c r="B92" s="27">
        <v>7</v>
      </c>
      <c r="C92" s="28">
        <v>3</v>
      </c>
      <c r="D92" s="29">
        <v>10</v>
      </c>
    </row>
    <row r="93" spans="1:4" ht="18" customHeight="1" x14ac:dyDescent="0.2">
      <c r="A93" s="31">
        <v>72</v>
      </c>
      <c r="B93" s="27">
        <v>4</v>
      </c>
      <c r="C93" s="28">
        <v>4</v>
      </c>
      <c r="D93" s="29">
        <v>8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0</v>
      </c>
      <c r="C95" s="28">
        <v>5</v>
      </c>
      <c r="D95" s="29">
        <v>5</v>
      </c>
    </row>
    <row r="96" spans="1:4" ht="18" customHeight="1" x14ac:dyDescent="0.2">
      <c r="A96" s="31" t="s">
        <v>64</v>
      </c>
      <c r="B96" s="27">
        <v>16</v>
      </c>
      <c r="C96" s="28">
        <v>19</v>
      </c>
      <c r="D96" s="29">
        <v>35</v>
      </c>
    </row>
    <row r="97" spans="1:4" ht="18" customHeight="1" x14ac:dyDescent="0.2">
      <c r="A97" s="31">
        <v>75</v>
      </c>
      <c r="B97" s="27">
        <v>1</v>
      </c>
      <c r="C97" s="28">
        <v>6</v>
      </c>
      <c r="D97" s="29">
        <v>7</v>
      </c>
    </row>
    <row r="98" spans="1:4" ht="18" customHeight="1" x14ac:dyDescent="0.2">
      <c r="A98" s="31">
        <v>76</v>
      </c>
      <c r="B98" s="27">
        <v>4</v>
      </c>
      <c r="C98" s="28">
        <v>3</v>
      </c>
      <c r="D98" s="29">
        <v>7</v>
      </c>
    </row>
    <row r="99" spans="1:4" ht="18" customHeight="1" x14ac:dyDescent="0.2">
      <c r="A99" s="31">
        <v>77</v>
      </c>
      <c r="B99" s="27">
        <v>5</v>
      </c>
      <c r="C99" s="28">
        <v>2</v>
      </c>
      <c r="D99" s="29">
        <v>7</v>
      </c>
    </row>
    <row r="100" spans="1:4" ht="18" customHeight="1" x14ac:dyDescent="0.2">
      <c r="A100" s="31">
        <v>78</v>
      </c>
      <c r="B100" s="27">
        <v>2</v>
      </c>
      <c r="C100" s="28">
        <v>0</v>
      </c>
      <c r="D100" s="29">
        <v>2</v>
      </c>
    </row>
    <row r="101" spans="1:4" ht="18" customHeight="1" x14ac:dyDescent="0.2">
      <c r="A101" s="31">
        <v>79</v>
      </c>
      <c r="B101" s="27">
        <v>3</v>
      </c>
      <c r="C101" s="28">
        <v>6</v>
      </c>
      <c r="D101" s="29">
        <v>9</v>
      </c>
    </row>
    <row r="102" spans="1:4" ht="18" customHeight="1" x14ac:dyDescent="0.2">
      <c r="A102" s="31" t="s">
        <v>65</v>
      </c>
      <c r="B102" s="27">
        <v>15</v>
      </c>
      <c r="C102" s="28">
        <v>17</v>
      </c>
      <c r="D102" s="29">
        <v>32</v>
      </c>
    </row>
    <row r="103" spans="1:4" ht="18" customHeight="1" x14ac:dyDescent="0.2">
      <c r="A103" s="31">
        <v>80</v>
      </c>
      <c r="B103" s="27">
        <v>2</v>
      </c>
      <c r="C103" s="28">
        <v>6</v>
      </c>
      <c r="D103" s="29">
        <v>8</v>
      </c>
    </row>
    <row r="104" spans="1:4" ht="18" customHeight="1" x14ac:dyDescent="0.2">
      <c r="A104" s="31">
        <v>81</v>
      </c>
      <c r="B104" s="27">
        <v>2</v>
      </c>
      <c r="C104" s="28">
        <v>6</v>
      </c>
      <c r="D104" s="29">
        <v>8</v>
      </c>
    </row>
    <row r="105" spans="1:4" ht="18" customHeight="1" x14ac:dyDescent="0.2">
      <c r="A105" s="31">
        <v>82</v>
      </c>
      <c r="B105" s="27">
        <v>4</v>
      </c>
      <c r="C105" s="28">
        <v>4</v>
      </c>
      <c r="D105" s="29">
        <v>8</v>
      </c>
    </row>
    <row r="106" spans="1:4" ht="18" customHeight="1" x14ac:dyDescent="0.2">
      <c r="A106" s="31">
        <v>83</v>
      </c>
      <c r="B106" s="27">
        <v>1</v>
      </c>
      <c r="C106" s="28">
        <v>4</v>
      </c>
      <c r="D106" s="29">
        <v>5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66</v>
      </c>
      <c r="B108" s="27">
        <v>11</v>
      </c>
      <c r="C108" s="28">
        <v>23</v>
      </c>
      <c r="D108" s="29">
        <v>34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67</v>
      </c>
      <c r="B114" s="27">
        <v>10</v>
      </c>
      <c r="C114" s="28">
        <v>17</v>
      </c>
      <c r="D114" s="29">
        <v>27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9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4</v>
      </c>
      <c r="C120" s="28">
        <v>15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3</v>
      </c>
      <c r="C130" s="5">
        <v>119</v>
      </c>
      <c r="D130" s="6">
        <v>202</v>
      </c>
    </row>
    <row r="131" spans="1:4" ht="18" customHeight="1" x14ac:dyDescent="0.2">
      <c r="A131" s="33" t="s">
        <v>47</v>
      </c>
      <c r="B131" s="7">
        <v>195</v>
      </c>
      <c r="C131" s="8">
        <v>223</v>
      </c>
      <c r="D131" s="9">
        <v>4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4</v>
      </c>
      <c r="C6" s="28">
        <v>2</v>
      </c>
      <c r="D6" s="29">
        <v>6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5</v>
      </c>
      <c r="C8" s="28">
        <v>1</v>
      </c>
      <c r="D8" s="29">
        <v>6</v>
      </c>
    </row>
    <row r="9" spans="1:4" ht="18" customHeight="1" x14ac:dyDescent="0.2">
      <c r="A9" s="31">
        <v>4</v>
      </c>
      <c r="B9" s="36">
        <v>3</v>
      </c>
      <c r="C9" s="38">
        <v>12</v>
      </c>
      <c r="D9" s="40">
        <v>15</v>
      </c>
    </row>
    <row r="10" spans="1:4" ht="18" customHeight="1" x14ac:dyDescent="0.2">
      <c r="A10" s="31" t="s">
        <v>48</v>
      </c>
      <c r="B10" s="27">
        <v>14</v>
      </c>
      <c r="C10" s="28">
        <v>17</v>
      </c>
      <c r="D10" s="29">
        <v>31</v>
      </c>
    </row>
    <row r="11" spans="1:4" ht="18" customHeight="1" x14ac:dyDescent="0.2">
      <c r="A11" s="31">
        <v>5</v>
      </c>
      <c r="B11" s="35">
        <v>3</v>
      </c>
      <c r="C11" s="28">
        <v>4</v>
      </c>
      <c r="D11" s="29">
        <v>7</v>
      </c>
    </row>
    <row r="12" spans="1:4" ht="18" customHeight="1" x14ac:dyDescent="0.2">
      <c r="A12" s="31">
        <v>6</v>
      </c>
      <c r="B12" s="35">
        <v>5</v>
      </c>
      <c r="C12" s="28">
        <v>3</v>
      </c>
      <c r="D12" s="29">
        <v>8</v>
      </c>
    </row>
    <row r="13" spans="1:4" ht="18" customHeight="1" x14ac:dyDescent="0.2">
      <c r="A13" s="31">
        <v>7</v>
      </c>
      <c r="B13" s="35">
        <v>3</v>
      </c>
      <c r="C13" s="28">
        <v>5</v>
      </c>
      <c r="D13" s="29">
        <v>8</v>
      </c>
    </row>
    <row r="14" spans="1:4" ht="18" customHeight="1" x14ac:dyDescent="0.2">
      <c r="A14" s="31">
        <v>8</v>
      </c>
      <c r="B14" s="35">
        <v>1</v>
      </c>
      <c r="C14" s="28">
        <v>6</v>
      </c>
      <c r="D14" s="29">
        <v>7</v>
      </c>
    </row>
    <row r="15" spans="1:4" ht="18" customHeight="1" x14ac:dyDescent="0.2">
      <c r="A15" s="31">
        <v>9</v>
      </c>
      <c r="B15" s="35">
        <v>6</v>
      </c>
      <c r="C15" s="28">
        <v>4</v>
      </c>
      <c r="D15" s="29">
        <v>10</v>
      </c>
    </row>
    <row r="16" spans="1:4" ht="18" customHeight="1" x14ac:dyDescent="0.2">
      <c r="A16" s="31" t="s">
        <v>49</v>
      </c>
      <c r="B16" s="27">
        <v>18</v>
      </c>
      <c r="C16" s="28">
        <v>22</v>
      </c>
      <c r="D16" s="29">
        <v>40</v>
      </c>
    </row>
    <row r="17" spans="1:4" ht="18" customHeight="1" x14ac:dyDescent="0.2">
      <c r="A17" s="31">
        <v>10</v>
      </c>
      <c r="B17" s="27">
        <v>2</v>
      </c>
      <c r="C17" s="28">
        <v>7</v>
      </c>
      <c r="D17" s="29">
        <v>9</v>
      </c>
    </row>
    <row r="18" spans="1:4" ht="18" customHeight="1" x14ac:dyDescent="0.2">
      <c r="A18" s="31">
        <v>11</v>
      </c>
      <c r="B18" s="27">
        <v>8</v>
      </c>
      <c r="C18" s="28">
        <v>6</v>
      </c>
      <c r="D18" s="29">
        <v>14</v>
      </c>
    </row>
    <row r="19" spans="1:4" ht="18" customHeight="1" x14ac:dyDescent="0.2">
      <c r="A19" s="31">
        <v>12</v>
      </c>
      <c r="B19" s="27">
        <v>2</v>
      </c>
      <c r="C19" s="28">
        <v>3</v>
      </c>
      <c r="D19" s="29">
        <v>5</v>
      </c>
    </row>
    <row r="20" spans="1:4" ht="18" customHeight="1" x14ac:dyDescent="0.2">
      <c r="A20" s="31">
        <v>13</v>
      </c>
      <c r="B20" s="27">
        <v>7</v>
      </c>
      <c r="C20" s="28">
        <v>6</v>
      </c>
      <c r="D20" s="29">
        <v>13</v>
      </c>
    </row>
    <row r="21" spans="1:4" ht="18" customHeight="1" x14ac:dyDescent="0.2">
      <c r="A21" s="31">
        <v>14</v>
      </c>
      <c r="B21" s="27">
        <v>4</v>
      </c>
      <c r="C21" s="28">
        <v>5</v>
      </c>
      <c r="D21" s="29">
        <v>9</v>
      </c>
    </row>
    <row r="22" spans="1:4" ht="18" customHeight="1" x14ac:dyDescent="0.2">
      <c r="A22" s="31" t="s">
        <v>50</v>
      </c>
      <c r="B22" s="27">
        <v>23</v>
      </c>
      <c r="C22" s="28">
        <v>27</v>
      </c>
      <c r="D22" s="29">
        <v>50</v>
      </c>
    </row>
    <row r="23" spans="1:4" ht="18" customHeight="1" x14ac:dyDescent="0.2">
      <c r="A23" s="31" t="s">
        <v>51</v>
      </c>
      <c r="B23" s="27">
        <v>55</v>
      </c>
      <c r="C23" s="28">
        <v>66</v>
      </c>
      <c r="D23" s="29">
        <v>121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6</v>
      </c>
      <c r="C25" s="28">
        <v>8</v>
      </c>
      <c r="D25" s="29">
        <v>14</v>
      </c>
    </row>
    <row r="26" spans="1:4" ht="18" customHeight="1" x14ac:dyDescent="0.2">
      <c r="A26" s="31">
        <v>17</v>
      </c>
      <c r="B26" s="27">
        <v>5</v>
      </c>
      <c r="C26" s="28">
        <v>9</v>
      </c>
      <c r="D26" s="29">
        <v>14</v>
      </c>
    </row>
    <row r="27" spans="1:4" ht="18" customHeight="1" x14ac:dyDescent="0.2">
      <c r="A27" s="31">
        <v>18</v>
      </c>
      <c r="B27" s="27">
        <v>4</v>
      </c>
      <c r="C27" s="28">
        <v>8</v>
      </c>
      <c r="D27" s="29">
        <v>12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8</v>
      </c>
      <c r="C29" s="28">
        <v>36</v>
      </c>
      <c r="D29" s="29">
        <v>64</v>
      </c>
    </row>
    <row r="30" spans="1:4" ht="18" customHeight="1" x14ac:dyDescent="0.2">
      <c r="A30" s="31">
        <v>20</v>
      </c>
      <c r="B30" s="27">
        <v>3</v>
      </c>
      <c r="C30" s="28">
        <v>6</v>
      </c>
      <c r="D30" s="29">
        <v>9</v>
      </c>
    </row>
    <row r="31" spans="1:4" ht="18" customHeight="1" x14ac:dyDescent="0.2">
      <c r="A31" s="31">
        <v>21</v>
      </c>
      <c r="B31" s="27">
        <v>7</v>
      </c>
      <c r="C31" s="28">
        <v>6</v>
      </c>
      <c r="D31" s="29">
        <v>13</v>
      </c>
    </row>
    <row r="32" spans="1:4" ht="18" customHeight="1" x14ac:dyDescent="0.2">
      <c r="A32" s="31">
        <v>22</v>
      </c>
      <c r="B32" s="27">
        <v>8</v>
      </c>
      <c r="C32" s="28">
        <v>5</v>
      </c>
      <c r="D32" s="29">
        <v>13</v>
      </c>
    </row>
    <row r="33" spans="1:4" ht="18" customHeight="1" x14ac:dyDescent="0.2">
      <c r="A33" s="31">
        <v>23</v>
      </c>
      <c r="B33" s="27">
        <v>2</v>
      </c>
      <c r="C33" s="28">
        <v>3</v>
      </c>
      <c r="D33" s="29">
        <v>5</v>
      </c>
    </row>
    <row r="34" spans="1:4" ht="18" customHeight="1" x14ac:dyDescent="0.2">
      <c r="A34" s="31">
        <v>24</v>
      </c>
      <c r="B34" s="27">
        <v>7</v>
      </c>
      <c r="C34" s="28">
        <v>4</v>
      </c>
      <c r="D34" s="29">
        <v>11</v>
      </c>
    </row>
    <row r="35" spans="1:4" ht="18" customHeight="1" x14ac:dyDescent="0.2">
      <c r="A35" s="31" t="s">
        <v>53</v>
      </c>
      <c r="B35" s="27">
        <v>27</v>
      </c>
      <c r="C35" s="28">
        <v>24</v>
      </c>
      <c r="D35" s="29">
        <v>51</v>
      </c>
    </row>
    <row r="36" spans="1:4" ht="18" customHeight="1" x14ac:dyDescent="0.2">
      <c r="A36" s="31">
        <v>25</v>
      </c>
      <c r="B36" s="27">
        <v>5</v>
      </c>
      <c r="C36" s="28">
        <v>1</v>
      </c>
      <c r="D36" s="29">
        <v>6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1</v>
      </c>
      <c r="C38" s="28">
        <v>3</v>
      </c>
      <c r="D38" s="29">
        <v>4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0</v>
      </c>
      <c r="C40" s="28">
        <v>5</v>
      </c>
      <c r="D40" s="29">
        <v>5</v>
      </c>
    </row>
    <row r="41" spans="1:4" ht="18" customHeight="1" x14ac:dyDescent="0.2">
      <c r="A41" s="31" t="s">
        <v>54</v>
      </c>
      <c r="B41" s="27">
        <v>13</v>
      </c>
      <c r="C41" s="28">
        <v>15</v>
      </c>
      <c r="D41" s="29">
        <v>28</v>
      </c>
    </row>
    <row r="42" spans="1:4" ht="18" customHeight="1" x14ac:dyDescent="0.2">
      <c r="A42" s="31">
        <v>30</v>
      </c>
      <c r="B42" s="27">
        <v>7</v>
      </c>
      <c r="C42" s="28">
        <v>4</v>
      </c>
      <c r="D42" s="29">
        <v>11</v>
      </c>
    </row>
    <row r="43" spans="1:4" ht="18" customHeight="1" x14ac:dyDescent="0.2">
      <c r="A43" s="31">
        <v>31</v>
      </c>
      <c r="B43" s="27">
        <v>4</v>
      </c>
      <c r="C43" s="28">
        <v>6</v>
      </c>
      <c r="D43" s="29">
        <v>10</v>
      </c>
    </row>
    <row r="44" spans="1:4" ht="18" customHeight="1" x14ac:dyDescent="0.2">
      <c r="A44" s="31">
        <v>32</v>
      </c>
      <c r="B44" s="27">
        <v>7</v>
      </c>
      <c r="C44" s="28">
        <v>3</v>
      </c>
      <c r="D44" s="29">
        <v>10</v>
      </c>
    </row>
    <row r="45" spans="1:4" ht="18" customHeight="1" x14ac:dyDescent="0.2">
      <c r="A45" s="31">
        <v>33</v>
      </c>
      <c r="B45" s="27">
        <v>4</v>
      </c>
      <c r="C45" s="28">
        <v>3</v>
      </c>
      <c r="D45" s="29">
        <v>7</v>
      </c>
    </row>
    <row r="46" spans="1:4" ht="18" customHeight="1" x14ac:dyDescent="0.2">
      <c r="A46" s="31">
        <v>34</v>
      </c>
      <c r="B46" s="27">
        <v>2</v>
      </c>
      <c r="C46" s="28">
        <v>12</v>
      </c>
      <c r="D46" s="29">
        <v>14</v>
      </c>
    </row>
    <row r="47" spans="1:4" ht="18" customHeight="1" x14ac:dyDescent="0.2">
      <c r="A47" s="31" t="s">
        <v>55</v>
      </c>
      <c r="B47" s="27">
        <v>24</v>
      </c>
      <c r="C47" s="28">
        <v>28</v>
      </c>
      <c r="D47" s="29">
        <v>52</v>
      </c>
    </row>
    <row r="48" spans="1:4" ht="18" customHeight="1" x14ac:dyDescent="0.2">
      <c r="A48" s="31">
        <v>35</v>
      </c>
      <c r="B48" s="27">
        <v>3</v>
      </c>
      <c r="C48" s="28">
        <v>5</v>
      </c>
      <c r="D48" s="29">
        <v>8</v>
      </c>
    </row>
    <row r="49" spans="1:4" ht="18" customHeight="1" x14ac:dyDescent="0.2">
      <c r="A49" s="31">
        <v>36</v>
      </c>
      <c r="B49" s="27">
        <v>5</v>
      </c>
      <c r="C49" s="28">
        <v>4</v>
      </c>
      <c r="D49" s="29">
        <v>9</v>
      </c>
    </row>
    <row r="50" spans="1:4" ht="18" customHeight="1" x14ac:dyDescent="0.2">
      <c r="A50" s="31">
        <v>37</v>
      </c>
      <c r="B50" s="27">
        <v>9</v>
      </c>
      <c r="C50" s="28">
        <v>8</v>
      </c>
      <c r="D50" s="29">
        <v>17</v>
      </c>
    </row>
    <row r="51" spans="1:4" ht="18" customHeight="1" x14ac:dyDescent="0.2">
      <c r="A51" s="31">
        <v>38</v>
      </c>
      <c r="B51" s="27">
        <v>6</v>
      </c>
      <c r="C51" s="28">
        <v>4</v>
      </c>
      <c r="D51" s="29">
        <v>10</v>
      </c>
    </row>
    <row r="52" spans="1:4" ht="18" customHeight="1" x14ac:dyDescent="0.2">
      <c r="A52" s="31">
        <v>39</v>
      </c>
      <c r="B52" s="27">
        <v>6</v>
      </c>
      <c r="C52" s="28">
        <v>6</v>
      </c>
      <c r="D52" s="29">
        <v>12</v>
      </c>
    </row>
    <row r="53" spans="1:4" ht="18" customHeight="1" x14ac:dyDescent="0.2">
      <c r="A53" s="31" t="s">
        <v>56</v>
      </c>
      <c r="B53" s="27">
        <v>29</v>
      </c>
      <c r="C53" s="28">
        <v>27</v>
      </c>
      <c r="D53" s="29">
        <v>56</v>
      </c>
    </row>
    <row r="54" spans="1:4" ht="18" customHeight="1" x14ac:dyDescent="0.2">
      <c r="A54" s="31">
        <v>40</v>
      </c>
      <c r="B54" s="27">
        <v>5</v>
      </c>
      <c r="C54" s="28">
        <v>6</v>
      </c>
      <c r="D54" s="29">
        <v>11</v>
      </c>
    </row>
    <row r="55" spans="1:4" ht="18" customHeight="1" x14ac:dyDescent="0.2">
      <c r="A55" s="31">
        <v>41</v>
      </c>
      <c r="B55" s="27">
        <v>7</v>
      </c>
      <c r="C55" s="28">
        <v>8</v>
      </c>
      <c r="D55" s="29">
        <v>15</v>
      </c>
    </row>
    <row r="56" spans="1:4" ht="18" customHeight="1" x14ac:dyDescent="0.2">
      <c r="A56" s="31">
        <v>42</v>
      </c>
      <c r="B56" s="27">
        <v>5</v>
      </c>
      <c r="C56" s="28">
        <v>6</v>
      </c>
      <c r="D56" s="29">
        <v>11</v>
      </c>
    </row>
    <row r="57" spans="1:4" ht="18" customHeight="1" x14ac:dyDescent="0.2">
      <c r="A57" s="31">
        <v>43</v>
      </c>
      <c r="B57" s="27">
        <v>7</v>
      </c>
      <c r="C57" s="28">
        <v>13</v>
      </c>
      <c r="D57" s="29">
        <v>20</v>
      </c>
    </row>
    <row r="58" spans="1:4" ht="18" customHeight="1" x14ac:dyDescent="0.2">
      <c r="A58" s="31">
        <v>44</v>
      </c>
      <c r="B58" s="27">
        <v>10</v>
      </c>
      <c r="C58" s="28">
        <v>7</v>
      </c>
      <c r="D58" s="29">
        <v>17</v>
      </c>
    </row>
    <row r="59" spans="1:4" ht="18" customHeight="1" x14ac:dyDescent="0.2">
      <c r="A59" s="31" t="s">
        <v>57</v>
      </c>
      <c r="B59" s="27">
        <v>34</v>
      </c>
      <c r="C59" s="28">
        <v>40</v>
      </c>
      <c r="D59" s="29">
        <v>74</v>
      </c>
    </row>
    <row r="60" spans="1:4" ht="18" customHeight="1" x14ac:dyDescent="0.2">
      <c r="A60" s="31">
        <v>45</v>
      </c>
      <c r="B60" s="27">
        <v>9</v>
      </c>
      <c r="C60" s="28">
        <v>8</v>
      </c>
      <c r="D60" s="29">
        <v>17</v>
      </c>
    </row>
    <row r="61" spans="1:4" ht="18" customHeight="1" x14ac:dyDescent="0.2">
      <c r="A61" s="31">
        <v>46</v>
      </c>
      <c r="B61" s="27">
        <v>13</v>
      </c>
      <c r="C61" s="28">
        <v>5</v>
      </c>
      <c r="D61" s="29">
        <v>18</v>
      </c>
    </row>
    <row r="62" spans="1:4" ht="18" customHeight="1" x14ac:dyDescent="0.2">
      <c r="A62" s="31">
        <v>47</v>
      </c>
      <c r="B62" s="27">
        <v>7</v>
      </c>
      <c r="C62" s="28">
        <v>10</v>
      </c>
      <c r="D62" s="29">
        <v>17</v>
      </c>
    </row>
    <row r="63" spans="1:4" ht="18" customHeight="1" x14ac:dyDescent="0.2">
      <c r="A63" s="31">
        <v>48</v>
      </c>
      <c r="B63" s="27">
        <v>12</v>
      </c>
      <c r="C63" s="28">
        <v>11</v>
      </c>
      <c r="D63" s="29">
        <v>23</v>
      </c>
    </row>
    <row r="64" spans="1:4" ht="18" customHeight="1" x14ac:dyDescent="0.2">
      <c r="A64" s="31">
        <v>49</v>
      </c>
      <c r="B64" s="27">
        <v>5</v>
      </c>
      <c r="C64" s="28">
        <v>10</v>
      </c>
      <c r="D64" s="29">
        <v>15</v>
      </c>
    </row>
    <row r="65" spans="1:4" ht="18" customHeight="1" x14ac:dyDescent="0.2">
      <c r="A65" s="31" t="s">
        <v>58</v>
      </c>
      <c r="B65" s="27">
        <v>46</v>
      </c>
      <c r="C65" s="28">
        <v>44</v>
      </c>
      <c r="D65" s="29">
        <v>90</v>
      </c>
    </row>
    <row r="66" spans="1:4" ht="18" customHeight="1" x14ac:dyDescent="0.2">
      <c r="A66" s="31">
        <v>50</v>
      </c>
      <c r="B66" s="27">
        <v>4</v>
      </c>
      <c r="C66" s="28">
        <v>5</v>
      </c>
      <c r="D66" s="29">
        <v>9</v>
      </c>
    </row>
    <row r="67" spans="1:4" ht="18" customHeight="1" x14ac:dyDescent="0.2">
      <c r="A67" s="31">
        <v>51</v>
      </c>
      <c r="B67" s="27">
        <v>6</v>
      </c>
      <c r="C67" s="28">
        <v>8</v>
      </c>
      <c r="D67" s="29">
        <v>14</v>
      </c>
    </row>
    <row r="68" spans="1:4" ht="18" customHeight="1" x14ac:dyDescent="0.2">
      <c r="A68" s="31">
        <v>52</v>
      </c>
      <c r="B68" s="27">
        <v>8</v>
      </c>
      <c r="C68" s="28">
        <v>5</v>
      </c>
      <c r="D68" s="29">
        <v>13</v>
      </c>
    </row>
    <row r="69" spans="1:4" ht="18" customHeight="1" x14ac:dyDescent="0.2">
      <c r="A69" s="31">
        <v>53</v>
      </c>
      <c r="B69" s="27">
        <v>3</v>
      </c>
      <c r="C69" s="28">
        <v>9</v>
      </c>
      <c r="D69" s="29">
        <v>12</v>
      </c>
    </row>
    <row r="70" spans="1:4" ht="18" customHeight="1" x14ac:dyDescent="0.2">
      <c r="A70" s="31">
        <v>54</v>
      </c>
      <c r="B70" s="27">
        <v>6</v>
      </c>
      <c r="C70" s="28">
        <v>8</v>
      </c>
      <c r="D70" s="29">
        <v>14</v>
      </c>
    </row>
    <row r="71" spans="1:4" ht="18" customHeight="1" x14ac:dyDescent="0.2">
      <c r="A71" s="31" t="s">
        <v>59</v>
      </c>
      <c r="B71" s="27">
        <v>27</v>
      </c>
      <c r="C71" s="28">
        <v>35</v>
      </c>
      <c r="D71" s="29">
        <v>62</v>
      </c>
    </row>
    <row r="72" spans="1:4" ht="18" customHeight="1" x14ac:dyDescent="0.2">
      <c r="A72" s="31">
        <v>55</v>
      </c>
      <c r="B72" s="27">
        <v>17</v>
      </c>
      <c r="C72" s="28">
        <v>3</v>
      </c>
      <c r="D72" s="29">
        <v>20</v>
      </c>
    </row>
    <row r="73" spans="1:4" ht="18" customHeight="1" x14ac:dyDescent="0.2">
      <c r="A73" s="31">
        <v>56</v>
      </c>
      <c r="B73" s="27">
        <v>5</v>
      </c>
      <c r="C73" s="28">
        <v>4</v>
      </c>
      <c r="D73" s="29">
        <v>9</v>
      </c>
    </row>
    <row r="74" spans="1:4" ht="18" customHeight="1" x14ac:dyDescent="0.2">
      <c r="A74" s="31">
        <v>57</v>
      </c>
      <c r="B74" s="27">
        <v>4</v>
      </c>
      <c r="C74" s="28">
        <v>6</v>
      </c>
      <c r="D74" s="29">
        <v>10</v>
      </c>
    </row>
    <row r="75" spans="1:4" ht="18" customHeight="1" x14ac:dyDescent="0.2">
      <c r="A75" s="31">
        <v>58</v>
      </c>
      <c r="B75" s="27">
        <v>6</v>
      </c>
      <c r="C75" s="28">
        <v>7</v>
      </c>
      <c r="D75" s="29">
        <v>13</v>
      </c>
    </row>
    <row r="76" spans="1:4" ht="18" customHeight="1" x14ac:dyDescent="0.2">
      <c r="A76" s="31">
        <v>59</v>
      </c>
      <c r="B76" s="27">
        <v>10</v>
      </c>
      <c r="C76" s="28">
        <v>8</v>
      </c>
      <c r="D76" s="29">
        <v>18</v>
      </c>
    </row>
    <row r="77" spans="1:4" ht="18" customHeight="1" x14ac:dyDescent="0.2">
      <c r="A77" s="31" t="s">
        <v>60</v>
      </c>
      <c r="B77" s="27">
        <v>42</v>
      </c>
      <c r="C77" s="28">
        <v>28</v>
      </c>
      <c r="D77" s="29">
        <v>70</v>
      </c>
    </row>
    <row r="78" spans="1:4" ht="18" customHeight="1" x14ac:dyDescent="0.2">
      <c r="A78" s="31">
        <v>60</v>
      </c>
      <c r="B78" s="27">
        <v>12</v>
      </c>
      <c r="C78" s="28">
        <v>12</v>
      </c>
      <c r="D78" s="29">
        <v>24</v>
      </c>
    </row>
    <row r="79" spans="1:4" ht="18" customHeight="1" x14ac:dyDescent="0.2">
      <c r="A79" s="31">
        <v>61</v>
      </c>
      <c r="B79" s="27">
        <v>10</v>
      </c>
      <c r="C79" s="28">
        <v>14</v>
      </c>
      <c r="D79" s="29">
        <v>24</v>
      </c>
    </row>
    <row r="80" spans="1:4" ht="18" customHeight="1" x14ac:dyDescent="0.2">
      <c r="A80" s="31">
        <v>62</v>
      </c>
      <c r="B80" s="27">
        <v>10</v>
      </c>
      <c r="C80" s="28">
        <v>6</v>
      </c>
      <c r="D80" s="29">
        <v>16</v>
      </c>
    </row>
    <row r="81" spans="1:4" ht="18" customHeight="1" x14ac:dyDescent="0.2">
      <c r="A81" s="31">
        <v>63</v>
      </c>
      <c r="B81" s="27">
        <v>7</v>
      </c>
      <c r="C81" s="28">
        <v>4</v>
      </c>
      <c r="D81" s="29">
        <v>11</v>
      </c>
    </row>
    <row r="82" spans="1:4" ht="18" customHeight="1" x14ac:dyDescent="0.2">
      <c r="A82" s="31">
        <v>64</v>
      </c>
      <c r="B82" s="27">
        <v>15</v>
      </c>
      <c r="C82" s="28">
        <v>9</v>
      </c>
      <c r="D82" s="29">
        <v>24</v>
      </c>
    </row>
    <row r="83" spans="1:4" ht="18" customHeight="1" x14ac:dyDescent="0.2">
      <c r="A83" s="31" t="s">
        <v>61</v>
      </c>
      <c r="B83" s="27">
        <v>54</v>
      </c>
      <c r="C83" s="28">
        <v>45</v>
      </c>
      <c r="D83" s="29">
        <v>99</v>
      </c>
    </row>
    <row r="84" spans="1:4" ht="18" customHeight="1" x14ac:dyDescent="0.2">
      <c r="A84" s="31" t="s">
        <v>62</v>
      </c>
      <c r="B84" s="27">
        <v>324</v>
      </c>
      <c r="C84" s="28">
        <v>322</v>
      </c>
      <c r="D84" s="29">
        <v>646</v>
      </c>
    </row>
    <row r="85" spans="1:4" ht="18" customHeight="1" x14ac:dyDescent="0.2">
      <c r="A85" s="31">
        <v>65</v>
      </c>
      <c r="B85" s="27">
        <v>14</v>
      </c>
      <c r="C85" s="28">
        <v>13</v>
      </c>
      <c r="D85" s="29">
        <v>27</v>
      </c>
    </row>
    <row r="86" spans="1:4" ht="18" customHeight="1" x14ac:dyDescent="0.2">
      <c r="A86" s="31">
        <v>66</v>
      </c>
      <c r="B86" s="27">
        <v>13</v>
      </c>
      <c r="C86" s="28">
        <v>13</v>
      </c>
      <c r="D86" s="29">
        <v>26</v>
      </c>
    </row>
    <row r="87" spans="1:4" ht="18" customHeight="1" x14ac:dyDescent="0.2">
      <c r="A87" s="31">
        <v>67</v>
      </c>
      <c r="B87" s="27">
        <v>11</v>
      </c>
      <c r="C87" s="28">
        <v>12</v>
      </c>
      <c r="D87" s="29">
        <v>23</v>
      </c>
    </row>
    <row r="88" spans="1:4" ht="18" customHeight="1" x14ac:dyDescent="0.2">
      <c r="A88" s="31">
        <v>68</v>
      </c>
      <c r="B88" s="27">
        <v>18</v>
      </c>
      <c r="C88" s="28">
        <v>6</v>
      </c>
      <c r="D88" s="29">
        <v>24</v>
      </c>
    </row>
    <row r="89" spans="1:4" ht="18" customHeight="1" x14ac:dyDescent="0.2">
      <c r="A89" s="31">
        <v>69</v>
      </c>
      <c r="B89" s="27">
        <v>2</v>
      </c>
      <c r="C89" s="28">
        <v>11</v>
      </c>
      <c r="D89" s="29">
        <v>13</v>
      </c>
    </row>
    <row r="90" spans="1:4" ht="18" customHeight="1" x14ac:dyDescent="0.2">
      <c r="A90" s="31" t="s">
        <v>63</v>
      </c>
      <c r="B90" s="27">
        <v>58</v>
      </c>
      <c r="C90" s="28">
        <v>55</v>
      </c>
      <c r="D90" s="29">
        <v>113</v>
      </c>
    </row>
    <row r="91" spans="1:4" ht="18" customHeight="1" x14ac:dyDescent="0.2">
      <c r="A91" s="31">
        <v>70</v>
      </c>
      <c r="B91" s="27">
        <v>11</v>
      </c>
      <c r="C91" s="28">
        <v>12</v>
      </c>
      <c r="D91" s="29">
        <v>23</v>
      </c>
    </row>
    <row r="92" spans="1:4" ht="18" customHeight="1" x14ac:dyDescent="0.2">
      <c r="A92" s="31">
        <v>71</v>
      </c>
      <c r="B92" s="27">
        <v>13</v>
      </c>
      <c r="C92" s="28">
        <v>11</v>
      </c>
      <c r="D92" s="29">
        <v>24</v>
      </c>
    </row>
    <row r="93" spans="1:4" ht="18" customHeight="1" x14ac:dyDescent="0.2">
      <c r="A93" s="31">
        <v>72</v>
      </c>
      <c r="B93" s="27">
        <v>13</v>
      </c>
      <c r="C93" s="28">
        <v>15</v>
      </c>
      <c r="D93" s="29">
        <v>28</v>
      </c>
    </row>
    <row r="94" spans="1:4" ht="18" customHeight="1" x14ac:dyDescent="0.2">
      <c r="A94" s="31">
        <v>73</v>
      </c>
      <c r="B94" s="27">
        <v>9</v>
      </c>
      <c r="C94" s="28">
        <v>7</v>
      </c>
      <c r="D94" s="29">
        <v>16</v>
      </c>
    </row>
    <row r="95" spans="1:4" ht="18" customHeight="1" x14ac:dyDescent="0.2">
      <c r="A95" s="31">
        <v>74</v>
      </c>
      <c r="B95" s="27">
        <v>4</v>
      </c>
      <c r="C95" s="28">
        <v>7</v>
      </c>
      <c r="D95" s="29">
        <v>11</v>
      </c>
    </row>
    <row r="96" spans="1:4" ht="18" customHeight="1" x14ac:dyDescent="0.2">
      <c r="A96" s="31" t="s">
        <v>64</v>
      </c>
      <c r="B96" s="27">
        <v>50</v>
      </c>
      <c r="C96" s="28">
        <v>52</v>
      </c>
      <c r="D96" s="29">
        <v>102</v>
      </c>
    </row>
    <row r="97" spans="1:4" ht="18" customHeight="1" x14ac:dyDescent="0.2">
      <c r="A97" s="31">
        <v>75</v>
      </c>
      <c r="B97" s="27">
        <v>6</v>
      </c>
      <c r="C97" s="28">
        <v>8</v>
      </c>
      <c r="D97" s="29">
        <v>14</v>
      </c>
    </row>
    <row r="98" spans="1:4" ht="18" customHeight="1" x14ac:dyDescent="0.2">
      <c r="A98" s="31">
        <v>76</v>
      </c>
      <c r="B98" s="27">
        <v>5</v>
      </c>
      <c r="C98" s="28">
        <v>8</v>
      </c>
      <c r="D98" s="29">
        <v>13</v>
      </c>
    </row>
    <row r="99" spans="1:4" ht="18" customHeight="1" x14ac:dyDescent="0.2">
      <c r="A99" s="31">
        <v>77</v>
      </c>
      <c r="B99" s="27">
        <v>3</v>
      </c>
      <c r="C99" s="28">
        <v>5</v>
      </c>
      <c r="D99" s="29">
        <v>8</v>
      </c>
    </row>
    <row r="100" spans="1:4" ht="18" customHeight="1" x14ac:dyDescent="0.2">
      <c r="A100" s="31">
        <v>78</v>
      </c>
      <c r="B100" s="27">
        <v>9</v>
      </c>
      <c r="C100" s="28">
        <v>9</v>
      </c>
      <c r="D100" s="29">
        <v>18</v>
      </c>
    </row>
    <row r="101" spans="1:4" ht="18" customHeight="1" x14ac:dyDescent="0.2">
      <c r="A101" s="31">
        <v>79</v>
      </c>
      <c r="B101" s="27">
        <v>7</v>
      </c>
      <c r="C101" s="28">
        <v>8</v>
      </c>
      <c r="D101" s="29">
        <v>15</v>
      </c>
    </row>
    <row r="102" spans="1:4" ht="18" customHeight="1" x14ac:dyDescent="0.2">
      <c r="A102" s="31" t="s">
        <v>65</v>
      </c>
      <c r="B102" s="27">
        <v>30</v>
      </c>
      <c r="C102" s="28">
        <v>38</v>
      </c>
      <c r="D102" s="29">
        <v>68</v>
      </c>
    </row>
    <row r="103" spans="1:4" ht="18" customHeight="1" x14ac:dyDescent="0.2">
      <c r="A103" s="31">
        <v>80</v>
      </c>
      <c r="B103" s="27">
        <v>3</v>
      </c>
      <c r="C103" s="28">
        <v>9</v>
      </c>
      <c r="D103" s="29">
        <v>12</v>
      </c>
    </row>
    <row r="104" spans="1:4" ht="18" customHeight="1" x14ac:dyDescent="0.2">
      <c r="A104" s="31">
        <v>81</v>
      </c>
      <c r="B104" s="27">
        <v>7</v>
      </c>
      <c r="C104" s="28">
        <v>7</v>
      </c>
      <c r="D104" s="29">
        <v>14</v>
      </c>
    </row>
    <row r="105" spans="1:4" ht="18" customHeight="1" x14ac:dyDescent="0.2">
      <c r="A105" s="31">
        <v>82</v>
      </c>
      <c r="B105" s="27">
        <v>8</v>
      </c>
      <c r="C105" s="28">
        <v>4</v>
      </c>
      <c r="D105" s="29">
        <v>12</v>
      </c>
    </row>
    <row r="106" spans="1:4" ht="18" customHeight="1" x14ac:dyDescent="0.2">
      <c r="A106" s="31">
        <v>83</v>
      </c>
      <c r="B106" s="27">
        <v>5</v>
      </c>
      <c r="C106" s="28">
        <v>11</v>
      </c>
      <c r="D106" s="29">
        <v>16</v>
      </c>
    </row>
    <row r="107" spans="1:4" ht="18" customHeight="1" x14ac:dyDescent="0.2">
      <c r="A107" s="31">
        <v>84</v>
      </c>
      <c r="B107" s="27">
        <v>7</v>
      </c>
      <c r="C107" s="28">
        <v>1</v>
      </c>
      <c r="D107" s="29">
        <v>8</v>
      </c>
    </row>
    <row r="108" spans="1:4" ht="18" customHeight="1" x14ac:dyDescent="0.2">
      <c r="A108" s="31" t="s">
        <v>66</v>
      </c>
      <c r="B108" s="27">
        <v>30</v>
      </c>
      <c r="C108" s="28">
        <v>32</v>
      </c>
      <c r="D108" s="29">
        <v>62</v>
      </c>
    </row>
    <row r="109" spans="1:4" ht="18" customHeight="1" x14ac:dyDescent="0.2">
      <c r="A109" s="31">
        <v>85</v>
      </c>
      <c r="B109" s="27">
        <v>3</v>
      </c>
      <c r="C109" s="28">
        <v>11</v>
      </c>
      <c r="D109" s="29">
        <v>14</v>
      </c>
    </row>
    <row r="110" spans="1:4" ht="18" customHeight="1" x14ac:dyDescent="0.2">
      <c r="A110" s="31">
        <v>86</v>
      </c>
      <c r="B110" s="27">
        <v>10</v>
      </c>
      <c r="C110" s="28">
        <v>6</v>
      </c>
      <c r="D110" s="29">
        <v>16</v>
      </c>
    </row>
    <row r="111" spans="1:4" ht="18" customHeight="1" x14ac:dyDescent="0.2">
      <c r="A111" s="31">
        <v>87</v>
      </c>
      <c r="B111" s="27">
        <v>4</v>
      </c>
      <c r="C111" s="28">
        <v>11</v>
      </c>
      <c r="D111" s="29">
        <v>15</v>
      </c>
    </row>
    <row r="112" spans="1:4" ht="18" customHeight="1" x14ac:dyDescent="0.2">
      <c r="A112" s="31">
        <v>88</v>
      </c>
      <c r="B112" s="27">
        <v>1</v>
      </c>
      <c r="C112" s="28">
        <v>9</v>
      </c>
      <c r="D112" s="29">
        <v>10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21</v>
      </c>
      <c r="C114" s="28">
        <v>43</v>
      </c>
      <c r="D114" s="29">
        <v>64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2</v>
      </c>
      <c r="C116" s="28">
        <v>7</v>
      </c>
      <c r="D116" s="29">
        <v>9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6</v>
      </c>
      <c r="C120" s="28">
        <v>17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6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97</v>
      </c>
      <c r="C130" s="5">
        <v>243</v>
      </c>
      <c r="D130" s="6">
        <v>440</v>
      </c>
    </row>
    <row r="131" spans="1:4" ht="18" customHeight="1" x14ac:dyDescent="0.2">
      <c r="A131" s="33" t="s">
        <v>47</v>
      </c>
      <c r="B131" s="7">
        <v>576</v>
      </c>
      <c r="C131" s="8">
        <v>631</v>
      </c>
      <c r="D131" s="9">
        <v>120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7</v>
      </c>
      <c r="C5" s="12">
        <v>18</v>
      </c>
      <c r="D5" s="13">
        <v>45</v>
      </c>
    </row>
    <row r="6" spans="1:4" ht="18" customHeight="1" x14ac:dyDescent="0.2">
      <c r="A6" s="14">
        <v>1</v>
      </c>
      <c r="B6" s="15">
        <v>23</v>
      </c>
      <c r="C6" s="16">
        <v>14</v>
      </c>
      <c r="D6" s="17">
        <v>37</v>
      </c>
    </row>
    <row r="7" spans="1:4" ht="18" customHeight="1" x14ac:dyDescent="0.2">
      <c r="A7" s="14">
        <v>2</v>
      </c>
      <c r="B7" s="15">
        <v>22</v>
      </c>
      <c r="C7" s="16">
        <v>25</v>
      </c>
      <c r="D7" s="17">
        <v>47</v>
      </c>
    </row>
    <row r="8" spans="1:4" ht="18" customHeight="1" x14ac:dyDescent="0.2">
      <c r="A8" s="14">
        <v>3</v>
      </c>
      <c r="B8" s="15">
        <v>8</v>
      </c>
      <c r="C8" s="16">
        <v>17</v>
      </c>
      <c r="D8" s="17">
        <v>25</v>
      </c>
    </row>
    <row r="9" spans="1:4" ht="18" customHeight="1" x14ac:dyDescent="0.2">
      <c r="A9" s="14">
        <v>4</v>
      </c>
      <c r="B9" s="15">
        <v>18</v>
      </c>
      <c r="C9" s="16">
        <v>16</v>
      </c>
      <c r="D9" s="17">
        <v>34</v>
      </c>
    </row>
    <row r="10" spans="1:4" ht="18" customHeight="1" x14ac:dyDescent="0.2">
      <c r="A10" s="18" t="s">
        <v>48</v>
      </c>
      <c r="B10" s="15">
        <v>98</v>
      </c>
      <c r="C10" s="16">
        <v>90</v>
      </c>
      <c r="D10" s="17">
        <v>188</v>
      </c>
    </row>
    <row r="11" spans="1:4" ht="18" customHeight="1" x14ac:dyDescent="0.2">
      <c r="A11" s="14">
        <v>5</v>
      </c>
      <c r="B11" s="15">
        <v>18</v>
      </c>
      <c r="C11" s="16">
        <v>18</v>
      </c>
      <c r="D11" s="17">
        <v>36</v>
      </c>
    </row>
    <row r="12" spans="1:4" ht="18" customHeight="1" x14ac:dyDescent="0.2">
      <c r="A12" s="14">
        <v>6</v>
      </c>
      <c r="B12" s="15">
        <v>20</v>
      </c>
      <c r="C12" s="16">
        <v>13</v>
      </c>
      <c r="D12" s="17">
        <v>33</v>
      </c>
    </row>
    <row r="13" spans="1:4" ht="18" customHeight="1" x14ac:dyDescent="0.2">
      <c r="A13" s="14">
        <v>7</v>
      </c>
      <c r="B13" s="15">
        <v>12</v>
      </c>
      <c r="C13" s="16">
        <v>26</v>
      </c>
      <c r="D13" s="17">
        <v>38</v>
      </c>
    </row>
    <row r="14" spans="1:4" ht="18" customHeight="1" x14ac:dyDescent="0.2">
      <c r="A14" s="14">
        <v>8</v>
      </c>
      <c r="B14" s="15">
        <v>17</v>
      </c>
      <c r="C14" s="16">
        <v>20</v>
      </c>
      <c r="D14" s="17">
        <v>37</v>
      </c>
    </row>
    <row r="15" spans="1:4" ht="18" customHeight="1" x14ac:dyDescent="0.2">
      <c r="A15" s="14">
        <v>9</v>
      </c>
      <c r="B15" s="15">
        <v>18</v>
      </c>
      <c r="C15" s="16">
        <v>11</v>
      </c>
      <c r="D15" s="17">
        <v>29</v>
      </c>
    </row>
    <row r="16" spans="1:4" ht="18" customHeight="1" x14ac:dyDescent="0.2">
      <c r="A16" s="18" t="s">
        <v>49</v>
      </c>
      <c r="B16" s="15">
        <v>85</v>
      </c>
      <c r="C16" s="16">
        <v>88</v>
      </c>
      <c r="D16" s="17">
        <v>173</v>
      </c>
    </row>
    <row r="17" spans="1:4" ht="18" customHeight="1" x14ac:dyDescent="0.2">
      <c r="A17" s="14">
        <v>10</v>
      </c>
      <c r="B17" s="15">
        <v>17</v>
      </c>
      <c r="C17" s="16">
        <v>14</v>
      </c>
      <c r="D17" s="17">
        <v>31</v>
      </c>
    </row>
    <row r="18" spans="1:4" ht="18" customHeight="1" x14ac:dyDescent="0.2">
      <c r="A18" s="14">
        <v>11</v>
      </c>
      <c r="B18" s="15">
        <v>9</v>
      </c>
      <c r="C18" s="16">
        <v>26</v>
      </c>
      <c r="D18" s="17">
        <v>35</v>
      </c>
    </row>
    <row r="19" spans="1:4" ht="18" customHeight="1" x14ac:dyDescent="0.2">
      <c r="A19" s="14">
        <v>12</v>
      </c>
      <c r="B19" s="15">
        <v>22</v>
      </c>
      <c r="C19" s="16">
        <v>18</v>
      </c>
      <c r="D19" s="17">
        <v>40</v>
      </c>
    </row>
    <row r="20" spans="1:4" ht="18" customHeight="1" x14ac:dyDescent="0.2">
      <c r="A20" s="14">
        <v>13</v>
      </c>
      <c r="B20" s="15">
        <v>24</v>
      </c>
      <c r="C20" s="16">
        <v>22</v>
      </c>
      <c r="D20" s="17">
        <v>46</v>
      </c>
    </row>
    <row r="21" spans="1:4" ht="18" customHeight="1" x14ac:dyDescent="0.2">
      <c r="A21" s="14">
        <v>14</v>
      </c>
      <c r="B21" s="15">
        <v>20</v>
      </c>
      <c r="C21" s="16">
        <v>16</v>
      </c>
      <c r="D21" s="17">
        <v>36</v>
      </c>
    </row>
    <row r="22" spans="1:4" ht="18" customHeight="1" x14ac:dyDescent="0.2">
      <c r="A22" s="18" t="s">
        <v>50</v>
      </c>
      <c r="B22" s="15">
        <v>92</v>
      </c>
      <c r="C22" s="16">
        <v>96</v>
      </c>
      <c r="D22" s="17">
        <v>188</v>
      </c>
    </row>
    <row r="23" spans="1:4" ht="18" customHeight="1" x14ac:dyDescent="0.2">
      <c r="A23" s="18" t="s">
        <v>51</v>
      </c>
      <c r="B23" s="15">
        <v>275</v>
      </c>
      <c r="C23" s="16">
        <v>274</v>
      </c>
      <c r="D23" s="17">
        <v>549</v>
      </c>
    </row>
    <row r="24" spans="1:4" ht="18" customHeight="1" x14ac:dyDescent="0.2">
      <c r="A24" s="14">
        <v>15</v>
      </c>
      <c r="B24" s="15">
        <v>21</v>
      </c>
      <c r="C24" s="16">
        <v>18</v>
      </c>
      <c r="D24" s="17">
        <v>39</v>
      </c>
    </row>
    <row r="25" spans="1:4" ht="18" customHeight="1" x14ac:dyDescent="0.2">
      <c r="A25" s="14">
        <v>16</v>
      </c>
      <c r="B25" s="15">
        <v>17</v>
      </c>
      <c r="C25" s="16">
        <v>24</v>
      </c>
      <c r="D25" s="17">
        <v>41</v>
      </c>
    </row>
    <row r="26" spans="1:4" ht="18" customHeight="1" x14ac:dyDescent="0.2">
      <c r="A26" s="14">
        <v>17</v>
      </c>
      <c r="B26" s="15">
        <v>20</v>
      </c>
      <c r="C26" s="16">
        <v>23</v>
      </c>
      <c r="D26" s="17">
        <v>43</v>
      </c>
    </row>
    <row r="27" spans="1:4" ht="18" customHeight="1" x14ac:dyDescent="0.2">
      <c r="A27" s="14">
        <v>18</v>
      </c>
      <c r="B27" s="15">
        <v>25</v>
      </c>
      <c r="C27" s="16">
        <v>18</v>
      </c>
      <c r="D27" s="17">
        <v>43</v>
      </c>
    </row>
    <row r="28" spans="1:4" ht="18" customHeight="1" x14ac:dyDescent="0.2">
      <c r="A28" s="14">
        <v>19</v>
      </c>
      <c r="B28" s="15">
        <v>21</v>
      </c>
      <c r="C28" s="16">
        <v>17</v>
      </c>
      <c r="D28" s="17">
        <v>38</v>
      </c>
    </row>
    <row r="29" spans="1:4" ht="18" customHeight="1" x14ac:dyDescent="0.2">
      <c r="A29" s="18" t="s">
        <v>52</v>
      </c>
      <c r="B29" s="15">
        <v>104</v>
      </c>
      <c r="C29" s="16">
        <v>100</v>
      </c>
      <c r="D29" s="17">
        <v>204</v>
      </c>
    </row>
    <row r="30" spans="1:4" ht="18" customHeight="1" x14ac:dyDescent="0.2">
      <c r="A30" s="14">
        <v>20</v>
      </c>
      <c r="B30" s="15">
        <v>20</v>
      </c>
      <c r="C30" s="16">
        <v>18</v>
      </c>
      <c r="D30" s="17">
        <v>38</v>
      </c>
    </row>
    <row r="31" spans="1:4" ht="18" customHeight="1" x14ac:dyDescent="0.2">
      <c r="A31" s="14">
        <v>21</v>
      </c>
      <c r="B31" s="15">
        <v>30</v>
      </c>
      <c r="C31" s="16">
        <v>16</v>
      </c>
      <c r="D31" s="17">
        <v>46</v>
      </c>
    </row>
    <row r="32" spans="1:4" ht="18" customHeight="1" x14ac:dyDescent="0.2">
      <c r="A32" s="14">
        <v>22</v>
      </c>
      <c r="B32" s="15">
        <v>36</v>
      </c>
      <c r="C32" s="16">
        <v>21</v>
      </c>
      <c r="D32" s="17">
        <v>57</v>
      </c>
    </row>
    <row r="33" spans="1:4" ht="18" customHeight="1" x14ac:dyDescent="0.2">
      <c r="A33" s="14">
        <v>23</v>
      </c>
      <c r="B33" s="15">
        <v>33</v>
      </c>
      <c r="C33" s="16">
        <v>20</v>
      </c>
      <c r="D33" s="17">
        <v>53</v>
      </c>
    </row>
    <row r="34" spans="1:4" ht="18" customHeight="1" x14ac:dyDescent="0.2">
      <c r="A34" s="14">
        <v>24</v>
      </c>
      <c r="B34" s="15">
        <v>33</v>
      </c>
      <c r="C34" s="16">
        <v>26</v>
      </c>
      <c r="D34" s="17">
        <v>59</v>
      </c>
    </row>
    <row r="35" spans="1:4" ht="18" customHeight="1" x14ac:dyDescent="0.2">
      <c r="A35" s="18" t="s">
        <v>53</v>
      </c>
      <c r="B35" s="15">
        <v>152</v>
      </c>
      <c r="C35" s="16">
        <v>101</v>
      </c>
      <c r="D35" s="17">
        <v>253</v>
      </c>
    </row>
    <row r="36" spans="1:4" ht="18" customHeight="1" x14ac:dyDescent="0.2">
      <c r="A36" s="14">
        <v>25</v>
      </c>
      <c r="B36" s="15">
        <v>29</v>
      </c>
      <c r="C36" s="16">
        <v>17</v>
      </c>
      <c r="D36" s="17">
        <v>46</v>
      </c>
    </row>
    <row r="37" spans="1:4" ht="18" customHeight="1" x14ac:dyDescent="0.2">
      <c r="A37" s="14">
        <v>26</v>
      </c>
      <c r="B37" s="15">
        <v>34</v>
      </c>
      <c r="C37" s="16">
        <v>29</v>
      </c>
      <c r="D37" s="17">
        <v>63</v>
      </c>
    </row>
    <row r="38" spans="1:4" ht="18" customHeight="1" x14ac:dyDescent="0.2">
      <c r="A38" s="14">
        <v>27</v>
      </c>
      <c r="B38" s="15">
        <v>32</v>
      </c>
      <c r="C38" s="16">
        <v>25</v>
      </c>
      <c r="D38" s="17">
        <v>57</v>
      </c>
    </row>
    <row r="39" spans="1:4" ht="18" customHeight="1" x14ac:dyDescent="0.2">
      <c r="A39" s="14">
        <v>28</v>
      </c>
      <c r="B39" s="15">
        <v>32</v>
      </c>
      <c r="C39" s="16">
        <v>26</v>
      </c>
      <c r="D39" s="17">
        <v>58</v>
      </c>
    </row>
    <row r="40" spans="1:4" ht="18" customHeight="1" x14ac:dyDescent="0.2">
      <c r="A40" s="14">
        <v>29</v>
      </c>
      <c r="B40" s="15">
        <v>32</v>
      </c>
      <c r="C40" s="16">
        <v>27</v>
      </c>
      <c r="D40" s="17">
        <v>59</v>
      </c>
    </row>
    <row r="41" spans="1:4" ht="18" customHeight="1" x14ac:dyDescent="0.2">
      <c r="A41" s="18" t="s">
        <v>54</v>
      </c>
      <c r="B41" s="15">
        <v>159</v>
      </c>
      <c r="C41" s="16">
        <v>124</v>
      </c>
      <c r="D41" s="17">
        <v>283</v>
      </c>
    </row>
    <row r="42" spans="1:4" ht="18" customHeight="1" x14ac:dyDescent="0.2">
      <c r="A42" s="14">
        <v>30</v>
      </c>
      <c r="B42" s="15">
        <v>37</v>
      </c>
      <c r="C42" s="16">
        <v>21</v>
      </c>
      <c r="D42" s="17">
        <v>58</v>
      </c>
    </row>
    <row r="43" spans="1:4" ht="18" customHeight="1" x14ac:dyDescent="0.2">
      <c r="A43" s="14">
        <v>31</v>
      </c>
      <c r="B43" s="15">
        <v>33</v>
      </c>
      <c r="C43" s="16">
        <v>26</v>
      </c>
      <c r="D43" s="17">
        <v>59</v>
      </c>
    </row>
    <row r="44" spans="1:4" ht="18" customHeight="1" x14ac:dyDescent="0.2">
      <c r="A44" s="14">
        <v>32</v>
      </c>
      <c r="B44" s="15">
        <v>34</v>
      </c>
      <c r="C44" s="16">
        <v>26</v>
      </c>
      <c r="D44" s="17">
        <v>60</v>
      </c>
    </row>
    <row r="45" spans="1:4" ht="18" customHeight="1" x14ac:dyDescent="0.2">
      <c r="A45" s="14">
        <v>33</v>
      </c>
      <c r="B45" s="15">
        <v>21</v>
      </c>
      <c r="C45" s="16">
        <v>40</v>
      </c>
      <c r="D45" s="17">
        <v>61</v>
      </c>
    </row>
    <row r="46" spans="1:4" ht="18" customHeight="1" x14ac:dyDescent="0.2">
      <c r="A46" s="14">
        <v>34</v>
      </c>
      <c r="B46" s="15">
        <v>23</v>
      </c>
      <c r="C46" s="16">
        <v>17</v>
      </c>
      <c r="D46" s="17">
        <v>40</v>
      </c>
    </row>
    <row r="47" spans="1:4" ht="18" customHeight="1" x14ac:dyDescent="0.2">
      <c r="A47" s="18" t="s">
        <v>55</v>
      </c>
      <c r="B47" s="15">
        <v>148</v>
      </c>
      <c r="C47" s="16">
        <v>130</v>
      </c>
      <c r="D47" s="17">
        <v>278</v>
      </c>
    </row>
    <row r="48" spans="1:4" ht="18" customHeight="1" x14ac:dyDescent="0.2">
      <c r="A48" s="14">
        <v>35</v>
      </c>
      <c r="B48" s="15">
        <v>23</v>
      </c>
      <c r="C48" s="16">
        <v>33</v>
      </c>
      <c r="D48" s="17">
        <v>56</v>
      </c>
    </row>
    <row r="49" spans="1:4" ht="18" customHeight="1" x14ac:dyDescent="0.2">
      <c r="A49" s="14">
        <v>36</v>
      </c>
      <c r="B49" s="15">
        <v>37</v>
      </c>
      <c r="C49" s="16">
        <v>29</v>
      </c>
      <c r="D49" s="17">
        <v>66</v>
      </c>
    </row>
    <row r="50" spans="1:4" ht="18" customHeight="1" x14ac:dyDescent="0.2">
      <c r="A50" s="14">
        <v>37</v>
      </c>
      <c r="B50" s="15">
        <v>30</v>
      </c>
      <c r="C50" s="16">
        <v>32</v>
      </c>
      <c r="D50" s="17">
        <v>62</v>
      </c>
    </row>
    <row r="51" spans="1:4" ht="18" customHeight="1" x14ac:dyDescent="0.2">
      <c r="A51" s="14">
        <v>38</v>
      </c>
      <c r="B51" s="15">
        <v>27</v>
      </c>
      <c r="C51" s="16">
        <v>30</v>
      </c>
      <c r="D51" s="17">
        <v>57</v>
      </c>
    </row>
    <row r="52" spans="1:4" ht="18" customHeight="1" x14ac:dyDescent="0.2">
      <c r="A52" s="14">
        <v>39</v>
      </c>
      <c r="B52" s="15">
        <v>34</v>
      </c>
      <c r="C52" s="16">
        <v>40</v>
      </c>
      <c r="D52" s="17">
        <v>74</v>
      </c>
    </row>
    <row r="53" spans="1:4" ht="18" customHeight="1" x14ac:dyDescent="0.2">
      <c r="A53" s="18" t="s">
        <v>56</v>
      </c>
      <c r="B53" s="15">
        <v>151</v>
      </c>
      <c r="C53" s="16">
        <v>164</v>
      </c>
      <c r="D53" s="17">
        <v>315</v>
      </c>
    </row>
    <row r="54" spans="1:4" ht="18" customHeight="1" x14ac:dyDescent="0.2">
      <c r="A54" s="14">
        <v>40</v>
      </c>
      <c r="B54" s="15">
        <v>36</v>
      </c>
      <c r="C54" s="16">
        <v>45</v>
      </c>
      <c r="D54" s="17">
        <v>81</v>
      </c>
    </row>
    <row r="55" spans="1:4" ht="18" customHeight="1" x14ac:dyDescent="0.2">
      <c r="A55" s="14">
        <v>41</v>
      </c>
      <c r="B55" s="15">
        <v>40</v>
      </c>
      <c r="C55" s="16">
        <v>34</v>
      </c>
      <c r="D55" s="17">
        <v>74</v>
      </c>
    </row>
    <row r="56" spans="1:4" ht="18" customHeight="1" x14ac:dyDescent="0.2">
      <c r="A56" s="14">
        <v>42</v>
      </c>
      <c r="B56" s="15">
        <v>48</v>
      </c>
      <c r="C56" s="16">
        <v>38</v>
      </c>
      <c r="D56" s="17">
        <v>86</v>
      </c>
    </row>
    <row r="57" spans="1:4" ht="18" customHeight="1" x14ac:dyDescent="0.2">
      <c r="A57" s="14">
        <v>43</v>
      </c>
      <c r="B57" s="15">
        <v>47</v>
      </c>
      <c r="C57" s="16">
        <v>43</v>
      </c>
      <c r="D57" s="17">
        <v>90</v>
      </c>
    </row>
    <row r="58" spans="1:4" ht="18" customHeight="1" x14ac:dyDescent="0.2">
      <c r="A58" s="14">
        <v>44</v>
      </c>
      <c r="B58" s="15">
        <v>35</v>
      </c>
      <c r="C58" s="16">
        <v>41</v>
      </c>
      <c r="D58" s="17">
        <v>76</v>
      </c>
    </row>
    <row r="59" spans="1:4" ht="18" customHeight="1" x14ac:dyDescent="0.2">
      <c r="A59" s="18" t="s">
        <v>57</v>
      </c>
      <c r="B59" s="15">
        <v>206</v>
      </c>
      <c r="C59" s="16">
        <v>201</v>
      </c>
      <c r="D59" s="17">
        <v>407</v>
      </c>
    </row>
    <row r="60" spans="1:4" ht="18" customHeight="1" x14ac:dyDescent="0.2">
      <c r="A60" s="14">
        <v>45</v>
      </c>
      <c r="B60" s="15">
        <v>32</v>
      </c>
      <c r="C60" s="16">
        <v>42</v>
      </c>
      <c r="D60" s="17">
        <v>74</v>
      </c>
    </row>
    <row r="61" spans="1:4" ht="18" customHeight="1" x14ac:dyDescent="0.2">
      <c r="A61" s="14">
        <v>46</v>
      </c>
      <c r="B61" s="15">
        <v>43</v>
      </c>
      <c r="C61" s="16">
        <v>34</v>
      </c>
      <c r="D61" s="17">
        <v>77</v>
      </c>
    </row>
    <row r="62" spans="1:4" ht="18" customHeight="1" x14ac:dyDescent="0.2">
      <c r="A62" s="14">
        <v>47</v>
      </c>
      <c r="B62" s="15">
        <v>46</v>
      </c>
      <c r="C62" s="16">
        <v>49</v>
      </c>
      <c r="D62" s="17">
        <v>95</v>
      </c>
    </row>
    <row r="63" spans="1:4" ht="18" customHeight="1" x14ac:dyDescent="0.2">
      <c r="A63" s="14">
        <v>48</v>
      </c>
      <c r="B63" s="15">
        <v>48</v>
      </c>
      <c r="C63" s="16">
        <v>43</v>
      </c>
      <c r="D63" s="17">
        <v>91</v>
      </c>
    </row>
    <row r="64" spans="1:4" ht="18" customHeight="1" x14ac:dyDescent="0.2">
      <c r="A64" s="14">
        <v>49</v>
      </c>
      <c r="B64" s="15">
        <v>49</v>
      </c>
      <c r="C64" s="16">
        <v>40</v>
      </c>
      <c r="D64" s="17">
        <v>89</v>
      </c>
    </row>
    <row r="65" spans="1:4" ht="18" customHeight="1" x14ac:dyDescent="0.2">
      <c r="A65" s="18" t="s">
        <v>58</v>
      </c>
      <c r="B65" s="15">
        <v>218</v>
      </c>
      <c r="C65" s="16">
        <v>208</v>
      </c>
      <c r="D65" s="17">
        <v>426</v>
      </c>
    </row>
    <row r="66" spans="1:4" ht="18" customHeight="1" x14ac:dyDescent="0.2">
      <c r="A66" s="14">
        <v>50</v>
      </c>
      <c r="B66" s="15">
        <v>48</v>
      </c>
      <c r="C66" s="16">
        <v>50</v>
      </c>
      <c r="D66" s="17">
        <v>98</v>
      </c>
    </row>
    <row r="67" spans="1:4" ht="18" customHeight="1" x14ac:dyDescent="0.2">
      <c r="A67" s="14">
        <v>51</v>
      </c>
      <c r="B67" s="15">
        <v>62</v>
      </c>
      <c r="C67" s="16">
        <v>31</v>
      </c>
      <c r="D67" s="17">
        <v>93</v>
      </c>
    </row>
    <row r="68" spans="1:4" ht="18" customHeight="1" x14ac:dyDescent="0.2">
      <c r="A68" s="14">
        <v>52</v>
      </c>
      <c r="B68" s="15">
        <v>32</v>
      </c>
      <c r="C68" s="16">
        <v>39</v>
      </c>
      <c r="D68" s="17">
        <v>71</v>
      </c>
    </row>
    <row r="69" spans="1:4" ht="18" customHeight="1" x14ac:dyDescent="0.2">
      <c r="A69" s="14">
        <v>53</v>
      </c>
      <c r="B69" s="15">
        <v>32</v>
      </c>
      <c r="C69" s="16">
        <v>38</v>
      </c>
      <c r="D69" s="17">
        <v>70</v>
      </c>
    </row>
    <row r="70" spans="1:4" ht="18" customHeight="1" x14ac:dyDescent="0.2">
      <c r="A70" s="14">
        <v>54</v>
      </c>
      <c r="B70" s="15">
        <v>46</v>
      </c>
      <c r="C70" s="16">
        <v>50</v>
      </c>
      <c r="D70" s="17">
        <v>96</v>
      </c>
    </row>
    <row r="71" spans="1:4" ht="18" customHeight="1" x14ac:dyDescent="0.2">
      <c r="A71" s="18" t="s">
        <v>59</v>
      </c>
      <c r="B71" s="15">
        <v>220</v>
      </c>
      <c r="C71" s="16">
        <v>208</v>
      </c>
      <c r="D71" s="17">
        <v>428</v>
      </c>
    </row>
    <row r="72" spans="1:4" ht="18" customHeight="1" x14ac:dyDescent="0.2">
      <c r="A72" s="14">
        <v>55</v>
      </c>
      <c r="B72" s="15">
        <v>50</v>
      </c>
      <c r="C72" s="16">
        <v>40</v>
      </c>
      <c r="D72" s="17">
        <v>90</v>
      </c>
    </row>
    <row r="73" spans="1:4" ht="18" customHeight="1" x14ac:dyDescent="0.2">
      <c r="A73" s="14">
        <v>56</v>
      </c>
      <c r="B73" s="15">
        <v>42</v>
      </c>
      <c r="C73" s="16">
        <v>45</v>
      </c>
      <c r="D73" s="17">
        <v>87</v>
      </c>
    </row>
    <row r="74" spans="1:4" ht="18" customHeight="1" x14ac:dyDescent="0.2">
      <c r="A74" s="14">
        <v>57</v>
      </c>
      <c r="B74" s="15">
        <v>43</v>
      </c>
      <c r="C74" s="16">
        <v>36</v>
      </c>
      <c r="D74" s="17">
        <v>79</v>
      </c>
    </row>
    <row r="75" spans="1:4" ht="18" customHeight="1" x14ac:dyDescent="0.2">
      <c r="A75" s="14">
        <v>58</v>
      </c>
      <c r="B75" s="15">
        <v>38</v>
      </c>
      <c r="C75" s="16">
        <v>36</v>
      </c>
      <c r="D75" s="17">
        <v>74</v>
      </c>
    </row>
    <row r="76" spans="1:4" ht="18" customHeight="1" x14ac:dyDescent="0.2">
      <c r="A76" s="14">
        <v>59</v>
      </c>
      <c r="B76" s="15">
        <v>31</v>
      </c>
      <c r="C76" s="16">
        <v>40</v>
      </c>
      <c r="D76" s="17">
        <v>71</v>
      </c>
    </row>
    <row r="77" spans="1:4" ht="18" customHeight="1" x14ac:dyDescent="0.2">
      <c r="A77" s="18" t="s">
        <v>60</v>
      </c>
      <c r="B77" s="15">
        <v>204</v>
      </c>
      <c r="C77" s="16">
        <v>197</v>
      </c>
      <c r="D77" s="17">
        <v>401</v>
      </c>
    </row>
    <row r="78" spans="1:4" ht="18" customHeight="1" x14ac:dyDescent="0.2">
      <c r="A78" s="14">
        <v>60</v>
      </c>
      <c r="B78" s="15">
        <v>41</v>
      </c>
      <c r="C78" s="16">
        <v>43</v>
      </c>
      <c r="D78" s="17">
        <v>84</v>
      </c>
    </row>
    <row r="79" spans="1:4" ht="18" customHeight="1" x14ac:dyDescent="0.2">
      <c r="A79" s="14">
        <v>61</v>
      </c>
      <c r="B79" s="15">
        <v>40</v>
      </c>
      <c r="C79" s="16">
        <v>39</v>
      </c>
      <c r="D79" s="17">
        <v>79</v>
      </c>
    </row>
    <row r="80" spans="1:4" ht="18" customHeight="1" x14ac:dyDescent="0.2">
      <c r="A80" s="14">
        <v>62</v>
      </c>
      <c r="B80" s="15">
        <v>39</v>
      </c>
      <c r="C80" s="16">
        <v>32</v>
      </c>
      <c r="D80" s="17">
        <v>71</v>
      </c>
    </row>
    <row r="81" spans="1:4" ht="18" customHeight="1" x14ac:dyDescent="0.2">
      <c r="A81" s="14">
        <v>63</v>
      </c>
      <c r="B81" s="15">
        <v>50</v>
      </c>
      <c r="C81" s="16">
        <v>39</v>
      </c>
      <c r="D81" s="17">
        <v>89</v>
      </c>
    </row>
    <row r="82" spans="1:4" ht="18" customHeight="1" x14ac:dyDescent="0.2">
      <c r="A82" s="14">
        <v>64</v>
      </c>
      <c r="B82" s="15">
        <v>40</v>
      </c>
      <c r="C82" s="16">
        <v>44</v>
      </c>
      <c r="D82" s="17">
        <v>84</v>
      </c>
    </row>
    <row r="83" spans="1:4" ht="18" customHeight="1" x14ac:dyDescent="0.2">
      <c r="A83" s="18" t="s">
        <v>61</v>
      </c>
      <c r="B83" s="15">
        <v>210</v>
      </c>
      <c r="C83" s="16">
        <v>197</v>
      </c>
      <c r="D83" s="17">
        <v>407</v>
      </c>
    </row>
    <row r="84" spans="1:4" ht="18" customHeight="1" x14ac:dyDescent="0.2">
      <c r="A84" s="18" t="s">
        <v>62</v>
      </c>
      <c r="B84" s="15">
        <v>1772</v>
      </c>
      <c r="C84" s="16">
        <v>1630</v>
      </c>
      <c r="D84" s="17">
        <v>3402</v>
      </c>
    </row>
    <row r="85" spans="1:4" ht="18" customHeight="1" x14ac:dyDescent="0.2">
      <c r="A85" s="14">
        <v>65</v>
      </c>
      <c r="B85" s="15">
        <v>27</v>
      </c>
      <c r="C85" s="16">
        <v>40</v>
      </c>
      <c r="D85" s="17">
        <v>67</v>
      </c>
    </row>
    <row r="86" spans="1:4" ht="18" customHeight="1" x14ac:dyDescent="0.2">
      <c r="A86" s="14">
        <v>66</v>
      </c>
      <c r="B86" s="15">
        <v>34</v>
      </c>
      <c r="C86" s="16">
        <v>40</v>
      </c>
      <c r="D86" s="17">
        <v>74</v>
      </c>
    </row>
    <row r="87" spans="1:4" ht="18" customHeight="1" x14ac:dyDescent="0.2">
      <c r="A87" s="14">
        <v>67</v>
      </c>
      <c r="B87" s="15">
        <v>46</v>
      </c>
      <c r="C87" s="16">
        <v>37</v>
      </c>
      <c r="D87" s="17">
        <v>83</v>
      </c>
    </row>
    <row r="88" spans="1:4" ht="18" customHeight="1" x14ac:dyDescent="0.2">
      <c r="A88" s="14">
        <v>68</v>
      </c>
      <c r="B88" s="15">
        <v>33</v>
      </c>
      <c r="C88" s="16">
        <v>51</v>
      </c>
      <c r="D88" s="17">
        <v>84</v>
      </c>
    </row>
    <row r="89" spans="1:4" ht="18" customHeight="1" x14ac:dyDescent="0.2">
      <c r="A89" s="14">
        <v>69</v>
      </c>
      <c r="B89" s="15">
        <v>39</v>
      </c>
      <c r="C89" s="16">
        <v>50</v>
      </c>
      <c r="D89" s="17">
        <v>89</v>
      </c>
    </row>
    <row r="90" spans="1:4" ht="18" customHeight="1" x14ac:dyDescent="0.2">
      <c r="A90" s="18" t="s">
        <v>63</v>
      </c>
      <c r="B90" s="15">
        <v>179</v>
      </c>
      <c r="C90" s="16">
        <v>218</v>
      </c>
      <c r="D90" s="17">
        <v>397</v>
      </c>
    </row>
    <row r="91" spans="1:4" ht="18" customHeight="1" x14ac:dyDescent="0.2">
      <c r="A91" s="14">
        <v>70</v>
      </c>
      <c r="B91" s="15">
        <v>71</v>
      </c>
      <c r="C91" s="16">
        <v>50</v>
      </c>
      <c r="D91" s="17">
        <v>121</v>
      </c>
    </row>
    <row r="92" spans="1:4" ht="18" customHeight="1" x14ac:dyDescent="0.2">
      <c r="A92" s="14">
        <v>71</v>
      </c>
      <c r="B92" s="15">
        <v>55</v>
      </c>
      <c r="C92" s="16">
        <v>67</v>
      </c>
      <c r="D92" s="17">
        <v>122</v>
      </c>
    </row>
    <row r="93" spans="1:4" ht="18" customHeight="1" x14ac:dyDescent="0.2">
      <c r="A93" s="14">
        <v>72</v>
      </c>
      <c r="B93" s="15">
        <v>55</v>
      </c>
      <c r="C93" s="16">
        <v>67</v>
      </c>
      <c r="D93" s="17">
        <v>122</v>
      </c>
    </row>
    <row r="94" spans="1:4" ht="18" customHeight="1" x14ac:dyDescent="0.2">
      <c r="A94" s="14">
        <v>73</v>
      </c>
      <c r="B94" s="15">
        <v>29</v>
      </c>
      <c r="C94" s="16">
        <v>35</v>
      </c>
      <c r="D94" s="17">
        <v>64</v>
      </c>
    </row>
    <row r="95" spans="1:4" ht="18" customHeight="1" x14ac:dyDescent="0.2">
      <c r="A95" s="14">
        <v>74</v>
      </c>
      <c r="B95" s="15">
        <v>29</v>
      </c>
      <c r="C95" s="16">
        <v>36</v>
      </c>
      <c r="D95" s="17">
        <v>65</v>
      </c>
    </row>
    <row r="96" spans="1:4" ht="18" customHeight="1" x14ac:dyDescent="0.2">
      <c r="A96" s="18" t="s">
        <v>64</v>
      </c>
      <c r="B96" s="15">
        <v>239</v>
      </c>
      <c r="C96" s="16">
        <v>255</v>
      </c>
      <c r="D96" s="17">
        <v>494</v>
      </c>
    </row>
    <row r="97" spans="1:4" ht="18" customHeight="1" x14ac:dyDescent="0.2">
      <c r="A97" s="14">
        <v>75</v>
      </c>
      <c r="B97" s="15">
        <v>45</v>
      </c>
      <c r="C97" s="16">
        <v>58</v>
      </c>
      <c r="D97" s="17">
        <v>103</v>
      </c>
    </row>
    <row r="98" spans="1:4" ht="18" customHeight="1" x14ac:dyDescent="0.2">
      <c r="A98" s="14">
        <v>76</v>
      </c>
      <c r="B98" s="15">
        <v>43</v>
      </c>
      <c r="C98" s="16">
        <v>61</v>
      </c>
      <c r="D98" s="17">
        <v>104</v>
      </c>
    </row>
    <row r="99" spans="1:4" ht="18" customHeight="1" x14ac:dyDescent="0.2">
      <c r="A99" s="14">
        <v>77</v>
      </c>
      <c r="B99" s="15">
        <v>52</v>
      </c>
      <c r="C99" s="16">
        <v>54</v>
      </c>
      <c r="D99" s="17">
        <v>106</v>
      </c>
    </row>
    <row r="100" spans="1:4" ht="18" customHeight="1" x14ac:dyDescent="0.2">
      <c r="A100" s="14">
        <v>78</v>
      </c>
      <c r="B100" s="15">
        <v>38</v>
      </c>
      <c r="C100" s="16">
        <v>49</v>
      </c>
      <c r="D100" s="17">
        <v>87</v>
      </c>
    </row>
    <row r="101" spans="1:4" ht="18" customHeight="1" x14ac:dyDescent="0.2">
      <c r="A101" s="14">
        <v>79</v>
      </c>
      <c r="B101" s="15">
        <v>34</v>
      </c>
      <c r="C101" s="16">
        <v>36</v>
      </c>
      <c r="D101" s="17">
        <v>70</v>
      </c>
    </row>
    <row r="102" spans="1:4" ht="18" customHeight="1" x14ac:dyDescent="0.2">
      <c r="A102" s="18" t="s">
        <v>65</v>
      </c>
      <c r="B102" s="15">
        <v>212</v>
      </c>
      <c r="C102" s="16">
        <v>258</v>
      </c>
      <c r="D102" s="17">
        <v>470</v>
      </c>
    </row>
    <row r="103" spans="1:4" ht="18" customHeight="1" x14ac:dyDescent="0.2">
      <c r="A103" s="14">
        <v>80</v>
      </c>
      <c r="B103" s="15">
        <v>23</v>
      </c>
      <c r="C103" s="16">
        <v>38</v>
      </c>
      <c r="D103" s="17">
        <v>61</v>
      </c>
    </row>
    <row r="104" spans="1:4" ht="18" customHeight="1" x14ac:dyDescent="0.2">
      <c r="A104" s="14">
        <v>81</v>
      </c>
      <c r="B104" s="15">
        <v>21</v>
      </c>
      <c r="C104" s="16">
        <v>38</v>
      </c>
      <c r="D104" s="17">
        <v>59</v>
      </c>
    </row>
    <row r="105" spans="1:4" ht="18" customHeight="1" x14ac:dyDescent="0.2">
      <c r="A105" s="14">
        <v>82</v>
      </c>
      <c r="B105" s="15">
        <v>21</v>
      </c>
      <c r="C105" s="16">
        <v>34</v>
      </c>
      <c r="D105" s="17">
        <v>55</v>
      </c>
    </row>
    <row r="106" spans="1:4" ht="18" customHeight="1" x14ac:dyDescent="0.2">
      <c r="A106" s="14">
        <v>83</v>
      </c>
      <c r="B106" s="15">
        <v>30</v>
      </c>
      <c r="C106" s="16">
        <v>58</v>
      </c>
      <c r="D106" s="17">
        <v>88</v>
      </c>
    </row>
    <row r="107" spans="1:4" ht="18" customHeight="1" x14ac:dyDescent="0.2">
      <c r="A107" s="14">
        <v>84</v>
      </c>
      <c r="B107" s="15">
        <v>21</v>
      </c>
      <c r="C107" s="16">
        <v>46</v>
      </c>
      <c r="D107" s="17">
        <v>67</v>
      </c>
    </row>
    <row r="108" spans="1:4" ht="18" customHeight="1" x14ac:dyDescent="0.2">
      <c r="A108" s="18" t="s">
        <v>66</v>
      </c>
      <c r="B108" s="15">
        <v>116</v>
      </c>
      <c r="C108" s="16">
        <v>214</v>
      </c>
      <c r="D108" s="17">
        <v>330</v>
      </c>
    </row>
    <row r="109" spans="1:4" ht="18" customHeight="1" x14ac:dyDescent="0.2">
      <c r="A109" s="14">
        <v>85</v>
      </c>
      <c r="B109" s="15">
        <v>22</v>
      </c>
      <c r="C109" s="16">
        <v>42</v>
      </c>
      <c r="D109" s="17">
        <v>64</v>
      </c>
    </row>
    <row r="110" spans="1:4" ht="18" customHeight="1" x14ac:dyDescent="0.2">
      <c r="A110" s="14">
        <v>86</v>
      </c>
      <c r="B110" s="15">
        <v>17</v>
      </c>
      <c r="C110" s="16">
        <v>46</v>
      </c>
      <c r="D110" s="17">
        <v>63</v>
      </c>
    </row>
    <row r="111" spans="1:4" ht="18" customHeight="1" x14ac:dyDescent="0.2">
      <c r="A111" s="14">
        <v>87</v>
      </c>
      <c r="B111" s="15">
        <v>12</v>
      </c>
      <c r="C111" s="16">
        <v>39</v>
      </c>
      <c r="D111" s="17">
        <v>51</v>
      </c>
    </row>
    <row r="112" spans="1:4" ht="18" customHeight="1" x14ac:dyDescent="0.2">
      <c r="A112" s="14">
        <v>88</v>
      </c>
      <c r="B112" s="15">
        <v>8</v>
      </c>
      <c r="C112" s="16">
        <v>27</v>
      </c>
      <c r="D112" s="17">
        <v>35</v>
      </c>
    </row>
    <row r="113" spans="1:4" ht="18" customHeight="1" x14ac:dyDescent="0.2">
      <c r="A113" s="14">
        <v>89</v>
      </c>
      <c r="B113" s="15">
        <v>8</v>
      </c>
      <c r="C113" s="16">
        <v>29</v>
      </c>
      <c r="D113" s="17">
        <v>37</v>
      </c>
    </row>
    <row r="114" spans="1:4" ht="18" customHeight="1" x14ac:dyDescent="0.2">
      <c r="A114" s="18" t="s">
        <v>67</v>
      </c>
      <c r="B114" s="15">
        <v>67</v>
      </c>
      <c r="C114" s="16">
        <v>183</v>
      </c>
      <c r="D114" s="17">
        <v>250</v>
      </c>
    </row>
    <row r="115" spans="1:4" ht="18" customHeight="1" x14ac:dyDescent="0.2">
      <c r="A115" s="14">
        <v>90</v>
      </c>
      <c r="B115" s="15">
        <v>9</v>
      </c>
      <c r="C115" s="16">
        <v>31</v>
      </c>
      <c r="D115" s="17">
        <v>40</v>
      </c>
    </row>
    <row r="116" spans="1:4" ht="18" customHeight="1" x14ac:dyDescent="0.2">
      <c r="A116" s="14">
        <v>91</v>
      </c>
      <c r="B116" s="15">
        <v>12</v>
      </c>
      <c r="C116" s="16">
        <v>21</v>
      </c>
      <c r="D116" s="17">
        <v>33</v>
      </c>
    </row>
    <row r="117" spans="1:4" ht="18" customHeight="1" x14ac:dyDescent="0.2">
      <c r="A117" s="14">
        <v>92</v>
      </c>
      <c r="B117" s="15">
        <v>2</v>
      </c>
      <c r="C117" s="16">
        <v>19</v>
      </c>
      <c r="D117" s="17">
        <v>21</v>
      </c>
    </row>
    <row r="118" spans="1:4" ht="18" customHeight="1" x14ac:dyDescent="0.2">
      <c r="A118" s="14">
        <v>93</v>
      </c>
      <c r="B118" s="15">
        <v>6</v>
      </c>
      <c r="C118" s="16">
        <v>20</v>
      </c>
      <c r="D118" s="17">
        <v>26</v>
      </c>
    </row>
    <row r="119" spans="1:4" ht="18" customHeight="1" x14ac:dyDescent="0.2">
      <c r="A119" s="14">
        <v>94</v>
      </c>
      <c r="B119" s="15">
        <v>3</v>
      </c>
      <c r="C119" s="16">
        <v>16</v>
      </c>
      <c r="D119" s="17">
        <v>19</v>
      </c>
    </row>
    <row r="120" spans="1:4" ht="18" customHeight="1" x14ac:dyDescent="0.2">
      <c r="A120" s="18" t="s">
        <v>68</v>
      </c>
      <c r="B120" s="15">
        <v>32</v>
      </c>
      <c r="C120" s="16">
        <v>107</v>
      </c>
      <c r="D120" s="17">
        <v>139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4</v>
      </c>
      <c r="C122" s="16">
        <v>8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2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9</v>
      </c>
      <c r="C126" s="16">
        <v>24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4</v>
      </c>
      <c r="D128" s="17">
        <v>6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856</v>
      </c>
      <c r="C130" s="5">
        <v>1263</v>
      </c>
      <c r="D130" s="6">
        <v>2119</v>
      </c>
    </row>
    <row r="131" spans="1:4" ht="18" customHeight="1" x14ac:dyDescent="0.2">
      <c r="A131" s="20" t="s">
        <v>47</v>
      </c>
      <c r="B131" s="7">
        <v>2903</v>
      </c>
      <c r="C131" s="8">
        <v>3167</v>
      </c>
      <c r="D131" s="9">
        <v>60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3</v>
      </c>
      <c r="C6" s="28">
        <v>0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2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4</v>
      </c>
      <c r="C13" s="28">
        <v>3</v>
      </c>
      <c r="D13" s="29">
        <v>7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11</v>
      </c>
      <c r="C16" s="28">
        <v>5</v>
      </c>
      <c r="D16" s="29">
        <v>16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2</v>
      </c>
      <c r="C18" s="28">
        <v>2</v>
      </c>
      <c r="D18" s="29">
        <v>4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1</v>
      </c>
      <c r="C20" s="28">
        <v>4</v>
      </c>
      <c r="D20" s="29">
        <v>5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8</v>
      </c>
      <c r="C22" s="28">
        <v>10</v>
      </c>
      <c r="D22" s="29">
        <v>18</v>
      </c>
    </row>
    <row r="23" spans="1:4" ht="18" customHeight="1" x14ac:dyDescent="0.2">
      <c r="A23" s="31" t="s">
        <v>51</v>
      </c>
      <c r="B23" s="27">
        <v>23</v>
      </c>
      <c r="C23" s="28">
        <v>19</v>
      </c>
      <c r="D23" s="29">
        <v>42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3</v>
      </c>
      <c r="C25" s="28">
        <v>0</v>
      </c>
      <c r="D25" s="29">
        <v>3</v>
      </c>
    </row>
    <row r="26" spans="1:4" ht="18" customHeight="1" x14ac:dyDescent="0.2">
      <c r="A26" s="31">
        <v>17</v>
      </c>
      <c r="B26" s="27">
        <v>3</v>
      </c>
      <c r="C26" s="28">
        <v>2</v>
      </c>
      <c r="D26" s="29">
        <v>5</v>
      </c>
    </row>
    <row r="27" spans="1:4" ht="18" customHeight="1" x14ac:dyDescent="0.2">
      <c r="A27" s="31">
        <v>18</v>
      </c>
      <c r="B27" s="27">
        <v>3</v>
      </c>
      <c r="C27" s="28">
        <v>4</v>
      </c>
      <c r="D27" s="29">
        <v>7</v>
      </c>
    </row>
    <row r="28" spans="1:4" ht="18" customHeight="1" x14ac:dyDescent="0.2">
      <c r="A28" s="31">
        <v>19</v>
      </c>
      <c r="B28" s="27">
        <v>2</v>
      </c>
      <c r="C28" s="28">
        <v>2</v>
      </c>
      <c r="D28" s="29">
        <v>4</v>
      </c>
    </row>
    <row r="29" spans="1:4" ht="18" customHeight="1" x14ac:dyDescent="0.2">
      <c r="A29" s="31" t="s">
        <v>52</v>
      </c>
      <c r="B29" s="27">
        <v>14</v>
      </c>
      <c r="C29" s="28">
        <v>9</v>
      </c>
      <c r="D29" s="29">
        <v>23</v>
      </c>
    </row>
    <row r="30" spans="1:4" ht="18" customHeight="1" x14ac:dyDescent="0.2">
      <c r="A30" s="31">
        <v>20</v>
      </c>
      <c r="B30" s="27">
        <v>3</v>
      </c>
      <c r="C30" s="28">
        <v>3</v>
      </c>
      <c r="D30" s="29">
        <v>6</v>
      </c>
    </row>
    <row r="31" spans="1:4" ht="18" customHeight="1" x14ac:dyDescent="0.2">
      <c r="A31" s="31">
        <v>21</v>
      </c>
      <c r="B31" s="27">
        <v>4</v>
      </c>
      <c r="C31" s="28">
        <v>1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53</v>
      </c>
      <c r="B35" s="27">
        <v>14</v>
      </c>
      <c r="C35" s="28">
        <v>10</v>
      </c>
      <c r="D35" s="29">
        <v>24</v>
      </c>
    </row>
    <row r="36" spans="1:4" ht="18" customHeight="1" x14ac:dyDescent="0.2">
      <c r="A36" s="31">
        <v>25</v>
      </c>
      <c r="B36" s="27">
        <v>4</v>
      </c>
      <c r="C36" s="28">
        <v>2</v>
      </c>
      <c r="D36" s="29">
        <v>6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1</v>
      </c>
      <c r="C38" s="28">
        <v>3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8</v>
      </c>
      <c r="C41" s="28">
        <v>6</v>
      </c>
      <c r="D41" s="29">
        <v>14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4</v>
      </c>
      <c r="D44" s="29">
        <v>5</v>
      </c>
    </row>
    <row r="45" spans="1:4" ht="18" customHeight="1" x14ac:dyDescent="0.2">
      <c r="A45" s="31">
        <v>33</v>
      </c>
      <c r="B45" s="27">
        <v>2</v>
      </c>
      <c r="C45" s="28">
        <v>1</v>
      </c>
      <c r="D45" s="29">
        <v>3</v>
      </c>
    </row>
    <row r="46" spans="1:4" ht="18" customHeight="1" x14ac:dyDescent="0.2">
      <c r="A46" s="31">
        <v>34</v>
      </c>
      <c r="B46" s="27">
        <v>6</v>
      </c>
      <c r="C46" s="28">
        <v>5</v>
      </c>
      <c r="D46" s="29">
        <v>11</v>
      </c>
    </row>
    <row r="47" spans="1:4" ht="18" customHeight="1" x14ac:dyDescent="0.2">
      <c r="A47" s="31" t="s">
        <v>55</v>
      </c>
      <c r="B47" s="27">
        <v>13</v>
      </c>
      <c r="C47" s="28">
        <v>13</v>
      </c>
      <c r="D47" s="29">
        <v>26</v>
      </c>
    </row>
    <row r="48" spans="1:4" ht="18" customHeight="1" x14ac:dyDescent="0.2">
      <c r="A48" s="31">
        <v>35</v>
      </c>
      <c r="B48" s="27">
        <v>4</v>
      </c>
      <c r="C48" s="28">
        <v>2</v>
      </c>
      <c r="D48" s="29">
        <v>6</v>
      </c>
    </row>
    <row r="49" spans="1:4" ht="18" customHeight="1" x14ac:dyDescent="0.2">
      <c r="A49" s="31">
        <v>36</v>
      </c>
      <c r="B49" s="27">
        <v>2</v>
      </c>
      <c r="C49" s="28">
        <v>3</v>
      </c>
      <c r="D49" s="29">
        <v>5</v>
      </c>
    </row>
    <row r="50" spans="1:4" ht="18" customHeight="1" x14ac:dyDescent="0.2">
      <c r="A50" s="31">
        <v>37</v>
      </c>
      <c r="B50" s="27">
        <v>2</v>
      </c>
      <c r="C50" s="28">
        <v>4</v>
      </c>
      <c r="D50" s="29">
        <v>6</v>
      </c>
    </row>
    <row r="51" spans="1:4" ht="18" customHeight="1" x14ac:dyDescent="0.2">
      <c r="A51" s="31">
        <v>38</v>
      </c>
      <c r="B51" s="27">
        <v>5</v>
      </c>
      <c r="C51" s="28">
        <v>1</v>
      </c>
      <c r="D51" s="29">
        <v>6</v>
      </c>
    </row>
    <row r="52" spans="1:4" ht="18" customHeight="1" x14ac:dyDescent="0.2">
      <c r="A52" s="31">
        <v>39</v>
      </c>
      <c r="B52" s="27">
        <v>6</v>
      </c>
      <c r="C52" s="28">
        <v>3</v>
      </c>
      <c r="D52" s="29">
        <v>9</v>
      </c>
    </row>
    <row r="53" spans="1:4" ht="18" customHeight="1" x14ac:dyDescent="0.2">
      <c r="A53" s="31" t="s">
        <v>56</v>
      </c>
      <c r="B53" s="27">
        <v>19</v>
      </c>
      <c r="C53" s="28">
        <v>13</v>
      </c>
      <c r="D53" s="29">
        <v>32</v>
      </c>
    </row>
    <row r="54" spans="1:4" ht="18" customHeight="1" x14ac:dyDescent="0.2">
      <c r="A54" s="31">
        <v>40</v>
      </c>
      <c r="B54" s="27">
        <v>6</v>
      </c>
      <c r="C54" s="28">
        <v>2</v>
      </c>
      <c r="D54" s="29">
        <v>8</v>
      </c>
    </row>
    <row r="55" spans="1:4" ht="18" customHeight="1" x14ac:dyDescent="0.2">
      <c r="A55" s="31">
        <v>41</v>
      </c>
      <c r="B55" s="27">
        <v>2</v>
      </c>
      <c r="C55" s="28">
        <v>3</v>
      </c>
      <c r="D55" s="29">
        <v>5</v>
      </c>
    </row>
    <row r="56" spans="1:4" ht="18" customHeight="1" x14ac:dyDescent="0.2">
      <c r="A56" s="31">
        <v>42</v>
      </c>
      <c r="B56" s="27">
        <v>3</v>
      </c>
      <c r="C56" s="28">
        <v>2</v>
      </c>
      <c r="D56" s="29">
        <v>5</v>
      </c>
    </row>
    <row r="57" spans="1:4" ht="18" customHeight="1" x14ac:dyDescent="0.2">
      <c r="A57" s="31">
        <v>43</v>
      </c>
      <c r="B57" s="27">
        <v>6</v>
      </c>
      <c r="C57" s="28">
        <v>4</v>
      </c>
      <c r="D57" s="29">
        <v>10</v>
      </c>
    </row>
    <row r="58" spans="1:4" ht="18" customHeight="1" x14ac:dyDescent="0.2">
      <c r="A58" s="31">
        <v>44</v>
      </c>
      <c r="B58" s="27">
        <v>4</v>
      </c>
      <c r="C58" s="28">
        <v>1</v>
      </c>
      <c r="D58" s="29">
        <v>5</v>
      </c>
    </row>
    <row r="59" spans="1:4" ht="18" customHeight="1" x14ac:dyDescent="0.2">
      <c r="A59" s="31" t="s">
        <v>57</v>
      </c>
      <c r="B59" s="27">
        <v>21</v>
      </c>
      <c r="C59" s="28">
        <v>12</v>
      </c>
      <c r="D59" s="29">
        <v>33</v>
      </c>
    </row>
    <row r="60" spans="1:4" ht="18" customHeight="1" x14ac:dyDescent="0.2">
      <c r="A60" s="31">
        <v>45</v>
      </c>
      <c r="B60" s="27">
        <v>6</v>
      </c>
      <c r="C60" s="28">
        <v>7</v>
      </c>
      <c r="D60" s="29">
        <v>13</v>
      </c>
    </row>
    <row r="61" spans="1:4" ht="18" customHeight="1" x14ac:dyDescent="0.2">
      <c r="A61" s="31">
        <v>46</v>
      </c>
      <c r="B61" s="27">
        <v>4</v>
      </c>
      <c r="C61" s="28">
        <v>3</v>
      </c>
      <c r="D61" s="29">
        <v>7</v>
      </c>
    </row>
    <row r="62" spans="1:4" ht="18" customHeight="1" x14ac:dyDescent="0.2">
      <c r="A62" s="31">
        <v>47</v>
      </c>
      <c r="B62" s="27">
        <v>6</v>
      </c>
      <c r="C62" s="28">
        <v>1</v>
      </c>
      <c r="D62" s="29">
        <v>7</v>
      </c>
    </row>
    <row r="63" spans="1:4" ht="18" customHeight="1" x14ac:dyDescent="0.2">
      <c r="A63" s="31">
        <v>48</v>
      </c>
      <c r="B63" s="27">
        <v>3</v>
      </c>
      <c r="C63" s="28">
        <v>2</v>
      </c>
      <c r="D63" s="29">
        <v>5</v>
      </c>
    </row>
    <row r="64" spans="1:4" ht="18" customHeight="1" x14ac:dyDescent="0.2">
      <c r="A64" s="31">
        <v>49</v>
      </c>
      <c r="B64" s="27">
        <v>3</v>
      </c>
      <c r="C64" s="28">
        <v>0</v>
      </c>
      <c r="D64" s="29">
        <v>3</v>
      </c>
    </row>
    <row r="65" spans="1:4" ht="18" customHeight="1" x14ac:dyDescent="0.2">
      <c r="A65" s="31" t="s">
        <v>58</v>
      </c>
      <c r="B65" s="27">
        <v>22</v>
      </c>
      <c r="C65" s="28">
        <v>13</v>
      </c>
      <c r="D65" s="29">
        <v>35</v>
      </c>
    </row>
    <row r="66" spans="1:4" ht="18" customHeight="1" x14ac:dyDescent="0.2">
      <c r="A66" s="31">
        <v>50</v>
      </c>
      <c r="B66" s="27">
        <v>6</v>
      </c>
      <c r="C66" s="28">
        <v>4</v>
      </c>
      <c r="D66" s="29">
        <v>10</v>
      </c>
    </row>
    <row r="67" spans="1:4" ht="18" customHeight="1" x14ac:dyDescent="0.2">
      <c r="A67" s="31">
        <v>51</v>
      </c>
      <c r="B67" s="27">
        <v>7</v>
      </c>
      <c r="C67" s="28">
        <v>4</v>
      </c>
      <c r="D67" s="29">
        <v>11</v>
      </c>
    </row>
    <row r="68" spans="1:4" ht="18" customHeight="1" x14ac:dyDescent="0.2">
      <c r="A68" s="31">
        <v>52</v>
      </c>
      <c r="B68" s="27">
        <v>1</v>
      </c>
      <c r="C68" s="28">
        <v>4</v>
      </c>
      <c r="D68" s="29">
        <v>5</v>
      </c>
    </row>
    <row r="69" spans="1:4" ht="18" customHeight="1" x14ac:dyDescent="0.2">
      <c r="A69" s="31">
        <v>53</v>
      </c>
      <c r="B69" s="27">
        <v>3</v>
      </c>
      <c r="C69" s="28">
        <v>2</v>
      </c>
      <c r="D69" s="29">
        <v>5</v>
      </c>
    </row>
    <row r="70" spans="1:4" ht="18" customHeight="1" x14ac:dyDescent="0.2">
      <c r="A70" s="31">
        <v>54</v>
      </c>
      <c r="B70" s="27">
        <v>5</v>
      </c>
      <c r="C70" s="28">
        <v>4</v>
      </c>
      <c r="D70" s="29">
        <v>9</v>
      </c>
    </row>
    <row r="71" spans="1:4" ht="18" customHeight="1" x14ac:dyDescent="0.2">
      <c r="A71" s="31" t="s">
        <v>59</v>
      </c>
      <c r="B71" s="27">
        <v>22</v>
      </c>
      <c r="C71" s="28">
        <v>18</v>
      </c>
      <c r="D71" s="29">
        <v>40</v>
      </c>
    </row>
    <row r="72" spans="1:4" ht="18" customHeight="1" x14ac:dyDescent="0.2">
      <c r="A72" s="31">
        <v>55</v>
      </c>
      <c r="B72" s="27">
        <v>3</v>
      </c>
      <c r="C72" s="28">
        <v>7</v>
      </c>
      <c r="D72" s="29">
        <v>10</v>
      </c>
    </row>
    <row r="73" spans="1:4" ht="18" customHeight="1" x14ac:dyDescent="0.2">
      <c r="A73" s="31">
        <v>56</v>
      </c>
      <c r="B73" s="27">
        <v>3</v>
      </c>
      <c r="C73" s="28">
        <v>4</v>
      </c>
      <c r="D73" s="29">
        <v>7</v>
      </c>
    </row>
    <row r="74" spans="1:4" ht="18" customHeight="1" x14ac:dyDescent="0.2">
      <c r="A74" s="31">
        <v>57</v>
      </c>
      <c r="B74" s="27">
        <v>3</v>
      </c>
      <c r="C74" s="28">
        <v>3</v>
      </c>
      <c r="D74" s="29">
        <v>6</v>
      </c>
    </row>
    <row r="75" spans="1:4" ht="18" customHeight="1" x14ac:dyDescent="0.2">
      <c r="A75" s="31">
        <v>58</v>
      </c>
      <c r="B75" s="27">
        <v>4</v>
      </c>
      <c r="C75" s="28">
        <v>7</v>
      </c>
      <c r="D75" s="29">
        <v>11</v>
      </c>
    </row>
    <row r="76" spans="1:4" ht="18" customHeight="1" x14ac:dyDescent="0.2">
      <c r="A76" s="31">
        <v>59</v>
      </c>
      <c r="B76" s="27">
        <v>6</v>
      </c>
      <c r="C76" s="28">
        <v>3</v>
      </c>
      <c r="D76" s="29">
        <v>9</v>
      </c>
    </row>
    <row r="77" spans="1:4" ht="18" customHeight="1" x14ac:dyDescent="0.2">
      <c r="A77" s="31" t="s">
        <v>60</v>
      </c>
      <c r="B77" s="27">
        <v>19</v>
      </c>
      <c r="C77" s="28">
        <v>24</v>
      </c>
      <c r="D77" s="29">
        <v>43</v>
      </c>
    </row>
    <row r="78" spans="1:4" ht="18" customHeight="1" x14ac:dyDescent="0.2">
      <c r="A78" s="31">
        <v>60</v>
      </c>
      <c r="B78" s="27">
        <v>2</v>
      </c>
      <c r="C78" s="28">
        <v>5</v>
      </c>
      <c r="D78" s="29">
        <v>7</v>
      </c>
    </row>
    <row r="79" spans="1:4" ht="18" customHeight="1" x14ac:dyDescent="0.2">
      <c r="A79" s="31">
        <v>61</v>
      </c>
      <c r="B79" s="27">
        <v>9</v>
      </c>
      <c r="C79" s="28">
        <v>5</v>
      </c>
      <c r="D79" s="29">
        <v>14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6</v>
      </c>
      <c r="C81" s="28">
        <v>6</v>
      </c>
      <c r="D81" s="29">
        <v>12</v>
      </c>
    </row>
    <row r="82" spans="1:4" ht="18" customHeight="1" x14ac:dyDescent="0.2">
      <c r="A82" s="31">
        <v>64</v>
      </c>
      <c r="B82" s="27">
        <v>6</v>
      </c>
      <c r="C82" s="28">
        <v>13</v>
      </c>
      <c r="D82" s="29">
        <v>19</v>
      </c>
    </row>
    <row r="83" spans="1:4" ht="18" customHeight="1" x14ac:dyDescent="0.2">
      <c r="A83" s="31" t="s">
        <v>61</v>
      </c>
      <c r="B83" s="27">
        <v>29</v>
      </c>
      <c r="C83" s="28">
        <v>36</v>
      </c>
      <c r="D83" s="29">
        <v>65</v>
      </c>
    </row>
    <row r="84" spans="1:4" ht="18" customHeight="1" x14ac:dyDescent="0.2">
      <c r="A84" s="31" t="s">
        <v>62</v>
      </c>
      <c r="B84" s="27">
        <v>181</v>
      </c>
      <c r="C84" s="28">
        <v>154</v>
      </c>
      <c r="D84" s="29">
        <v>335</v>
      </c>
    </row>
    <row r="85" spans="1:4" ht="18" customHeight="1" x14ac:dyDescent="0.2">
      <c r="A85" s="31">
        <v>65</v>
      </c>
      <c r="B85" s="27">
        <v>8</v>
      </c>
      <c r="C85" s="28">
        <v>13</v>
      </c>
      <c r="D85" s="29">
        <v>21</v>
      </c>
    </row>
    <row r="86" spans="1:4" ht="18" customHeight="1" x14ac:dyDescent="0.2">
      <c r="A86" s="31">
        <v>66</v>
      </c>
      <c r="B86" s="27">
        <v>11</v>
      </c>
      <c r="C86" s="28">
        <v>9</v>
      </c>
      <c r="D86" s="29">
        <v>20</v>
      </c>
    </row>
    <row r="87" spans="1:4" ht="18" customHeight="1" x14ac:dyDescent="0.2">
      <c r="A87" s="31">
        <v>67</v>
      </c>
      <c r="B87" s="27">
        <v>12</v>
      </c>
      <c r="C87" s="28">
        <v>5</v>
      </c>
      <c r="D87" s="29">
        <v>17</v>
      </c>
    </row>
    <row r="88" spans="1:4" ht="18" customHeight="1" x14ac:dyDescent="0.2">
      <c r="A88" s="31">
        <v>68</v>
      </c>
      <c r="B88" s="27">
        <v>12</v>
      </c>
      <c r="C88" s="28">
        <v>8</v>
      </c>
      <c r="D88" s="29">
        <v>20</v>
      </c>
    </row>
    <row r="89" spans="1:4" ht="18" customHeight="1" x14ac:dyDescent="0.2">
      <c r="A89" s="31">
        <v>69</v>
      </c>
      <c r="B89" s="27">
        <v>14</v>
      </c>
      <c r="C89" s="28">
        <v>5</v>
      </c>
      <c r="D89" s="29">
        <v>19</v>
      </c>
    </row>
    <row r="90" spans="1:4" ht="18" customHeight="1" x14ac:dyDescent="0.2">
      <c r="A90" s="31" t="s">
        <v>63</v>
      </c>
      <c r="B90" s="27">
        <v>57</v>
      </c>
      <c r="C90" s="28">
        <v>40</v>
      </c>
      <c r="D90" s="29">
        <v>97</v>
      </c>
    </row>
    <row r="91" spans="1:4" ht="18" customHeight="1" x14ac:dyDescent="0.2">
      <c r="A91" s="31">
        <v>70</v>
      </c>
      <c r="B91" s="27">
        <v>7</v>
      </c>
      <c r="C91" s="28">
        <v>11</v>
      </c>
      <c r="D91" s="29">
        <v>18</v>
      </c>
    </row>
    <row r="92" spans="1:4" ht="18" customHeight="1" x14ac:dyDescent="0.2">
      <c r="A92" s="31">
        <v>71</v>
      </c>
      <c r="B92" s="27">
        <v>10</v>
      </c>
      <c r="C92" s="28">
        <v>8</v>
      </c>
      <c r="D92" s="29">
        <v>18</v>
      </c>
    </row>
    <row r="93" spans="1:4" ht="18" customHeight="1" x14ac:dyDescent="0.2">
      <c r="A93" s="31">
        <v>72</v>
      </c>
      <c r="B93" s="27">
        <v>9</v>
      </c>
      <c r="C93" s="28">
        <v>6</v>
      </c>
      <c r="D93" s="29">
        <v>15</v>
      </c>
    </row>
    <row r="94" spans="1:4" ht="18" customHeight="1" x14ac:dyDescent="0.2">
      <c r="A94" s="31">
        <v>73</v>
      </c>
      <c r="B94" s="27">
        <v>4</v>
      </c>
      <c r="C94" s="28">
        <v>6</v>
      </c>
      <c r="D94" s="29">
        <v>10</v>
      </c>
    </row>
    <row r="95" spans="1:4" ht="18" customHeight="1" x14ac:dyDescent="0.2">
      <c r="A95" s="31">
        <v>74</v>
      </c>
      <c r="B95" s="27">
        <v>5</v>
      </c>
      <c r="C95" s="28">
        <v>3</v>
      </c>
      <c r="D95" s="29">
        <v>8</v>
      </c>
    </row>
    <row r="96" spans="1:4" ht="18" customHeight="1" x14ac:dyDescent="0.2">
      <c r="A96" s="31" t="s">
        <v>64</v>
      </c>
      <c r="B96" s="27">
        <v>35</v>
      </c>
      <c r="C96" s="28">
        <v>34</v>
      </c>
      <c r="D96" s="29">
        <v>69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8</v>
      </c>
      <c r="C98" s="28">
        <v>4</v>
      </c>
      <c r="D98" s="29">
        <v>12</v>
      </c>
    </row>
    <row r="99" spans="1:4" ht="18" customHeight="1" x14ac:dyDescent="0.2">
      <c r="A99" s="31">
        <v>77</v>
      </c>
      <c r="B99" s="27">
        <v>3</v>
      </c>
      <c r="C99" s="28">
        <v>7</v>
      </c>
      <c r="D99" s="29">
        <v>10</v>
      </c>
    </row>
    <row r="100" spans="1:4" ht="18" customHeight="1" x14ac:dyDescent="0.2">
      <c r="A100" s="31">
        <v>78</v>
      </c>
      <c r="B100" s="27">
        <v>7</v>
      </c>
      <c r="C100" s="28">
        <v>6</v>
      </c>
      <c r="D100" s="29">
        <v>13</v>
      </c>
    </row>
    <row r="101" spans="1:4" ht="18" customHeight="1" x14ac:dyDescent="0.2">
      <c r="A101" s="31">
        <v>79</v>
      </c>
      <c r="B101" s="27">
        <v>1</v>
      </c>
      <c r="C101" s="28">
        <v>4</v>
      </c>
      <c r="D101" s="29">
        <v>5</v>
      </c>
    </row>
    <row r="102" spans="1:4" ht="18" customHeight="1" x14ac:dyDescent="0.2">
      <c r="A102" s="31" t="s">
        <v>65</v>
      </c>
      <c r="B102" s="27">
        <v>22</v>
      </c>
      <c r="C102" s="28">
        <v>25</v>
      </c>
      <c r="D102" s="29">
        <v>47</v>
      </c>
    </row>
    <row r="103" spans="1:4" ht="18" customHeight="1" x14ac:dyDescent="0.2">
      <c r="A103" s="31">
        <v>80</v>
      </c>
      <c r="B103" s="27">
        <v>5</v>
      </c>
      <c r="C103" s="28">
        <v>5</v>
      </c>
      <c r="D103" s="29">
        <v>10</v>
      </c>
    </row>
    <row r="104" spans="1:4" ht="18" customHeight="1" x14ac:dyDescent="0.2">
      <c r="A104" s="31">
        <v>81</v>
      </c>
      <c r="B104" s="27">
        <v>3</v>
      </c>
      <c r="C104" s="28">
        <v>8</v>
      </c>
      <c r="D104" s="29">
        <v>11</v>
      </c>
    </row>
    <row r="105" spans="1:4" ht="18" customHeight="1" x14ac:dyDescent="0.2">
      <c r="A105" s="31">
        <v>82</v>
      </c>
      <c r="B105" s="27">
        <v>4</v>
      </c>
      <c r="C105" s="28">
        <v>5</v>
      </c>
      <c r="D105" s="29">
        <v>9</v>
      </c>
    </row>
    <row r="106" spans="1:4" ht="18" customHeight="1" x14ac:dyDescent="0.2">
      <c r="A106" s="31">
        <v>83</v>
      </c>
      <c r="B106" s="27">
        <v>5</v>
      </c>
      <c r="C106" s="28">
        <v>4</v>
      </c>
      <c r="D106" s="29">
        <v>9</v>
      </c>
    </row>
    <row r="107" spans="1:4" ht="18" customHeight="1" x14ac:dyDescent="0.2">
      <c r="A107" s="31">
        <v>84</v>
      </c>
      <c r="B107" s="27">
        <v>4</v>
      </c>
      <c r="C107" s="28">
        <v>7</v>
      </c>
      <c r="D107" s="29">
        <v>11</v>
      </c>
    </row>
    <row r="108" spans="1:4" ht="18" customHeight="1" x14ac:dyDescent="0.2">
      <c r="A108" s="31" t="s">
        <v>66</v>
      </c>
      <c r="B108" s="27">
        <v>21</v>
      </c>
      <c r="C108" s="28">
        <v>29</v>
      </c>
      <c r="D108" s="29">
        <v>50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2</v>
      </c>
      <c r="C110" s="28">
        <v>6</v>
      </c>
      <c r="D110" s="29">
        <v>8</v>
      </c>
    </row>
    <row r="111" spans="1:4" ht="18" customHeight="1" x14ac:dyDescent="0.2">
      <c r="A111" s="31">
        <v>87</v>
      </c>
      <c r="B111" s="27">
        <v>2</v>
      </c>
      <c r="C111" s="28">
        <v>4</v>
      </c>
      <c r="D111" s="29">
        <v>6</v>
      </c>
    </row>
    <row r="112" spans="1:4" ht="18" customHeight="1" x14ac:dyDescent="0.2">
      <c r="A112" s="31">
        <v>88</v>
      </c>
      <c r="B112" s="27">
        <v>1</v>
      </c>
      <c r="C112" s="28">
        <v>9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7</v>
      </c>
      <c r="C114" s="28">
        <v>29</v>
      </c>
      <c r="D114" s="29">
        <v>36</v>
      </c>
    </row>
    <row r="115" spans="1:4" ht="18" customHeight="1" x14ac:dyDescent="0.2">
      <c r="A115" s="31">
        <v>90</v>
      </c>
      <c r="B115" s="27">
        <v>1</v>
      </c>
      <c r="C115" s="28">
        <v>12</v>
      </c>
      <c r="D115" s="29">
        <v>13</v>
      </c>
    </row>
    <row r="116" spans="1:4" ht="18" customHeight="1" x14ac:dyDescent="0.2">
      <c r="A116" s="31">
        <v>91</v>
      </c>
      <c r="B116" s="27">
        <v>5</v>
      </c>
      <c r="C116" s="28">
        <v>9</v>
      </c>
      <c r="D116" s="29">
        <v>14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6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10</v>
      </c>
      <c r="C120" s="28">
        <v>35</v>
      </c>
      <c r="D120" s="29">
        <v>45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5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4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53</v>
      </c>
      <c r="C130" s="5">
        <v>208</v>
      </c>
      <c r="D130" s="6">
        <v>361</v>
      </c>
    </row>
    <row r="131" spans="1:4" ht="18" customHeight="1" x14ac:dyDescent="0.2">
      <c r="A131" s="33" t="s">
        <v>47</v>
      </c>
      <c r="B131" s="7">
        <v>357</v>
      </c>
      <c r="C131" s="8">
        <v>381</v>
      </c>
      <c r="D131" s="9">
        <v>73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0</v>
      </c>
      <c r="C10" s="28">
        <v>2</v>
      </c>
      <c r="D10" s="29">
        <v>2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2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3</v>
      </c>
      <c r="D16" s="29">
        <v>3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1</v>
      </c>
      <c r="C22" s="28">
        <v>0</v>
      </c>
      <c r="D22" s="29">
        <v>1</v>
      </c>
    </row>
    <row r="23" spans="1:4" ht="18" customHeight="1" x14ac:dyDescent="0.2">
      <c r="A23" s="31" t="s">
        <v>51</v>
      </c>
      <c r="B23" s="27">
        <v>1</v>
      </c>
      <c r="C23" s="28">
        <v>5</v>
      </c>
      <c r="D23" s="29">
        <v>6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2</v>
      </c>
      <c r="D27" s="29">
        <v>2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2</v>
      </c>
      <c r="C29" s="28">
        <v>3</v>
      </c>
      <c r="D29" s="29">
        <v>5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2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4</v>
      </c>
      <c r="D35" s="29">
        <v>5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3</v>
      </c>
      <c r="C41" s="28">
        <v>2</v>
      </c>
      <c r="D41" s="29">
        <v>5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6</v>
      </c>
      <c r="C47" s="28">
        <v>2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4</v>
      </c>
      <c r="C50" s="28">
        <v>0</v>
      </c>
      <c r="D50" s="29">
        <v>4</v>
      </c>
    </row>
    <row r="51" spans="1:4" ht="18" customHeight="1" x14ac:dyDescent="0.2">
      <c r="A51" s="31">
        <v>38</v>
      </c>
      <c r="B51" s="27">
        <v>0</v>
      </c>
      <c r="C51" s="28">
        <v>2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0</v>
      </c>
      <c r="D52" s="29">
        <v>2</v>
      </c>
    </row>
    <row r="53" spans="1:4" ht="18" customHeight="1" x14ac:dyDescent="0.2">
      <c r="A53" s="31" t="s">
        <v>56</v>
      </c>
      <c r="B53" s="27">
        <v>6</v>
      </c>
      <c r="C53" s="28">
        <v>4</v>
      </c>
      <c r="D53" s="29">
        <v>10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2</v>
      </c>
      <c r="C59" s="28">
        <v>2</v>
      </c>
      <c r="D59" s="29">
        <v>4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2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2</v>
      </c>
      <c r="D69" s="29">
        <v>2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3</v>
      </c>
      <c r="C71" s="28">
        <v>5</v>
      </c>
      <c r="D71" s="29">
        <v>8</v>
      </c>
    </row>
    <row r="72" spans="1:4" ht="18" customHeight="1" x14ac:dyDescent="0.2">
      <c r="A72" s="31">
        <v>55</v>
      </c>
      <c r="B72" s="27">
        <v>1</v>
      </c>
      <c r="C72" s="28">
        <v>0</v>
      </c>
      <c r="D72" s="29">
        <v>1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1</v>
      </c>
      <c r="C75" s="28">
        <v>3</v>
      </c>
      <c r="D75" s="29">
        <v>4</v>
      </c>
    </row>
    <row r="76" spans="1:4" ht="18" customHeight="1" x14ac:dyDescent="0.2">
      <c r="A76" s="31">
        <v>59</v>
      </c>
      <c r="B76" s="27">
        <v>2</v>
      </c>
      <c r="C76" s="28">
        <v>0</v>
      </c>
      <c r="D76" s="29">
        <v>2</v>
      </c>
    </row>
    <row r="77" spans="1:4" ht="18" customHeight="1" x14ac:dyDescent="0.2">
      <c r="A77" s="31" t="s">
        <v>60</v>
      </c>
      <c r="B77" s="27">
        <v>6</v>
      </c>
      <c r="C77" s="28">
        <v>4</v>
      </c>
      <c r="D77" s="29">
        <v>10</v>
      </c>
    </row>
    <row r="78" spans="1:4" ht="18" customHeight="1" x14ac:dyDescent="0.2">
      <c r="A78" s="31">
        <v>60</v>
      </c>
      <c r="B78" s="27">
        <v>2</v>
      </c>
      <c r="C78" s="28">
        <v>1</v>
      </c>
      <c r="D78" s="29">
        <v>3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2</v>
      </c>
      <c r="C80" s="28">
        <v>4</v>
      </c>
      <c r="D80" s="29">
        <v>6</v>
      </c>
    </row>
    <row r="81" spans="1:4" ht="18" customHeight="1" x14ac:dyDescent="0.2">
      <c r="A81" s="31">
        <v>63</v>
      </c>
      <c r="B81" s="27">
        <v>0</v>
      </c>
      <c r="C81" s="28">
        <v>5</v>
      </c>
      <c r="D81" s="29">
        <v>5</v>
      </c>
    </row>
    <row r="82" spans="1:4" ht="18" customHeight="1" x14ac:dyDescent="0.2">
      <c r="A82" s="31">
        <v>64</v>
      </c>
      <c r="B82" s="27">
        <v>0</v>
      </c>
      <c r="C82" s="28">
        <v>2</v>
      </c>
      <c r="D82" s="29">
        <v>2</v>
      </c>
    </row>
    <row r="83" spans="1:4" ht="18" customHeight="1" x14ac:dyDescent="0.2">
      <c r="A83" s="31" t="s">
        <v>61</v>
      </c>
      <c r="B83" s="27">
        <v>4</v>
      </c>
      <c r="C83" s="28">
        <v>12</v>
      </c>
      <c r="D83" s="29">
        <v>16</v>
      </c>
    </row>
    <row r="84" spans="1:4" ht="18" customHeight="1" x14ac:dyDescent="0.2">
      <c r="A84" s="31" t="s">
        <v>62</v>
      </c>
      <c r="B84" s="27">
        <v>34</v>
      </c>
      <c r="C84" s="28">
        <v>40</v>
      </c>
      <c r="D84" s="29">
        <v>74</v>
      </c>
    </row>
    <row r="85" spans="1:4" ht="18" customHeight="1" x14ac:dyDescent="0.2">
      <c r="A85" s="31">
        <v>65</v>
      </c>
      <c r="B85" s="27">
        <v>2</v>
      </c>
      <c r="C85" s="28">
        <v>1</v>
      </c>
      <c r="D85" s="29">
        <v>3</v>
      </c>
    </row>
    <row r="86" spans="1:4" ht="18" customHeight="1" x14ac:dyDescent="0.2">
      <c r="A86" s="31">
        <v>66</v>
      </c>
      <c r="B86" s="27">
        <v>2</v>
      </c>
      <c r="C86" s="28">
        <v>1</v>
      </c>
      <c r="D86" s="29">
        <v>3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2</v>
      </c>
      <c r="C88" s="28">
        <v>0</v>
      </c>
      <c r="D88" s="29">
        <v>2</v>
      </c>
    </row>
    <row r="89" spans="1:4" ht="18" customHeight="1" x14ac:dyDescent="0.2">
      <c r="A89" s="31">
        <v>69</v>
      </c>
      <c r="B89" s="27">
        <v>4</v>
      </c>
      <c r="C89" s="28">
        <v>0</v>
      </c>
      <c r="D89" s="29">
        <v>4</v>
      </c>
    </row>
    <row r="90" spans="1:4" ht="18" customHeight="1" x14ac:dyDescent="0.2">
      <c r="A90" s="31" t="s">
        <v>63</v>
      </c>
      <c r="B90" s="27">
        <v>12</v>
      </c>
      <c r="C90" s="28">
        <v>4</v>
      </c>
      <c r="D90" s="29">
        <v>16</v>
      </c>
    </row>
    <row r="91" spans="1:4" ht="18" customHeight="1" x14ac:dyDescent="0.2">
      <c r="A91" s="31">
        <v>70</v>
      </c>
      <c r="B91" s="27">
        <v>3</v>
      </c>
      <c r="C91" s="28">
        <v>1</v>
      </c>
      <c r="D91" s="29">
        <v>4</v>
      </c>
    </row>
    <row r="92" spans="1:4" ht="18" customHeight="1" x14ac:dyDescent="0.2">
      <c r="A92" s="31">
        <v>71</v>
      </c>
      <c r="B92" s="27">
        <v>4</v>
      </c>
      <c r="C92" s="28">
        <v>4</v>
      </c>
      <c r="D92" s="29">
        <v>8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64</v>
      </c>
      <c r="B96" s="27">
        <v>10</v>
      </c>
      <c r="C96" s="28">
        <v>9</v>
      </c>
      <c r="D96" s="29">
        <v>19</v>
      </c>
    </row>
    <row r="97" spans="1:4" ht="18" customHeight="1" x14ac:dyDescent="0.2">
      <c r="A97" s="31">
        <v>75</v>
      </c>
      <c r="B97" s="27">
        <v>1</v>
      </c>
      <c r="C97" s="28">
        <v>2</v>
      </c>
      <c r="D97" s="29">
        <v>3</v>
      </c>
    </row>
    <row r="98" spans="1:4" ht="18" customHeight="1" x14ac:dyDescent="0.2">
      <c r="A98" s="31">
        <v>76</v>
      </c>
      <c r="B98" s="27">
        <v>2</v>
      </c>
      <c r="C98" s="28">
        <v>0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4</v>
      </c>
      <c r="D99" s="29">
        <v>4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2</v>
      </c>
      <c r="C101" s="28">
        <v>4</v>
      </c>
      <c r="D101" s="29">
        <v>6</v>
      </c>
    </row>
    <row r="102" spans="1:4" ht="18" customHeight="1" x14ac:dyDescent="0.2">
      <c r="A102" s="31" t="s">
        <v>65</v>
      </c>
      <c r="B102" s="27">
        <v>5</v>
      </c>
      <c r="C102" s="28">
        <v>10</v>
      </c>
      <c r="D102" s="29">
        <v>15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3</v>
      </c>
      <c r="C104" s="28">
        <v>4</v>
      </c>
      <c r="D104" s="29">
        <v>7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3</v>
      </c>
      <c r="C106" s="28">
        <v>3</v>
      </c>
      <c r="D106" s="29">
        <v>6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9</v>
      </c>
      <c r="C108" s="28">
        <v>12</v>
      </c>
      <c r="D108" s="29">
        <v>21</v>
      </c>
    </row>
    <row r="109" spans="1:4" ht="18" customHeight="1" x14ac:dyDescent="0.2">
      <c r="A109" s="31">
        <v>85</v>
      </c>
      <c r="B109" s="27">
        <v>2</v>
      </c>
      <c r="C109" s="28">
        <v>4</v>
      </c>
      <c r="D109" s="29">
        <v>6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5</v>
      </c>
      <c r="C114" s="28">
        <v>8</v>
      </c>
      <c r="D114" s="29">
        <v>13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6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2</v>
      </c>
      <c r="C130" s="5">
        <v>51</v>
      </c>
      <c r="D130" s="6">
        <v>93</v>
      </c>
    </row>
    <row r="131" spans="1:4" ht="18" customHeight="1" x14ac:dyDescent="0.2">
      <c r="A131" s="33" t="s">
        <v>47</v>
      </c>
      <c r="B131" s="7">
        <v>77</v>
      </c>
      <c r="C131" s="8">
        <v>96</v>
      </c>
      <c r="D131" s="9">
        <v>17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0</v>
      </c>
      <c r="D10" s="29">
        <v>1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3</v>
      </c>
      <c r="C23" s="28">
        <v>0</v>
      </c>
      <c r="D23" s="29">
        <v>3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1</v>
      </c>
      <c r="D35" s="29">
        <v>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</v>
      </c>
      <c r="C41" s="28">
        <v>0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0</v>
      </c>
      <c r="C59" s="28">
        <v>1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3</v>
      </c>
      <c r="C65" s="28">
        <v>0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0</v>
      </c>
      <c r="C71" s="28">
        <v>2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1</v>
      </c>
      <c r="C79" s="28">
        <v>1</v>
      </c>
      <c r="D79" s="29">
        <v>2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2</v>
      </c>
      <c r="C83" s="28">
        <v>1</v>
      </c>
      <c r="D83" s="29">
        <v>3</v>
      </c>
    </row>
    <row r="84" spans="1:4" ht="18" customHeight="1" x14ac:dyDescent="0.2">
      <c r="A84" s="31" t="s">
        <v>62</v>
      </c>
      <c r="B84" s="27">
        <v>8</v>
      </c>
      <c r="C84" s="28">
        <v>5</v>
      </c>
      <c r="D84" s="29">
        <v>13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2</v>
      </c>
      <c r="C87" s="28">
        <v>0</v>
      </c>
      <c r="D87" s="29">
        <v>2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1</v>
      </c>
      <c r="C89" s="28">
        <v>0</v>
      </c>
      <c r="D89" s="29">
        <v>1</v>
      </c>
    </row>
    <row r="90" spans="1:4" ht="18" customHeight="1" x14ac:dyDescent="0.2">
      <c r="A90" s="31" t="s">
        <v>63</v>
      </c>
      <c r="B90" s="27">
        <v>5</v>
      </c>
      <c r="C90" s="28">
        <v>0</v>
      </c>
      <c r="D90" s="29">
        <v>5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2</v>
      </c>
      <c r="C93" s="28">
        <v>0</v>
      </c>
      <c r="D93" s="29">
        <v>2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2</v>
      </c>
      <c r="C96" s="28">
        <v>2</v>
      </c>
      <c r="D96" s="29">
        <v>4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65</v>
      </c>
      <c r="B102" s="27">
        <v>1</v>
      </c>
      <c r="C102" s="28">
        <v>3</v>
      </c>
      <c r="D102" s="29">
        <v>4</v>
      </c>
    </row>
    <row r="103" spans="1:4" ht="18" customHeight="1" x14ac:dyDescent="0.2">
      <c r="A103" s="31">
        <v>80</v>
      </c>
      <c r="B103" s="27">
        <v>2</v>
      </c>
      <c r="C103" s="28">
        <v>1</v>
      </c>
      <c r="D103" s="29">
        <v>3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4</v>
      </c>
      <c r="D106" s="29">
        <v>5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7</v>
      </c>
      <c r="C108" s="28">
        <v>8</v>
      </c>
      <c r="D108" s="29">
        <v>15</v>
      </c>
    </row>
    <row r="109" spans="1:4" ht="18" customHeight="1" x14ac:dyDescent="0.2">
      <c r="A109" s="31">
        <v>85</v>
      </c>
      <c r="B109" s="27">
        <v>1</v>
      </c>
      <c r="C109" s="28">
        <v>0</v>
      </c>
      <c r="D109" s="29">
        <v>1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1</v>
      </c>
      <c r="C112" s="28">
        <v>0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4</v>
      </c>
      <c r="C114" s="28">
        <v>1</v>
      </c>
      <c r="D114" s="29">
        <v>5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0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1</v>
      </c>
      <c r="C130" s="5">
        <v>16</v>
      </c>
      <c r="D130" s="6">
        <v>37</v>
      </c>
    </row>
    <row r="131" spans="1:4" ht="18" customHeight="1" x14ac:dyDescent="0.2">
      <c r="A131" s="33" t="s">
        <v>47</v>
      </c>
      <c r="B131" s="7">
        <v>32</v>
      </c>
      <c r="C131" s="8">
        <v>21</v>
      </c>
      <c r="D131" s="9">
        <v>5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8</v>
      </c>
      <c r="C5" s="37">
        <v>50</v>
      </c>
      <c r="D5" s="39">
        <v>88</v>
      </c>
    </row>
    <row r="6" spans="1:4" ht="18" customHeight="1" x14ac:dyDescent="0.2">
      <c r="A6" s="31">
        <v>1</v>
      </c>
      <c r="B6" s="35">
        <v>46</v>
      </c>
      <c r="C6" s="28">
        <v>52</v>
      </c>
      <c r="D6" s="29">
        <v>98</v>
      </c>
    </row>
    <row r="7" spans="1:4" ht="18" customHeight="1" x14ac:dyDescent="0.2">
      <c r="A7" s="31">
        <v>2</v>
      </c>
      <c r="B7" s="35">
        <v>57</v>
      </c>
      <c r="C7" s="28">
        <v>63</v>
      </c>
      <c r="D7" s="29">
        <v>120</v>
      </c>
    </row>
    <row r="8" spans="1:4" ht="18" customHeight="1" x14ac:dyDescent="0.2">
      <c r="A8" s="31">
        <v>3</v>
      </c>
      <c r="B8" s="35">
        <v>59</v>
      </c>
      <c r="C8" s="28">
        <v>61</v>
      </c>
      <c r="D8" s="29">
        <v>120</v>
      </c>
    </row>
    <row r="9" spans="1:4" ht="18" customHeight="1" x14ac:dyDescent="0.2">
      <c r="A9" s="31">
        <v>4</v>
      </c>
      <c r="B9" s="36">
        <v>60</v>
      </c>
      <c r="C9" s="38">
        <v>71</v>
      </c>
      <c r="D9" s="40">
        <v>131</v>
      </c>
    </row>
    <row r="10" spans="1:4" ht="18" customHeight="1" x14ac:dyDescent="0.2">
      <c r="A10" s="31" t="s">
        <v>48</v>
      </c>
      <c r="B10" s="27">
        <v>260</v>
      </c>
      <c r="C10" s="28">
        <v>297</v>
      </c>
      <c r="D10" s="29">
        <v>557</v>
      </c>
    </row>
    <row r="11" spans="1:4" ht="18" customHeight="1" x14ac:dyDescent="0.2">
      <c r="A11" s="31">
        <v>5</v>
      </c>
      <c r="B11" s="35">
        <v>56</v>
      </c>
      <c r="C11" s="28">
        <v>59</v>
      </c>
      <c r="D11" s="29">
        <v>115</v>
      </c>
    </row>
    <row r="12" spans="1:4" ht="18" customHeight="1" x14ac:dyDescent="0.2">
      <c r="A12" s="31">
        <v>6</v>
      </c>
      <c r="B12" s="35">
        <v>70</v>
      </c>
      <c r="C12" s="28">
        <v>66</v>
      </c>
      <c r="D12" s="29">
        <v>136</v>
      </c>
    </row>
    <row r="13" spans="1:4" ht="18" customHeight="1" x14ac:dyDescent="0.2">
      <c r="A13" s="31">
        <v>7</v>
      </c>
      <c r="B13" s="35">
        <v>64</v>
      </c>
      <c r="C13" s="28">
        <v>66</v>
      </c>
      <c r="D13" s="29">
        <v>130</v>
      </c>
    </row>
    <row r="14" spans="1:4" ht="18" customHeight="1" x14ac:dyDescent="0.2">
      <c r="A14" s="31">
        <v>8</v>
      </c>
      <c r="B14" s="35">
        <v>69</v>
      </c>
      <c r="C14" s="28">
        <v>65</v>
      </c>
      <c r="D14" s="29">
        <v>134</v>
      </c>
    </row>
    <row r="15" spans="1:4" ht="18" customHeight="1" x14ac:dyDescent="0.2">
      <c r="A15" s="31">
        <v>9</v>
      </c>
      <c r="B15" s="35">
        <v>68</v>
      </c>
      <c r="C15" s="28">
        <v>92</v>
      </c>
      <c r="D15" s="29">
        <v>160</v>
      </c>
    </row>
    <row r="16" spans="1:4" ht="18" customHeight="1" x14ac:dyDescent="0.2">
      <c r="A16" s="31" t="s">
        <v>49</v>
      </c>
      <c r="B16" s="27">
        <v>327</v>
      </c>
      <c r="C16" s="28">
        <v>348</v>
      </c>
      <c r="D16" s="29">
        <v>675</v>
      </c>
    </row>
    <row r="17" spans="1:4" ht="18" customHeight="1" x14ac:dyDescent="0.2">
      <c r="A17" s="31">
        <v>10</v>
      </c>
      <c r="B17" s="27">
        <v>73</v>
      </c>
      <c r="C17" s="28">
        <v>70</v>
      </c>
      <c r="D17" s="29">
        <v>143</v>
      </c>
    </row>
    <row r="18" spans="1:4" ht="18" customHeight="1" x14ac:dyDescent="0.2">
      <c r="A18" s="31">
        <v>11</v>
      </c>
      <c r="B18" s="27">
        <v>89</v>
      </c>
      <c r="C18" s="28">
        <v>79</v>
      </c>
      <c r="D18" s="29">
        <v>168</v>
      </c>
    </row>
    <row r="19" spans="1:4" ht="18" customHeight="1" x14ac:dyDescent="0.2">
      <c r="A19" s="31">
        <v>12</v>
      </c>
      <c r="B19" s="27">
        <v>82</v>
      </c>
      <c r="C19" s="28">
        <v>67</v>
      </c>
      <c r="D19" s="29">
        <v>149</v>
      </c>
    </row>
    <row r="20" spans="1:4" ht="18" customHeight="1" x14ac:dyDescent="0.2">
      <c r="A20" s="31">
        <v>13</v>
      </c>
      <c r="B20" s="27">
        <v>104</v>
      </c>
      <c r="C20" s="28">
        <v>86</v>
      </c>
      <c r="D20" s="29">
        <v>190</v>
      </c>
    </row>
    <row r="21" spans="1:4" ht="18" customHeight="1" x14ac:dyDescent="0.2">
      <c r="A21" s="31">
        <v>14</v>
      </c>
      <c r="B21" s="27">
        <v>89</v>
      </c>
      <c r="C21" s="28">
        <v>85</v>
      </c>
      <c r="D21" s="29">
        <v>174</v>
      </c>
    </row>
    <row r="22" spans="1:4" ht="18" customHeight="1" x14ac:dyDescent="0.2">
      <c r="A22" s="31" t="s">
        <v>50</v>
      </c>
      <c r="B22" s="27">
        <v>437</v>
      </c>
      <c r="C22" s="28">
        <v>387</v>
      </c>
      <c r="D22" s="29">
        <v>824</v>
      </c>
    </row>
    <row r="23" spans="1:4" ht="18" customHeight="1" x14ac:dyDescent="0.2">
      <c r="A23" s="31" t="s">
        <v>51</v>
      </c>
      <c r="B23" s="27">
        <v>1024</v>
      </c>
      <c r="C23" s="28">
        <v>1032</v>
      </c>
      <c r="D23" s="29">
        <v>2056</v>
      </c>
    </row>
    <row r="24" spans="1:4" ht="18" customHeight="1" x14ac:dyDescent="0.2">
      <c r="A24" s="31">
        <v>15</v>
      </c>
      <c r="B24" s="27">
        <v>97</v>
      </c>
      <c r="C24" s="28">
        <v>91</v>
      </c>
      <c r="D24" s="29">
        <v>188</v>
      </c>
    </row>
    <row r="25" spans="1:4" ht="18" customHeight="1" x14ac:dyDescent="0.2">
      <c r="A25" s="31">
        <v>16</v>
      </c>
      <c r="B25" s="27">
        <v>98</v>
      </c>
      <c r="C25" s="28">
        <v>95</v>
      </c>
      <c r="D25" s="29">
        <v>193</v>
      </c>
    </row>
    <row r="26" spans="1:4" ht="18" customHeight="1" x14ac:dyDescent="0.2">
      <c r="A26" s="31">
        <v>17</v>
      </c>
      <c r="B26" s="27">
        <v>117</v>
      </c>
      <c r="C26" s="28">
        <v>91</v>
      </c>
      <c r="D26" s="29">
        <v>208</v>
      </c>
    </row>
    <row r="27" spans="1:4" ht="18" customHeight="1" x14ac:dyDescent="0.2">
      <c r="A27" s="31">
        <v>18</v>
      </c>
      <c r="B27" s="27">
        <v>106</v>
      </c>
      <c r="C27" s="28">
        <v>95</v>
      </c>
      <c r="D27" s="29">
        <v>201</v>
      </c>
    </row>
    <row r="28" spans="1:4" ht="18" customHeight="1" x14ac:dyDescent="0.2">
      <c r="A28" s="31">
        <v>19</v>
      </c>
      <c r="B28" s="27">
        <v>89</v>
      </c>
      <c r="C28" s="28">
        <v>116</v>
      </c>
      <c r="D28" s="29">
        <v>205</v>
      </c>
    </row>
    <row r="29" spans="1:4" ht="18" customHeight="1" x14ac:dyDescent="0.2">
      <c r="A29" s="31" t="s">
        <v>52</v>
      </c>
      <c r="B29" s="27">
        <v>507</v>
      </c>
      <c r="C29" s="28">
        <v>488</v>
      </c>
      <c r="D29" s="29">
        <v>995</v>
      </c>
    </row>
    <row r="30" spans="1:4" ht="18" customHeight="1" x14ac:dyDescent="0.2">
      <c r="A30" s="31">
        <v>20</v>
      </c>
      <c r="B30" s="27">
        <v>109</v>
      </c>
      <c r="C30" s="28">
        <v>113</v>
      </c>
      <c r="D30" s="29">
        <v>222</v>
      </c>
    </row>
    <row r="31" spans="1:4" ht="18" customHeight="1" x14ac:dyDescent="0.2">
      <c r="A31" s="31">
        <v>21</v>
      </c>
      <c r="B31" s="27">
        <v>115</v>
      </c>
      <c r="C31" s="28">
        <v>90</v>
      </c>
      <c r="D31" s="29">
        <v>205</v>
      </c>
    </row>
    <row r="32" spans="1:4" ht="18" customHeight="1" x14ac:dyDescent="0.2">
      <c r="A32" s="31">
        <v>22</v>
      </c>
      <c r="B32" s="27">
        <v>89</v>
      </c>
      <c r="C32" s="28">
        <v>89</v>
      </c>
      <c r="D32" s="29">
        <v>178</v>
      </c>
    </row>
    <row r="33" spans="1:4" ht="18" customHeight="1" x14ac:dyDescent="0.2">
      <c r="A33" s="31">
        <v>23</v>
      </c>
      <c r="B33" s="27">
        <v>110</v>
      </c>
      <c r="C33" s="28">
        <v>84</v>
      </c>
      <c r="D33" s="29">
        <v>194</v>
      </c>
    </row>
    <row r="34" spans="1:4" ht="18" customHeight="1" x14ac:dyDescent="0.2">
      <c r="A34" s="31">
        <v>24</v>
      </c>
      <c r="B34" s="27">
        <v>96</v>
      </c>
      <c r="C34" s="28">
        <v>74</v>
      </c>
      <c r="D34" s="29">
        <v>170</v>
      </c>
    </row>
    <row r="35" spans="1:4" ht="18" customHeight="1" x14ac:dyDescent="0.2">
      <c r="A35" s="31" t="s">
        <v>53</v>
      </c>
      <c r="B35" s="27">
        <v>519</v>
      </c>
      <c r="C35" s="28">
        <v>450</v>
      </c>
      <c r="D35" s="29">
        <v>969</v>
      </c>
    </row>
    <row r="36" spans="1:4" ht="18" customHeight="1" x14ac:dyDescent="0.2">
      <c r="A36" s="31">
        <v>25</v>
      </c>
      <c r="B36" s="27">
        <v>100</v>
      </c>
      <c r="C36" s="28">
        <v>66</v>
      </c>
      <c r="D36" s="29">
        <v>166</v>
      </c>
    </row>
    <row r="37" spans="1:4" ht="18" customHeight="1" x14ac:dyDescent="0.2">
      <c r="A37" s="31">
        <v>26</v>
      </c>
      <c r="B37" s="27">
        <v>67</v>
      </c>
      <c r="C37" s="28">
        <v>65</v>
      </c>
      <c r="D37" s="29">
        <v>132</v>
      </c>
    </row>
    <row r="38" spans="1:4" ht="18" customHeight="1" x14ac:dyDescent="0.2">
      <c r="A38" s="31">
        <v>27</v>
      </c>
      <c r="B38" s="27">
        <v>86</v>
      </c>
      <c r="C38" s="28">
        <v>70</v>
      </c>
      <c r="D38" s="29">
        <v>156</v>
      </c>
    </row>
    <row r="39" spans="1:4" ht="18" customHeight="1" x14ac:dyDescent="0.2">
      <c r="A39" s="31">
        <v>28</v>
      </c>
      <c r="B39" s="27">
        <v>91</v>
      </c>
      <c r="C39" s="28">
        <v>52</v>
      </c>
      <c r="D39" s="29">
        <v>143</v>
      </c>
    </row>
    <row r="40" spans="1:4" ht="18" customHeight="1" x14ac:dyDescent="0.2">
      <c r="A40" s="31">
        <v>29</v>
      </c>
      <c r="B40" s="27">
        <v>74</v>
      </c>
      <c r="C40" s="28">
        <v>63</v>
      </c>
      <c r="D40" s="29">
        <v>137</v>
      </c>
    </row>
    <row r="41" spans="1:4" ht="18" customHeight="1" x14ac:dyDescent="0.2">
      <c r="A41" s="31" t="s">
        <v>54</v>
      </c>
      <c r="B41" s="27">
        <v>418</v>
      </c>
      <c r="C41" s="28">
        <v>316</v>
      </c>
      <c r="D41" s="29">
        <v>734</v>
      </c>
    </row>
    <row r="42" spans="1:4" ht="18" customHeight="1" x14ac:dyDescent="0.2">
      <c r="A42" s="31">
        <v>30</v>
      </c>
      <c r="B42" s="27">
        <v>84</v>
      </c>
      <c r="C42" s="28">
        <v>68</v>
      </c>
      <c r="D42" s="29">
        <v>152</v>
      </c>
    </row>
    <row r="43" spans="1:4" ht="18" customHeight="1" x14ac:dyDescent="0.2">
      <c r="A43" s="31">
        <v>31</v>
      </c>
      <c r="B43" s="27">
        <v>84</v>
      </c>
      <c r="C43" s="28">
        <v>70</v>
      </c>
      <c r="D43" s="29">
        <v>154</v>
      </c>
    </row>
    <row r="44" spans="1:4" ht="18" customHeight="1" x14ac:dyDescent="0.2">
      <c r="A44" s="31">
        <v>32</v>
      </c>
      <c r="B44" s="27">
        <v>97</v>
      </c>
      <c r="C44" s="28">
        <v>86</v>
      </c>
      <c r="D44" s="29">
        <v>183</v>
      </c>
    </row>
    <row r="45" spans="1:4" ht="18" customHeight="1" x14ac:dyDescent="0.2">
      <c r="A45" s="31">
        <v>33</v>
      </c>
      <c r="B45" s="27">
        <v>85</v>
      </c>
      <c r="C45" s="28">
        <v>81</v>
      </c>
      <c r="D45" s="29">
        <v>166</v>
      </c>
    </row>
    <row r="46" spans="1:4" ht="18" customHeight="1" x14ac:dyDescent="0.2">
      <c r="A46" s="31">
        <v>34</v>
      </c>
      <c r="B46" s="27">
        <v>86</v>
      </c>
      <c r="C46" s="28">
        <v>88</v>
      </c>
      <c r="D46" s="29">
        <v>174</v>
      </c>
    </row>
    <row r="47" spans="1:4" ht="18" customHeight="1" x14ac:dyDescent="0.2">
      <c r="A47" s="31" t="s">
        <v>55</v>
      </c>
      <c r="B47" s="27">
        <v>436</v>
      </c>
      <c r="C47" s="28">
        <v>393</v>
      </c>
      <c r="D47" s="29">
        <v>829</v>
      </c>
    </row>
    <row r="48" spans="1:4" ht="18" customHeight="1" x14ac:dyDescent="0.2">
      <c r="A48" s="31">
        <v>35</v>
      </c>
      <c r="B48" s="27">
        <v>96</v>
      </c>
      <c r="C48" s="28">
        <v>98</v>
      </c>
      <c r="D48" s="29">
        <v>194</v>
      </c>
    </row>
    <row r="49" spans="1:4" ht="18" customHeight="1" x14ac:dyDescent="0.2">
      <c r="A49" s="31">
        <v>36</v>
      </c>
      <c r="B49" s="27">
        <v>100</v>
      </c>
      <c r="C49" s="28">
        <v>98</v>
      </c>
      <c r="D49" s="29">
        <v>198</v>
      </c>
    </row>
    <row r="50" spans="1:4" ht="18" customHeight="1" x14ac:dyDescent="0.2">
      <c r="A50" s="31">
        <v>37</v>
      </c>
      <c r="B50" s="27">
        <v>106</v>
      </c>
      <c r="C50" s="28">
        <v>112</v>
      </c>
      <c r="D50" s="29">
        <v>218</v>
      </c>
    </row>
    <row r="51" spans="1:4" ht="18" customHeight="1" x14ac:dyDescent="0.2">
      <c r="A51" s="31">
        <v>38</v>
      </c>
      <c r="B51" s="27">
        <v>128</v>
      </c>
      <c r="C51" s="28">
        <v>101</v>
      </c>
      <c r="D51" s="29">
        <v>229</v>
      </c>
    </row>
    <row r="52" spans="1:4" ht="18" customHeight="1" x14ac:dyDescent="0.2">
      <c r="A52" s="31">
        <v>39</v>
      </c>
      <c r="B52" s="27">
        <v>104</v>
      </c>
      <c r="C52" s="28">
        <v>88</v>
      </c>
      <c r="D52" s="29">
        <v>192</v>
      </c>
    </row>
    <row r="53" spans="1:4" ht="18" customHeight="1" x14ac:dyDescent="0.2">
      <c r="A53" s="31" t="s">
        <v>56</v>
      </c>
      <c r="B53" s="27">
        <v>534</v>
      </c>
      <c r="C53" s="28">
        <v>497</v>
      </c>
      <c r="D53" s="29">
        <v>1031</v>
      </c>
    </row>
    <row r="54" spans="1:4" ht="18" customHeight="1" x14ac:dyDescent="0.2">
      <c r="A54" s="31">
        <v>40</v>
      </c>
      <c r="B54" s="27">
        <v>124</v>
      </c>
      <c r="C54" s="28">
        <v>110</v>
      </c>
      <c r="D54" s="29">
        <v>234</v>
      </c>
    </row>
    <row r="55" spans="1:4" ht="18" customHeight="1" x14ac:dyDescent="0.2">
      <c r="A55" s="31">
        <v>41</v>
      </c>
      <c r="B55" s="27">
        <v>117</v>
      </c>
      <c r="C55" s="28">
        <v>114</v>
      </c>
      <c r="D55" s="29">
        <v>231</v>
      </c>
    </row>
    <row r="56" spans="1:4" ht="18" customHeight="1" x14ac:dyDescent="0.2">
      <c r="A56" s="31">
        <v>42</v>
      </c>
      <c r="B56" s="27">
        <v>106</v>
      </c>
      <c r="C56" s="28">
        <v>119</v>
      </c>
      <c r="D56" s="29">
        <v>225</v>
      </c>
    </row>
    <row r="57" spans="1:4" ht="18" customHeight="1" x14ac:dyDescent="0.2">
      <c r="A57" s="31">
        <v>43</v>
      </c>
      <c r="B57" s="27">
        <v>131</v>
      </c>
      <c r="C57" s="28">
        <v>126</v>
      </c>
      <c r="D57" s="29">
        <v>257</v>
      </c>
    </row>
    <row r="58" spans="1:4" ht="18" customHeight="1" x14ac:dyDescent="0.2">
      <c r="A58" s="31">
        <v>44</v>
      </c>
      <c r="B58" s="27">
        <v>142</v>
      </c>
      <c r="C58" s="28">
        <v>134</v>
      </c>
      <c r="D58" s="29">
        <v>276</v>
      </c>
    </row>
    <row r="59" spans="1:4" ht="18" customHeight="1" x14ac:dyDescent="0.2">
      <c r="A59" s="31" t="s">
        <v>57</v>
      </c>
      <c r="B59" s="27">
        <v>620</v>
      </c>
      <c r="C59" s="28">
        <v>603</v>
      </c>
      <c r="D59" s="29">
        <v>1223</v>
      </c>
    </row>
    <row r="60" spans="1:4" ht="18" customHeight="1" x14ac:dyDescent="0.2">
      <c r="A60" s="31">
        <v>45</v>
      </c>
      <c r="B60" s="27">
        <v>132</v>
      </c>
      <c r="C60" s="28">
        <v>130</v>
      </c>
      <c r="D60" s="29">
        <v>262</v>
      </c>
    </row>
    <row r="61" spans="1:4" ht="18" customHeight="1" x14ac:dyDescent="0.2">
      <c r="A61" s="31">
        <v>46</v>
      </c>
      <c r="B61" s="27">
        <v>171</v>
      </c>
      <c r="C61" s="28">
        <v>132</v>
      </c>
      <c r="D61" s="29">
        <v>303</v>
      </c>
    </row>
    <row r="62" spans="1:4" ht="18" customHeight="1" x14ac:dyDescent="0.2">
      <c r="A62" s="31">
        <v>47</v>
      </c>
      <c r="B62" s="27">
        <v>145</v>
      </c>
      <c r="C62" s="28">
        <v>142</v>
      </c>
      <c r="D62" s="29">
        <v>287</v>
      </c>
    </row>
    <row r="63" spans="1:4" ht="18" customHeight="1" x14ac:dyDescent="0.2">
      <c r="A63" s="31">
        <v>48</v>
      </c>
      <c r="B63" s="27">
        <v>141</v>
      </c>
      <c r="C63" s="28">
        <v>131</v>
      </c>
      <c r="D63" s="29">
        <v>272</v>
      </c>
    </row>
    <row r="64" spans="1:4" ht="18" customHeight="1" x14ac:dyDescent="0.2">
      <c r="A64" s="31">
        <v>49</v>
      </c>
      <c r="B64" s="27">
        <v>153</v>
      </c>
      <c r="C64" s="28">
        <v>137</v>
      </c>
      <c r="D64" s="29">
        <v>290</v>
      </c>
    </row>
    <row r="65" spans="1:4" ht="18" customHeight="1" x14ac:dyDescent="0.2">
      <c r="A65" s="31" t="s">
        <v>58</v>
      </c>
      <c r="B65" s="27">
        <v>742</v>
      </c>
      <c r="C65" s="28">
        <v>672</v>
      </c>
      <c r="D65" s="29">
        <v>1414</v>
      </c>
    </row>
    <row r="66" spans="1:4" ht="18" customHeight="1" x14ac:dyDescent="0.2">
      <c r="A66" s="31">
        <v>50</v>
      </c>
      <c r="B66" s="27">
        <v>122</v>
      </c>
      <c r="C66" s="28">
        <v>120</v>
      </c>
      <c r="D66" s="29">
        <v>242</v>
      </c>
    </row>
    <row r="67" spans="1:4" ht="18" customHeight="1" x14ac:dyDescent="0.2">
      <c r="A67" s="31">
        <v>51</v>
      </c>
      <c r="B67" s="27">
        <v>112</v>
      </c>
      <c r="C67" s="28">
        <v>136</v>
      </c>
      <c r="D67" s="29">
        <v>248</v>
      </c>
    </row>
    <row r="68" spans="1:4" ht="18" customHeight="1" x14ac:dyDescent="0.2">
      <c r="A68" s="31">
        <v>52</v>
      </c>
      <c r="B68" s="27">
        <v>123</v>
      </c>
      <c r="C68" s="28">
        <v>113</v>
      </c>
      <c r="D68" s="29">
        <v>236</v>
      </c>
    </row>
    <row r="69" spans="1:4" ht="18" customHeight="1" x14ac:dyDescent="0.2">
      <c r="A69" s="31">
        <v>53</v>
      </c>
      <c r="B69" s="27">
        <v>76</v>
      </c>
      <c r="C69" s="28">
        <v>102</v>
      </c>
      <c r="D69" s="29">
        <v>178</v>
      </c>
    </row>
    <row r="70" spans="1:4" ht="18" customHeight="1" x14ac:dyDescent="0.2">
      <c r="A70" s="31">
        <v>54</v>
      </c>
      <c r="B70" s="27">
        <v>131</v>
      </c>
      <c r="C70" s="28">
        <v>111</v>
      </c>
      <c r="D70" s="29">
        <v>242</v>
      </c>
    </row>
    <row r="71" spans="1:4" ht="18" customHeight="1" x14ac:dyDescent="0.2">
      <c r="A71" s="31" t="s">
        <v>59</v>
      </c>
      <c r="B71" s="27">
        <v>564</v>
      </c>
      <c r="C71" s="28">
        <v>582</v>
      </c>
      <c r="D71" s="29">
        <v>1146</v>
      </c>
    </row>
    <row r="72" spans="1:4" ht="18" customHeight="1" x14ac:dyDescent="0.2">
      <c r="A72" s="31">
        <v>55</v>
      </c>
      <c r="B72" s="27">
        <v>124</v>
      </c>
      <c r="C72" s="28">
        <v>117</v>
      </c>
      <c r="D72" s="29">
        <v>241</v>
      </c>
    </row>
    <row r="73" spans="1:4" ht="18" customHeight="1" x14ac:dyDescent="0.2">
      <c r="A73" s="31">
        <v>56</v>
      </c>
      <c r="B73" s="27">
        <v>105</v>
      </c>
      <c r="C73" s="28">
        <v>115</v>
      </c>
      <c r="D73" s="29">
        <v>220</v>
      </c>
    </row>
    <row r="74" spans="1:4" ht="18" customHeight="1" x14ac:dyDescent="0.2">
      <c r="A74" s="31">
        <v>57</v>
      </c>
      <c r="B74" s="27">
        <v>117</v>
      </c>
      <c r="C74" s="28">
        <v>99</v>
      </c>
      <c r="D74" s="29">
        <v>216</v>
      </c>
    </row>
    <row r="75" spans="1:4" ht="18" customHeight="1" x14ac:dyDescent="0.2">
      <c r="A75" s="31">
        <v>58</v>
      </c>
      <c r="B75" s="27">
        <v>114</v>
      </c>
      <c r="C75" s="28">
        <v>135</v>
      </c>
      <c r="D75" s="29">
        <v>249</v>
      </c>
    </row>
    <row r="76" spans="1:4" ht="18" customHeight="1" x14ac:dyDescent="0.2">
      <c r="A76" s="31">
        <v>59</v>
      </c>
      <c r="B76" s="27">
        <v>142</v>
      </c>
      <c r="C76" s="28">
        <v>114</v>
      </c>
      <c r="D76" s="29">
        <v>256</v>
      </c>
    </row>
    <row r="77" spans="1:4" ht="18" customHeight="1" x14ac:dyDescent="0.2">
      <c r="A77" s="31" t="s">
        <v>60</v>
      </c>
      <c r="B77" s="27">
        <v>602</v>
      </c>
      <c r="C77" s="28">
        <v>580</v>
      </c>
      <c r="D77" s="29">
        <v>1182</v>
      </c>
    </row>
    <row r="78" spans="1:4" ht="18" customHeight="1" x14ac:dyDescent="0.2">
      <c r="A78" s="31">
        <v>60</v>
      </c>
      <c r="B78" s="27">
        <v>105</v>
      </c>
      <c r="C78" s="28">
        <v>111</v>
      </c>
      <c r="D78" s="29">
        <v>216</v>
      </c>
    </row>
    <row r="79" spans="1:4" ht="18" customHeight="1" x14ac:dyDescent="0.2">
      <c r="A79" s="31">
        <v>61</v>
      </c>
      <c r="B79" s="27">
        <v>122</v>
      </c>
      <c r="C79" s="28">
        <v>132</v>
      </c>
      <c r="D79" s="29">
        <v>254</v>
      </c>
    </row>
    <row r="80" spans="1:4" ht="18" customHeight="1" x14ac:dyDescent="0.2">
      <c r="A80" s="31">
        <v>62</v>
      </c>
      <c r="B80" s="27">
        <v>124</v>
      </c>
      <c r="C80" s="28">
        <v>130</v>
      </c>
      <c r="D80" s="29">
        <v>254</v>
      </c>
    </row>
    <row r="81" spans="1:4" ht="18" customHeight="1" x14ac:dyDescent="0.2">
      <c r="A81" s="31">
        <v>63</v>
      </c>
      <c r="B81" s="27">
        <v>136</v>
      </c>
      <c r="C81" s="28">
        <v>130</v>
      </c>
      <c r="D81" s="29">
        <v>266</v>
      </c>
    </row>
    <row r="82" spans="1:4" ht="18" customHeight="1" x14ac:dyDescent="0.2">
      <c r="A82" s="31">
        <v>64</v>
      </c>
      <c r="B82" s="27">
        <v>150</v>
      </c>
      <c r="C82" s="28">
        <v>158</v>
      </c>
      <c r="D82" s="29">
        <v>308</v>
      </c>
    </row>
    <row r="83" spans="1:4" ht="18" customHeight="1" x14ac:dyDescent="0.2">
      <c r="A83" s="31" t="s">
        <v>61</v>
      </c>
      <c r="B83" s="27">
        <v>637</v>
      </c>
      <c r="C83" s="28">
        <v>661</v>
      </c>
      <c r="D83" s="29">
        <v>1298</v>
      </c>
    </row>
    <row r="84" spans="1:4" ht="18" customHeight="1" x14ac:dyDescent="0.2">
      <c r="A84" s="31" t="s">
        <v>62</v>
      </c>
      <c r="B84" s="27">
        <v>5579</v>
      </c>
      <c r="C84" s="28">
        <v>5242</v>
      </c>
      <c r="D84" s="29">
        <v>10821</v>
      </c>
    </row>
    <row r="85" spans="1:4" ht="18" customHeight="1" x14ac:dyDescent="0.2">
      <c r="A85" s="31">
        <v>65</v>
      </c>
      <c r="B85" s="27">
        <v>153</v>
      </c>
      <c r="C85" s="28">
        <v>167</v>
      </c>
      <c r="D85" s="29">
        <v>320</v>
      </c>
    </row>
    <row r="86" spans="1:4" ht="18" customHeight="1" x14ac:dyDescent="0.2">
      <c r="A86" s="31">
        <v>66</v>
      </c>
      <c r="B86" s="27">
        <v>171</v>
      </c>
      <c r="C86" s="28">
        <v>157</v>
      </c>
      <c r="D86" s="29">
        <v>328</v>
      </c>
    </row>
    <row r="87" spans="1:4" ht="18" customHeight="1" x14ac:dyDescent="0.2">
      <c r="A87" s="31">
        <v>67</v>
      </c>
      <c r="B87" s="27">
        <v>174</v>
      </c>
      <c r="C87" s="28">
        <v>158</v>
      </c>
      <c r="D87" s="29">
        <v>332</v>
      </c>
    </row>
    <row r="88" spans="1:4" ht="18" customHeight="1" x14ac:dyDescent="0.2">
      <c r="A88" s="31">
        <v>68</v>
      </c>
      <c r="B88" s="27">
        <v>176</v>
      </c>
      <c r="C88" s="28">
        <v>184</v>
      </c>
      <c r="D88" s="29">
        <v>360</v>
      </c>
    </row>
    <row r="89" spans="1:4" ht="18" customHeight="1" x14ac:dyDescent="0.2">
      <c r="A89" s="31">
        <v>69</v>
      </c>
      <c r="B89" s="27">
        <v>194</v>
      </c>
      <c r="C89" s="28">
        <v>184</v>
      </c>
      <c r="D89" s="29">
        <v>378</v>
      </c>
    </row>
    <row r="90" spans="1:4" ht="18" customHeight="1" x14ac:dyDescent="0.2">
      <c r="A90" s="31" t="s">
        <v>63</v>
      </c>
      <c r="B90" s="27">
        <v>868</v>
      </c>
      <c r="C90" s="28">
        <v>850</v>
      </c>
      <c r="D90" s="29">
        <v>1718</v>
      </c>
    </row>
    <row r="91" spans="1:4" ht="18" customHeight="1" x14ac:dyDescent="0.2">
      <c r="A91" s="31">
        <v>70</v>
      </c>
      <c r="B91" s="27">
        <v>202</v>
      </c>
      <c r="C91" s="28">
        <v>196</v>
      </c>
      <c r="D91" s="29">
        <v>398</v>
      </c>
    </row>
    <row r="92" spans="1:4" ht="18" customHeight="1" x14ac:dyDescent="0.2">
      <c r="A92" s="31">
        <v>71</v>
      </c>
      <c r="B92" s="27">
        <v>221</v>
      </c>
      <c r="C92" s="28">
        <v>193</v>
      </c>
      <c r="D92" s="29">
        <v>414</v>
      </c>
    </row>
    <row r="93" spans="1:4" ht="18" customHeight="1" x14ac:dyDescent="0.2">
      <c r="A93" s="31">
        <v>72</v>
      </c>
      <c r="B93" s="27">
        <v>190</v>
      </c>
      <c r="C93" s="28">
        <v>200</v>
      </c>
      <c r="D93" s="29">
        <v>390</v>
      </c>
    </row>
    <row r="94" spans="1:4" ht="18" customHeight="1" x14ac:dyDescent="0.2">
      <c r="A94" s="31">
        <v>73</v>
      </c>
      <c r="B94" s="27">
        <v>98</v>
      </c>
      <c r="C94" s="28">
        <v>102</v>
      </c>
      <c r="D94" s="29">
        <v>200</v>
      </c>
    </row>
    <row r="95" spans="1:4" ht="18" customHeight="1" x14ac:dyDescent="0.2">
      <c r="A95" s="31">
        <v>74</v>
      </c>
      <c r="B95" s="27">
        <v>87</v>
      </c>
      <c r="C95" s="28">
        <v>118</v>
      </c>
      <c r="D95" s="29">
        <v>205</v>
      </c>
    </row>
    <row r="96" spans="1:4" ht="18" customHeight="1" x14ac:dyDescent="0.2">
      <c r="A96" s="31" t="s">
        <v>64</v>
      </c>
      <c r="B96" s="27">
        <v>798</v>
      </c>
      <c r="C96" s="28">
        <v>809</v>
      </c>
      <c r="D96" s="29">
        <v>1607</v>
      </c>
    </row>
    <row r="97" spans="1:4" ht="18" customHeight="1" x14ac:dyDescent="0.2">
      <c r="A97" s="31">
        <v>75</v>
      </c>
      <c r="B97" s="27">
        <v>130</v>
      </c>
      <c r="C97" s="28">
        <v>126</v>
      </c>
      <c r="D97" s="29">
        <v>256</v>
      </c>
    </row>
    <row r="98" spans="1:4" ht="18" customHeight="1" x14ac:dyDescent="0.2">
      <c r="A98" s="31">
        <v>76</v>
      </c>
      <c r="B98" s="27">
        <v>115</v>
      </c>
      <c r="C98" s="28">
        <v>120</v>
      </c>
      <c r="D98" s="29">
        <v>235</v>
      </c>
    </row>
    <row r="99" spans="1:4" ht="18" customHeight="1" x14ac:dyDescent="0.2">
      <c r="A99" s="31">
        <v>77</v>
      </c>
      <c r="B99" s="27">
        <v>121</v>
      </c>
      <c r="C99" s="28">
        <v>141</v>
      </c>
      <c r="D99" s="29">
        <v>262</v>
      </c>
    </row>
    <row r="100" spans="1:4" ht="18" customHeight="1" x14ac:dyDescent="0.2">
      <c r="A100" s="31">
        <v>78</v>
      </c>
      <c r="B100" s="27">
        <v>129</v>
      </c>
      <c r="C100" s="28">
        <v>122</v>
      </c>
      <c r="D100" s="29">
        <v>251</v>
      </c>
    </row>
    <row r="101" spans="1:4" ht="18" customHeight="1" x14ac:dyDescent="0.2">
      <c r="A101" s="31">
        <v>79</v>
      </c>
      <c r="B101" s="27">
        <v>71</v>
      </c>
      <c r="C101" s="28">
        <v>107</v>
      </c>
      <c r="D101" s="29">
        <v>178</v>
      </c>
    </row>
    <row r="102" spans="1:4" ht="18" customHeight="1" x14ac:dyDescent="0.2">
      <c r="A102" s="31" t="s">
        <v>65</v>
      </c>
      <c r="B102" s="27">
        <v>566</v>
      </c>
      <c r="C102" s="28">
        <v>616</v>
      </c>
      <c r="D102" s="29">
        <v>1182</v>
      </c>
    </row>
    <row r="103" spans="1:4" ht="18" customHeight="1" x14ac:dyDescent="0.2">
      <c r="A103" s="31">
        <v>80</v>
      </c>
      <c r="B103" s="27">
        <v>72</v>
      </c>
      <c r="C103" s="28">
        <v>104</v>
      </c>
      <c r="D103" s="29">
        <v>176</v>
      </c>
    </row>
    <row r="104" spans="1:4" ht="18" customHeight="1" x14ac:dyDescent="0.2">
      <c r="A104" s="31">
        <v>81</v>
      </c>
      <c r="B104" s="27">
        <v>73</v>
      </c>
      <c r="C104" s="28">
        <v>125</v>
      </c>
      <c r="D104" s="29">
        <v>198</v>
      </c>
    </row>
    <row r="105" spans="1:4" ht="18" customHeight="1" x14ac:dyDescent="0.2">
      <c r="A105" s="31">
        <v>82</v>
      </c>
      <c r="B105" s="27">
        <v>79</v>
      </c>
      <c r="C105" s="28">
        <v>123</v>
      </c>
      <c r="D105" s="29">
        <v>202</v>
      </c>
    </row>
    <row r="106" spans="1:4" ht="18" customHeight="1" x14ac:dyDescent="0.2">
      <c r="A106" s="31">
        <v>83</v>
      </c>
      <c r="B106" s="27">
        <v>86</v>
      </c>
      <c r="C106" s="28">
        <v>127</v>
      </c>
      <c r="D106" s="29">
        <v>213</v>
      </c>
    </row>
    <row r="107" spans="1:4" ht="18" customHeight="1" x14ac:dyDescent="0.2">
      <c r="A107" s="31">
        <v>84</v>
      </c>
      <c r="B107" s="27">
        <v>66</v>
      </c>
      <c r="C107" s="28">
        <v>90</v>
      </c>
      <c r="D107" s="29">
        <v>156</v>
      </c>
    </row>
    <row r="108" spans="1:4" ht="18" customHeight="1" x14ac:dyDescent="0.2">
      <c r="A108" s="31" t="s">
        <v>66</v>
      </c>
      <c r="B108" s="27">
        <v>376</v>
      </c>
      <c r="C108" s="28">
        <v>569</v>
      </c>
      <c r="D108" s="29">
        <v>945</v>
      </c>
    </row>
    <row r="109" spans="1:4" ht="18" customHeight="1" x14ac:dyDescent="0.2">
      <c r="A109" s="31">
        <v>85</v>
      </c>
      <c r="B109" s="27">
        <v>69</v>
      </c>
      <c r="C109" s="28">
        <v>128</v>
      </c>
      <c r="D109" s="29">
        <v>197</v>
      </c>
    </row>
    <row r="110" spans="1:4" ht="18" customHeight="1" x14ac:dyDescent="0.2">
      <c r="A110" s="31">
        <v>86</v>
      </c>
      <c r="B110" s="27">
        <v>67</v>
      </c>
      <c r="C110" s="28">
        <v>94</v>
      </c>
      <c r="D110" s="29">
        <v>161</v>
      </c>
    </row>
    <row r="111" spans="1:4" ht="18" customHeight="1" x14ac:dyDescent="0.2">
      <c r="A111" s="31">
        <v>87</v>
      </c>
      <c r="B111" s="27">
        <v>55</v>
      </c>
      <c r="C111" s="28">
        <v>109</v>
      </c>
      <c r="D111" s="29">
        <v>164</v>
      </c>
    </row>
    <row r="112" spans="1:4" ht="18" customHeight="1" x14ac:dyDescent="0.2">
      <c r="A112" s="31">
        <v>88</v>
      </c>
      <c r="B112" s="27">
        <v>36</v>
      </c>
      <c r="C112" s="28">
        <v>107</v>
      </c>
      <c r="D112" s="29">
        <v>143</v>
      </c>
    </row>
    <row r="113" spans="1:4" ht="18" customHeight="1" x14ac:dyDescent="0.2">
      <c r="A113" s="31">
        <v>89</v>
      </c>
      <c r="B113" s="27">
        <v>37</v>
      </c>
      <c r="C113" s="28">
        <v>94</v>
      </c>
      <c r="D113" s="29">
        <v>131</v>
      </c>
    </row>
    <row r="114" spans="1:4" ht="18" customHeight="1" x14ac:dyDescent="0.2">
      <c r="A114" s="31" t="s">
        <v>67</v>
      </c>
      <c r="B114" s="27">
        <v>264</v>
      </c>
      <c r="C114" s="28">
        <v>532</v>
      </c>
      <c r="D114" s="29">
        <v>796</v>
      </c>
    </row>
    <row r="115" spans="1:4" ht="18" customHeight="1" x14ac:dyDescent="0.2">
      <c r="A115" s="31">
        <v>90</v>
      </c>
      <c r="B115" s="27">
        <v>45</v>
      </c>
      <c r="C115" s="28">
        <v>79</v>
      </c>
      <c r="D115" s="29">
        <v>124</v>
      </c>
    </row>
    <row r="116" spans="1:4" ht="18" customHeight="1" x14ac:dyDescent="0.2">
      <c r="A116" s="31">
        <v>91</v>
      </c>
      <c r="B116" s="27">
        <v>30</v>
      </c>
      <c r="C116" s="28">
        <v>73</v>
      </c>
      <c r="D116" s="29">
        <v>103</v>
      </c>
    </row>
    <row r="117" spans="1:4" ht="18" customHeight="1" x14ac:dyDescent="0.2">
      <c r="A117" s="31">
        <v>92</v>
      </c>
      <c r="B117" s="27">
        <v>19</v>
      </c>
      <c r="C117" s="28">
        <v>55</v>
      </c>
      <c r="D117" s="29">
        <v>74</v>
      </c>
    </row>
    <row r="118" spans="1:4" ht="18" customHeight="1" x14ac:dyDescent="0.2">
      <c r="A118" s="31">
        <v>93</v>
      </c>
      <c r="B118" s="27">
        <v>23</v>
      </c>
      <c r="C118" s="28">
        <v>65</v>
      </c>
      <c r="D118" s="29">
        <v>88</v>
      </c>
    </row>
    <row r="119" spans="1:4" ht="18" customHeight="1" x14ac:dyDescent="0.2">
      <c r="A119" s="31">
        <v>94</v>
      </c>
      <c r="B119" s="27">
        <v>5</v>
      </c>
      <c r="C119" s="28">
        <v>38</v>
      </c>
      <c r="D119" s="29">
        <v>43</v>
      </c>
    </row>
    <row r="120" spans="1:4" ht="18" customHeight="1" x14ac:dyDescent="0.2">
      <c r="A120" s="31" t="s">
        <v>68</v>
      </c>
      <c r="B120" s="27">
        <v>122</v>
      </c>
      <c r="C120" s="28">
        <v>310</v>
      </c>
      <c r="D120" s="29">
        <v>432</v>
      </c>
    </row>
    <row r="121" spans="1:4" ht="18" customHeight="1" x14ac:dyDescent="0.2">
      <c r="A121" s="31">
        <v>95</v>
      </c>
      <c r="B121" s="27">
        <v>5</v>
      </c>
      <c r="C121" s="28">
        <v>29</v>
      </c>
      <c r="D121" s="29">
        <v>34</v>
      </c>
    </row>
    <row r="122" spans="1:4" ht="18" customHeight="1" x14ac:dyDescent="0.2">
      <c r="A122" s="31">
        <v>96</v>
      </c>
      <c r="B122" s="27">
        <v>6</v>
      </c>
      <c r="C122" s="28">
        <v>34</v>
      </c>
      <c r="D122" s="29">
        <v>40</v>
      </c>
    </row>
    <row r="123" spans="1:4" ht="18" customHeight="1" x14ac:dyDescent="0.2">
      <c r="A123" s="31">
        <v>97</v>
      </c>
      <c r="B123" s="27">
        <v>2</v>
      </c>
      <c r="C123" s="28">
        <v>19</v>
      </c>
      <c r="D123" s="29">
        <v>21</v>
      </c>
    </row>
    <row r="124" spans="1:4" ht="18" customHeight="1" x14ac:dyDescent="0.2">
      <c r="A124" s="31">
        <v>98</v>
      </c>
      <c r="B124" s="27">
        <v>5</v>
      </c>
      <c r="C124" s="28">
        <v>14</v>
      </c>
      <c r="D124" s="29">
        <v>19</v>
      </c>
    </row>
    <row r="125" spans="1:4" ht="18" customHeight="1" x14ac:dyDescent="0.2">
      <c r="A125" s="31">
        <v>99</v>
      </c>
      <c r="B125" s="27">
        <v>3</v>
      </c>
      <c r="C125" s="28">
        <v>5</v>
      </c>
      <c r="D125" s="29">
        <v>8</v>
      </c>
    </row>
    <row r="126" spans="1:4" ht="18" customHeight="1" x14ac:dyDescent="0.2">
      <c r="A126" s="31" t="s">
        <v>69</v>
      </c>
      <c r="B126" s="27">
        <v>21</v>
      </c>
      <c r="C126" s="28">
        <v>101</v>
      </c>
      <c r="D126" s="29">
        <v>122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2</v>
      </c>
      <c r="C128" s="28">
        <v>8</v>
      </c>
      <c r="D128" s="29">
        <v>10</v>
      </c>
    </row>
    <row r="129" spans="1:4" ht="18" customHeight="1" x14ac:dyDescent="0.2">
      <c r="A129" s="31" t="s">
        <v>71</v>
      </c>
      <c r="B129" s="27">
        <v>2</v>
      </c>
      <c r="C129" s="28">
        <v>12</v>
      </c>
      <c r="D129" s="29">
        <v>14</v>
      </c>
    </row>
    <row r="130" spans="1:4" ht="18" customHeight="1" x14ac:dyDescent="0.2">
      <c r="A130" s="31" t="s">
        <v>72</v>
      </c>
      <c r="B130" s="4">
        <v>3017</v>
      </c>
      <c r="C130" s="5">
        <v>3799</v>
      </c>
      <c r="D130" s="6">
        <v>6816</v>
      </c>
    </row>
    <row r="131" spans="1:4" ht="18" customHeight="1" x14ac:dyDescent="0.2">
      <c r="A131" s="33" t="s">
        <v>47</v>
      </c>
      <c r="B131" s="7">
        <v>9620</v>
      </c>
      <c r="C131" s="8">
        <v>10073</v>
      </c>
      <c r="D131" s="9">
        <v>196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3</v>
      </c>
      <c r="C5" s="37">
        <v>39</v>
      </c>
      <c r="D5" s="39">
        <v>82</v>
      </c>
    </row>
    <row r="6" spans="1:4" ht="18" customHeight="1" x14ac:dyDescent="0.2">
      <c r="A6" s="31">
        <v>1</v>
      </c>
      <c r="B6" s="35">
        <v>47</v>
      </c>
      <c r="C6" s="28">
        <v>48</v>
      </c>
      <c r="D6" s="29">
        <v>95</v>
      </c>
    </row>
    <row r="7" spans="1:4" ht="18" customHeight="1" x14ac:dyDescent="0.2">
      <c r="A7" s="31">
        <v>2</v>
      </c>
      <c r="B7" s="35">
        <v>46</v>
      </c>
      <c r="C7" s="28">
        <v>56</v>
      </c>
      <c r="D7" s="29">
        <v>102</v>
      </c>
    </row>
    <row r="8" spans="1:4" ht="18" customHeight="1" x14ac:dyDescent="0.2">
      <c r="A8" s="31">
        <v>3</v>
      </c>
      <c r="B8" s="35">
        <v>57</v>
      </c>
      <c r="C8" s="28">
        <v>40</v>
      </c>
      <c r="D8" s="29">
        <v>97</v>
      </c>
    </row>
    <row r="9" spans="1:4" ht="18" customHeight="1" x14ac:dyDescent="0.2">
      <c r="A9" s="31">
        <v>4</v>
      </c>
      <c r="B9" s="36">
        <v>54</v>
      </c>
      <c r="C9" s="38">
        <v>42</v>
      </c>
      <c r="D9" s="40">
        <v>96</v>
      </c>
    </row>
    <row r="10" spans="1:4" ht="18" customHeight="1" x14ac:dyDescent="0.2">
      <c r="A10" s="31" t="s">
        <v>48</v>
      </c>
      <c r="B10" s="27">
        <v>247</v>
      </c>
      <c r="C10" s="28">
        <v>225</v>
      </c>
      <c r="D10" s="29">
        <v>472</v>
      </c>
    </row>
    <row r="11" spans="1:4" ht="18" customHeight="1" x14ac:dyDescent="0.2">
      <c r="A11" s="31">
        <v>5</v>
      </c>
      <c r="B11" s="35">
        <v>46</v>
      </c>
      <c r="C11" s="28">
        <v>53</v>
      </c>
      <c r="D11" s="29">
        <v>99</v>
      </c>
    </row>
    <row r="12" spans="1:4" ht="18" customHeight="1" x14ac:dyDescent="0.2">
      <c r="A12" s="31">
        <v>6</v>
      </c>
      <c r="B12" s="35">
        <v>54</v>
      </c>
      <c r="C12" s="28">
        <v>55</v>
      </c>
      <c r="D12" s="29">
        <v>109</v>
      </c>
    </row>
    <row r="13" spans="1:4" ht="18" customHeight="1" x14ac:dyDescent="0.2">
      <c r="A13" s="31">
        <v>7</v>
      </c>
      <c r="B13" s="35">
        <v>67</v>
      </c>
      <c r="C13" s="28">
        <v>50</v>
      </c>
      <c r="D13" s="29">
        <v>117</v>
      </c>
    </row>
    <row r="14" spans="1:4" ht="18" customHeight="1" x14ac:dyDescent="0.2">
      <c r="A14" s="31">
        <v>8</v>
      </c>
      <c r="B14" s="35">
        <v>63</v>
      </c>
      <c r="C14" s="28">
        <v>65</v>
      </c>
      <c r="D14" s="29">
        <v>128</v>
      </c>
    </row>
    <row r="15" spans="1:4" ht="18" customHeight="1" x14ac:dyDescent="0.2">
      <c r="A15" s="31">
        <v>9</v>
      </c>
      <c r="B15" s="35">
        <v>56</v>
      </c>
      <c r="C15" s="28">
        <v>77</v>
      </c>
      <c r="D15" s="29">
        <v>133</v>
      </c>
    </row>
    <row r="16" spans="1:4" ht="18" customHeight="1" x14ac:dyDescent="0.2">
      <c r="A16" s="31" t="s">
        <v>49</v>
      </c>
      <c r="B16" s="27">
        <v>286</v>
      </c>
      <c r="C16" s="28">
        <v>300</v>
      </c>
      <c r="D16" s="29">
        <v>586</v>
      </c>
    </row>
    <row r="17" spans="1:4" ht="18" customHeight="1" x14ac:dyDescent="0.2">
      <c r="A17" s="31">
        <v>10</v>
      </c>
      <c r="B17" s="27">
        <v>80</v>
      </c>
      <c r="C17" s="28">
        <v>78</v>
      </c>
      <c r="D17" s="29">
        <v>158</v>
      </c>
    </row>
    <row r="18" spans="1:4" ht="18" customHeight="1" x14ac:dyDescent="0.2">
      <c r="A18" s="31">
        <v>11</v>
      </c>
      <c r="B18" s="27">
        <v>93</v>
      </c>
      <c r="C18" s="28">
        <v>84</v>
      </c>
      <c r="D18" s="29">
        <v>177</v>
      </c>
    </row>
    <row r="19" spans="1:4" ht="18" customHeight="1" x14ac:dyDescent="0.2">
      <c r="A19" s="31">
        <v>12</v>
      </c>
      <c r="B19" s="27">
        <v>88</v>
      </c>
      <c r="C19" s="28">
        <v>84</v>
      </c>
      <c r="D19" s="29">
        <v>172</v>
      </c>
    </row>
    <row r="20" spans="1:4" ht="18" customHeight="1" x14ac:dyDescent="0.2">
      <c r="A20" s="31">
        <v>13</v>
      </c>
      <c r="B20" s="27">
        <v>83</v>
      </c>
      <c r="C20" s="28">
        <v>87</v>
      </c>
      <c r="D20" s="29">
        <v>170</v>
      </c>
    </row>
    <row r="21" spans="1:4" ht="18" customHeight="1" x14ac:dyDescent="0.2">
      <c r="A21" s="31">
        <v>14</v>
      </c>
      <c r="B21" s="27">
        <v>90</v>
      </c>
      <c r="C21" s="28">
        <v>70</v>
      </c>
      <c r="D21" s="29">
        <v>160</v>
      </c>
    </row>
    <row r="22" spans="1:4" ht="18" customHeight="1" x14ac:dyDescent="0.2">
      <c r="A22" s="31" t="s">
        <v>50</v>
      </c>
      <c r="B22" s="27">
        <v>434</v>
      </c>
      <c r="C22" s="28">
        <v>403</v>
      </c>
      <c r="D22" s="29">
        <v>837</v>
      </c>
    </row>
    <row r="23" spans="1:4" ht="18" customHeight="1" x14ac:dyDescent="0.2">
      <c r="A23" s="31" t="s">
        <v>51</v>
      </c>
      <c r="B23" s="27">
        <v>967</v>
      </c>
      <c r="C23" s="28">
        <v>928</v>
      </c>
      <c r="D23" s="29">
        <v>1895</v>
      </c>
    </row>
    <row r="24" spans="1:4" ht="18" customHeight="1" x14ac:dyDescent="0.2">
      <c r="A24" s="31">
        <v>15</v>
      </c>
      <c r="B24" s="27">
        <v>83</v>
      </c>
      <c r="C24" s="28">
        <v>93</v>
      </c>
      <c r="D24" s="29">
        <v>176</v>
      </c>
    </row>
    <row r="25" spans="1:4" ht="18" customHeight="1" x14ac:dyDescent="0.2">
      <c r="A25" s="31">
        <v>16</v>
      </c>
      <c r="B25" s="27">
        <v>88</v>
      </c>
      <c r="C25" s="28">
        <v>85</v>
      </c>
      <c r="D25" s="29">
        <v>173</v>
      </c>
    </row>
    <row r="26" spans="1:4" ht="18" customHeight="1" x14ac:dyDescent="0.2">
      <c r="A26" s="31">
        <v>17</v>
      </c>
      <c r="B26" s="27">
        <v>70</v>
      </c>
      <c r="C26" s="28">
        <v>65</v>
      </c>
      <c r="D26" s="29">
        <v>135</v>
      </c>
    </row>
    <row r="27" spans="1:4" ht="18" customHeight="1" x14ac:dyDescent="0.2">
      <c r="A27" s="31">
        <v>18</v>
      </c>
      <c r="B27" s="27">
        <v>67</v>
      </c>
      <c r="C27" s="28">
        <v>62</v>
      </c>
      <c r="D27" s="29">
        <v>129</v>
      </c>
    </row>
    <row r="28" spans="1:4" ht="18" customHeight="1" x14ac:dyDescent="0.2">
      <c r="A28" s="31">
        <v>19</v>
      </c>
      <c r="B28" s="27">
        <v>69</v>
      </c>
      <c r="C28" s="28">
        <v>70</v>
      </c>
      <c r="D28" s="29">
        <v>139</v>
      </c>
    </row>
    <row r="29" spans="1:4" ht="18" customHeight="1" x14ac:dyDescent="0.2">
      <c r="A29" s="31" t="s">
        <v>52</v>
      </c>
      <c r="B29" s="27">
        <v>377</v>
      </c>
      <c r="C29" s="28">
        <v>375</v>
      </c>
      <c r="D29" s="29">
        <v>752</v>
      </c>
    </row>
    <row r="30" spans="1:4" ht="18" customHeight="1" x14ac:dyDescent="0.2">
      <c r="A30" s="31">
        <v>20</v>
      </c>
      <c r="B30" s="27">
        <v>69</v>
      </c>
      <c r="C30" s="28">
        <v>70</v>
      </c>
      <c r="D30" s="29">
        <v>139</v>
      </c>
    </row>
    <row r="31" spans="1:4" ht="18" customHeight="1" x14ac:dyDescent="0.2">
      <c r="A31" s="31">
        <v>21</v>
      </c>
      <c r="B31" s="27">
        <v>69</v>
      </c>
      <c r="C31" s="28">
        <v>60</v>
      </c>
      <c r="D31" s="29">
        <v>129</v>
      </c>
    </row>
    <row r="32" spans="1:4" ht="18" customHeight="1" x14ac:dyDescent="0.2">
      <c r="A32" s="31">
        <v>22</v>
      </c>
      <c r="B32" s="27">
        <v>55</v>
      </c>
      <c r="C32" s="28">
        <v>58</v>
      </c>
      <c r="D32" s="29">
        <v>113</v>
      </c>
    </row>
    <row r="33" spans="1:4" ht="18" customHeight="1" x14ac:dyDescent="0.2">
      <c r="A33" s="31">
        <v>23</v>
      </c>
      <c r="B33" s="27">
        <v>70</v>
      </c>
      <c r="C33" s="28">
        <v>50</v>
      </c>
      <c r="D33" s="29">
        <v>120</v>
      </c>
    </row>
    <row r="34" spans="1:4" ht="18" customHeight="1" x14ac:dyDescent="0.2">
      <c r="A34" s="31">
        <v>24</v>
      </c>
      <c r="B34" s="27">
        <v>72</v>
      </c>
      <c r="C34" s="28">
        <v>68</v>
      </c>
      <c r="D34" s="29">
        <v>140</v>
      </c>
    </row>
    <row r="35" spans="1:4" ht="18" customHeight="1" x14ac:dyDescent="0.2">
      <c r="A35" s="31" t="s">
        <v>53</v>
      </c>
      <c r="B35" s="27">
        <v>335</v>
      </c>
      <c r="C35" s="28">
        <v>306</v>
      </c>
      <c r="D35" s="29">
        <v>641</v>
      </c>
    </row>
    <row r="36" spans="1:4" ht="18" customHeight="1" x14ac:dyDescent="0.2">
      <c r="A36" s="31">
        <v>25</v>
      </c>
      <c r="B36" s="27">
        <v>69</v>
      </c>
      <c r="C36" s="28">
        <v>58</v>
      </c>
      <c r="D36" s="29">
        <v>127</v>
      </c>
    </row>
    <row r="37" spans="1:4" ht="18" customHeight="1" x14ac:dyDescent="0.2">
      <c r="A37" s="31">
        <v>26</v>
      </c>
      <c r="B37" s="27">
        <v>70</v>
      </c>
      <c r="C37" s="28">
        <v>57</v>
      </c>
      <c r="D37" s="29">
        <v>127</v>
      </c>
    </row>
    <row r="38" spans="1:4" ht="18" customHeight="1" x14ac:dyDescent="0.2">
      <c r="A38" s="31">
        <v>27</v>
      </c>
      <c r="B38" s="27">
        <v>58</v>
      </c>
      <c r="C38" s="28">
        <v>42</v>
      </c>
      <c r="D38" s="29">
        <v>100</v>
      </c>
    </row>
    <row r="39" spans="1:4" ht="18" customHeight="1" x14ac:dyDescent="0.2">
      <c r="A39" s="31">
        <v>28</v>
      </c>
      <c r="B39" s="27">
        <v>73</v>
      </c>
      <c r="C39" s="28">
        <v>54</v>
      </c>
      <c r="D39" s="29">
        <v>127</v>
      </c>
    </row>
    <row r="40" spans="1:4" ht="18" customHeight="1" x14ac:dyDescent="0.2">
      <c r="A40" s="31">
        <v>29</v>
      </c>
      <c r="B40" s="27">
        <v>74</v>
      </c>
      <c r="C40" s="28">
        <v>64</v>
      </c>
      <c r="D40" s="29">
        <v>138</v>
      </c>
    </row>
    <row r="41" spans="1:4" ht="18" customHeight="1" x14ac:dyDescent="0.2">
      <c r="A41" s="31" t="s">
        <v>54</v>
      </c>
      <c r="B41" s="27">
        <v>344</v>
      </c>
      <c r="C41" s="28">
        <v>275</v>
      </c>
      <c r="D41" s="29">
        <v>619</v>
      </c>
    </row>
    <row r="42" spans="1:4" ht="18" customHeight="1" x14ac:dyDescent="0.2">
      <c r="A42" s="31">
        <v>30</v>
      </c>
      <c r="B42" s="27">
        <v>71</v>
      </c>
      <c r="C42" s="28">
        <v>50</v>
      </c>
      <c r="D42" s="29">
        <v>121</v>
      </c>
    </row>
    <row r="43" spans="1:4" ht="18" customHeight="1" x14ac:dyDescent="0.2">
      <c r="A43" s="31">
        <v>31</v>
      </c>
      <c r="B43" s="27">
        <v>63</v>
      </c>
      <c r="C43" s="28">
        <v>58</v>
      </c>
      <c r="D43" s="29">
        <v>121</v>
      </c>
    </row>
    <row r="44" spans="1:4" ht="18" customHeight="1" x14ac:dyDescent="0.2">
      <c r="A44" s="31">
        <v>32</v>
      </c>
      <c r="B44" s="27">
        <v>75</v>
      </c>
      <c r="C44" s="28">
        <v>73</v>
      </c>
      <c r="D44" s="29">
        <v>148</v>
      </c>
    </row>
    <row r="45" spans="1:4" ht="18" customHeight="1" x14ac:dyDescent="0.2">
      <c r="A45" s="31">
        <v>33</v>
      </c>
      <c r="B45" s="27">
        <v>77</v>
      </c>
      <c r="C45" s="28">
        <v>71</v>
      </c>
      <c r="D45" s="29">
        <v>148</v>
      </c>
    </row>
    <row r="46" spans="1:4" ht="18" customHeight="1" x14ac:dyDescent="0.2">
      <c r="A46" s="31">
        <v>34</v>
      </c>
      <c r="B46" s="27">
        <v>72</v>
      </c>
      <c r="C46" s="28">
        <v>62</v>
      </c>
      <c r="D46" s="29">
        <v>134</v>
      </c>
    </row>
    <row r="47" spans="1:4" ht="18" customHeight="1" x14ac:dyDescent="0.2">
      <c r="A47" s="31" t="s">
        <v>55</v>
      </c>
      <c r="B47" s="27">
        <v>358</v>
      </c>
      <c r="C47" s="28">
        <v>314</v>
      </c>
      <c r="D47" s="29">
        <v>672</v>
      </c>
    </row>
    <row r="48" spans="1:4" ht="18" customHeight="1" x14ac:dyDescent="0.2">
      <c r="A48" s="31">
        <v>35</v>
      </c>
      <c r="B48" s="27">
        <v>76</v>
      </c>
      <c r="C48" s="28">
        <v>89</v>
      </c>
      <c r="D48" s="29">
        <v>165</v>
      </c>
    </row>
    <row r="49" spans="1:4" ht="18" customHeight="1" x14ac:dyDescent="0.2">
      <c r="A49" s="31">
        <v>36</v>
      </c>
      <c r="B49" s="27">
        <v>63</v>
      </c>
      <c r="C49" s="28">
        <v>61</v>
      </c>
      <c r="D49" s="29">
        <v>124</v>
      </c>
    </row>
    <row r="50" spans="1:4" ht="18" customHeight="1" x14ac:dyDescent="0.2">
      <c r="A50" s="31">
        <v>37</v>
      </c>
      <c r="B50" s="27">
        <v>64</v>
      </c>
      <c r="C50" s="28">
        <v>81</v>
      </c>
      <c r="D50" s="29">
        <v>145</v>
      </c>
    </row>
    <row r="51" spans="1:4" ht="18" customHeight="1" x14ac:dyDescent="0.2">
      <c r="A51" s="31">
        <v>38</v>
      </c>
      <c r="B51" s="27">
        <v>75</v>
      </c>
      <c r="C51" s="28">
        <v>77</v>
      </c>
      <c r="D51" s="29">
        <v>152</v>
      </c>
    </row>
    <row r="52" spans="1:4" ht="18" customHeight="1" x14ac:dyDescent="0.2">
      <c r="A52" s="31">
        <v>39</v>
      </c>
      <c r="B52" s="27">
        <v>82</v>
      </c>
      <c r="C52" s="28">
        <v>90</v>
      </c>
      <c r="D52" s="29">
        <v>172</v>
      </c>
    </row>
    <row r="53" spans="1:4" ht="18" customHeight="1" x14ac:dyDescent="0.2">
      <c r="A53" s="31" t="s">
        <v>56</v>
      </c>
      <c r="B53" s="27">
        <v>360</v>
      </c>
      <c r="C53" s="28">
        <v>398</v>
      </c>
      <c r="D53" s="29">
        <v>758</v>
      </c>
    </row>
    <row r="54" spans="1:4" ht="18" customHeight="1" x14ac:dyDescent="0.2">
      <c r="A54" s="31">
        <v>40</v>
      </c>
      <c r="B54" s="27">
        <v>83</v>
      </c>
      <c r="C54" s="28">
        <v>82</v>
      </c>
      <c r="D54" s="29">
        <v>165</v>
      </c>
    </row>
    <row r="55" spans="1:4" ht="18" customHeight="1" x14ac:dyDescent="0.2">
      <c r="A55" s="31">
        <v>41</v>
      </c>
      <c r="B55" s="27">
        <v>98</v>
      </c>
      <c r="C55" s="28">
        <v>93</v>
      </c>
      <c r="D55" s="29">
        <v>191</v>
      </c>
    </row>
    <row r="56" spans="1:4" ht="18" customHeight="1" x14ac:dyDescent="0.2">
      <c r="A56" s="31">
        <v>42</v>
      </c>
      <c r="B56" s="27">
        <v>111</v>
      </c>
      <c r="C56" s="28">
        <v>109</v>
      </c>
      <c r="D56" s="29">
        <v>220</v>
      </c>
    </row>
    <row r="57" spans="1:4" ht="18" customHeight="1" x14ac:dyDescent="0.2">
      <c r="A57" s="31">
        <v>43</v>
      </c>
      <c r="B57" s="27">
        <v>108</v>
      </c>
      <c r="C57" s="28">
        <v>100</v>
      </c>
      <c r="D57" s="29">
        <v>208</v>
      </c>
    </row>
    <row r="58" spans="1:4" ht="18" customHeight="1" x14ac:dyDescent="0.2">
      <c r="A58" s="31">
        <v>44</v>
      </c>
      <c r="B58" s="27">
        <v>119</v>
      </c>
      <c r="C58" s="28">
        <v>120</v>
      </c>
      <c r="D58" s="29">
        <v>239</v>
      </c>
    </row>
    <row r="59" spans="1:4" ht="18" customHeight="1" x14ac:dyDescent="0.2">
      <c r="A59" s="31" t="s">
        <v>57</v>
      </c>
      <c r="B59" s="27">
        <v>519</v>
      </c>
      <c r="C59" s="28">
        <v>504</v>
      </c>
      <c r="D59" s="29">
        <v>1023</v>
      </c>
    </row>
    <row r="60" spans="1:4" ht="18" customHeight="1" x14ac:dyDescent="0.2">
      <c r="A60" s="31">
        <v>45</v>
      </c>
      <c r="B60" s="27">
        <v>112</v>
      </c>
      <c r="C60" s="28">
        <v>109</v>
      </c>
      <c r="D60" s="29">
        <v>221</v>
      </c>
    </row>
    <row r="61" spans="1:4" ht="18" customHeight="1" x14ac:dyDescent="0.2">
      <c r="A61" s="31">
        <v>46</v>
      </c>
      <c r="B61" s="27">
        <v>135</v>
      </c>
      <c r="C61" s="28">
        <v>133</v>
      </c>
      <c r="D61" s="29">
        <v>268</v>
      </c>
    </row>
    <row r="62" spans="1:4" ht="18" customHeight="1" x14ac:dyDescent="0.2">
      <c r="A62" s="31">
        <v>47</v>
      </c>
      <c r="B62" s="27">
        <v>117</v>
      </c>
      <c r="C62" s="28">
        <v>133</v>
      </c>
      <c r="D62" s="29">
        <v>250</v>
      </c>
    </row>
    <row r="63" spans="1:4" ht="18" customHeight="1" x14ac:dyDescent="0.2">
      <c r="A63" s="31">
        <v>48</v>
      </c>
      <c r="B63" s="27">
        <v>113</v>
      </c>
      <c r="C63" s="28">
        <v>94</v>
      </c>
      <c r="D63" s="29">
        <v>207</v>
      </c>
    </row>
    <row r="64" spans="1:4" ht="18" customHeight="1" x14ac:dyDescent="0.2">
      <c r="A64" s="31">
        <v>49</v>
      </c>
      <c r="B64" s="27">
        <v>124</v>
      </c>
      <c r="C64" s="28">
        <v>91</v>
      </c>
      <c r="D64" s="29">
        <v>215</v>
      </c>
    </row>
    <row r="65" spans="1:4" ht="18" customHeight="1" x14ac:dyDescent="0.2">
      <c r="A65" s="31" t="s">
        <v>58</v>
      </c>
      <c r="B65" s="27">
        <v>601</v>
      </c>
      <c r="C65" s="28">
        <v>560</v>
      </c>
      <c r="D65" s="29">
        <v>1161</v>
      </c>
    </row>
    <row r="66" spans="1:4" ht="18" customHeight="1" x14ac:dyDescent="0.2">
      <c r="A66" s="31">
        <v>50</v>
      </c>
      <c r="B66" s="27">
        <v>105</v>
      </c>
      <c r="C66" s="28">
        <v>85</v>
      </c>
      <c r="D66" s="29">
        <v>190</v>
      </c>
    </row>
    <row r="67" spans="1:4" ht="18" customHeight="1" x14ac:dyDescent="0.2">
      <c r="A67" s="31">
        <v>51</v>
      </c>
      <c r="B67" s="27">
        <v>92</v>
      </c>
      <c r="C67" s="28">
        <v>105</v>
      </c>
      <c r="D67" s="29">
        <v>197</v>
      </c>
    </row>
    <row r="68" spans="1:4" ht="18" customHeight="1" x14ac:dyDescent="0.2">
      <c r="A68" s="31">
        <v>52</v>
      </c>
      <c r="B68" s="27">
        <v>78</v>
      </c>
      <c r="C68" s="28">
        <v>93</v>
      </c>
      <c r="D68" s="29">
        <v>171</v>
      </c>
    </row>
    <row r="69" spans="1:4" ht="18" customHeight="1" x14ac:dyDescent="0.2">
      <c r="A69" s="31">
        <v>53</v>
      </c>
      <c r="B69" s="27">
        <v>64</v>
      </c>
      <c r="C69" s="28">
        <v>58</v>
      </c>
      <c r="D69" s="29">
        <v>122</v>
      </c>
    </row>
    <row r="70" spans="1:4" ht="18" customHeight="1" x14ac:dyDescent="0.2">
      <c r="A70" s="31">
        <v>54</v>
      </c>
      <c r="B70" s="27">
        <v>67</v>
      </c>
      <c r="C70" s="28">
        <v>87</v>
      </c>
      <c r="D70" s="29">
        <v>154</v>
      </c>
    </row>
    <row r="71" spans="1:4" ht="18" customHeight="1" x14ac:dyDescent="0.2">
      <c r="A71" s="31" t="s">
        <v>59</v>
      </c>
      <c r="B71" s="27">
        <v>406</v>
      </c>
      <c r="C71" s="28">
        <v>428</v>
      </c>
      <c r="D71" s="29">
        <v>834</v>
      </c>
    </row>
    <row r="72" spans="1:4" ht="18" customHeight="1" x14ac:dyDescent="0.2">
      <c r="A72" s="31">
        <v>55</v>
      </c>
      <c r="B72" s="27">
        <v>80</v>
      </c>
      <c r="C72" s="28">
        <v>77</v>
      </c>
      <c r="D72" s="29">
        <v>157</v>
      </c>
    </row>
    <row r="73" spans="1:4" ht="18" customHeight="1" x14ac:dyDescent="0.2">
      <c r="A73" s="31">
        <v>56</v>
      </c>
      <c r="B73" s="27">
        <v>73</v>
      </c>
      <c r="C73" s="28">
        <v>73</v>
      </c>
      <c r="D73" s="29">
        <v>146</v>
      </c>
    </row>
    <row r="74" spans="1:4" ht="18" customHeight="1" x14ac:dyDescent="0.2">
      <c r="A74" s="31">
        <v>57</v>
      </c>
      <c r="B74" s="27">
        <v>64</v>
      </c>
      <c r="C74" s="28">
        <v>75</v>
      </c>
      <c r="D74" s="29">
        <v>139</v>
      </c>
    </row>
    <row r="75" spans="1:4" ht="18" customHeight="1" x14ac:dyDescent="0.2">
      <c r="A75" s="31">
        <v>58</v>
      </c>
      <c r="B75" s="27">
        <v>66</v>
      </c>
      <c r="C75" s="28">
        <v>68</v>
      </c>
      <c r="D75" s="29">
        <v>134</v>
      </c>
    </row>
    <row r="76" spans="1:4" ht="18" customHeight="1" x14ac:dyDescent="0.2">
      <c r="A76" s="31">
        <v>59</v>
      </c>
      <c r="B76" s="27">
        <v>58</v>
      </c>
      <c r="C76" s="28">
        <v>71</v>
      </c>
      <c r="D76" s="29">
        <v>129</v>
      </c>
    </row>
    <row r="77" spans="1:4" ht="18" customHeight="1" x14ac:dyDescent="0.2">
      <c r="A77" s="31" t="s">
        <v>60</v>
      </c>
      <c r="B77" s="27">
        <v>341</v>
      </c>
      <c r="C77" s="28">
        <v>364</v>
      </c>
      <c r="D77" s="29">
        <v>705</v>
      </c>
    </row>
    <row r="78" spans="1:4" ht="18" customHeight="1" x14ac:dyDescent="0.2">
      <c r="A78" s="31">
        <v>60</v>
      </c>
      <c r="B78" s="27">
        <v>62</v>
      </c>
      <c r="C78" s="28">
        <v>65</v>
      </c>
      <c r="D78" s="29">
        <v>127</v>
      </c>
    </row>
    <row r="79" spans="1:4" ht="18" customHeight="1" x14ac:dyDescent="0.2">
      <c r="A79" s="31">
        <v>61</v>
      </c>
      <c r="B79" s="27">
        <v>52</v>
      </c>
      <c r="C79" s="28">
        <v>51</v>
      </c>
      <c r="D79" s="29">
        <v>103</v>
      </c>
    </row>
    <row r="80" spans="1:4" ht="18" customHeight="1" x14ac:dyDescent="0.2">
      <c r="A80" s="31">
        <v>62</v>
      </c>
      <c r="B80" s="27">
        <v>57</v>
      </c>
      <c r="C80" s="28">
        <v>50</v>
      </c>
      <c r="D80" s="29">
        <v>107</v>
      </c>
    </row>
    <row r="81" spans="1:4" ht="18" customHeight="1" x14ac:dyDescent="0.2">
      <c r="A81" s="31">
        <v>63</v>
      </c>
      <c r="B81" s="27">
        <v>53</v>
      </c>
      <c r="C81" s="28">
        <v>63</v>
      </c>
      <c r="D81" s="29">
        <v>116</v>
      </c>
    </row>
    <row r="82" spans="1:4" ht="18" customHeight="1" x14ac:dyDescent="0.2">
      <c r="A82" s="31">
        <v>64</v>
      </c>
      <c r="B82" s="27">
        <v>68</v>
      </c>
      <c r="C82" s="28">
        <v>71</v>
      </c>
      <c r="D82" s="29">
        <v>139</v>
      </c>
    </row>
    <row r="83" spans="1:4" ht="18" customHeight="1" x14ac:dyDescent="0.2">
      <c r="A83" s="31" t="s">
        <v>61</v>
      </c>
      <c r="B83" s="27">
        <v>292</v>
      </c>
      <c r="C83" s="28">
        <v>300</v>
      </c>
      <c r="D83" s="29">
        <v>592</v>
      </c>
    </row>
    <row r="84" spans="1:4" ht="18" customHeight="1" x14ac:dyDescent="0.2">
      <c r="A84" s="31" t="s">
        <v>62</v>
      </c>
      <c r="B84" s="27">
        <v>3933</v>
      </c>
      <c r="C84" s="28">
        <v>3824</v>
      </c>
      <c r="D84" s="29">
        <v>7757</v>
      </c>
    </row>
    <row r="85" spans="1:4" ht="18" customHeight="1" x14ac:dyDescent="0.2">
      <c r="A85" s="31">
        <v>65</v>
      </c>
      <c r="B85" s="27">
        <v>60</v>
      </c>
      <c r="C85" s="28">
        <v>58</v>
      </c>
      <c r="D85" s="29">
        <v>118</v>
      </c>
    </row>
    <row r="86" spans="1:4" ht="18" customHeight="1" x14ac:dyDescent="0.2">
      <c r="A86" s="31">
        <v>66</v>
      </c>
      <c r="B86" s="27">
        <v>83</v>
      </c>
      <c r="C86" s="28">
        <v>69</v>
      </c>
      <c r="D86" s="29">
        <v>152</v>
      </c>
    </row>
    <row r="87" spans="1:4" ht="18" customHeight="1" x14ac:dyDescent="0.2">
      <c r="A87" s="31">
        <v>67</v>
      </c>
      <c r="B87" s="27">
        <v>59</v>
      </c>
      <c r="C87" s="28">
        <v>67</v>
      </c>
      <c r="D87" s="29">
        <v>126</v>
      </c>
    </row>
    <row r="88" spans="1:4" ht="18" customHeight="1" x14ac:dyDescent="0.2">
      <c r="A88" s="31">
        <v>68</v>
      </c>
      <c r="B88" s="27">
        <v>70</v>
      </c>
      <c r="C88" s="28">
        <v>63</v>
      </c>
      <c r="D88" s="29">
        <v>133</v>
      </c>
    </row>
    <row r="89" spans="1:4" ht="18" customHeight="1" x14ac:dyDescent="0.2">
      <c r="A89" s="31">
        <v>69</v>
      </c>
      <c r="B89" s="27">
        <v>66</v>
      </c>
      <c r="C89" s="28">
        <v>75</v>
      </c>
      <c r="D89" s="29">
        <v>141</v>
      </c>
    </row>
    <row r="90" spans="1:4" ht="18" customHeight="1" x14ac:dyDescent="0.2">
      <c r="A90" s="31" t="s">
        <v>63</v>
      </c>
      <c r="B90" s="27">
        <v>338</v>
      </c>
      <c r="C90" s="28">
        <v>332</v>
      </c>
      <c r="D90" s="29">
        <v>670</v>
      </c>
    </row>
    <row r="91" spans="1:4" ht="18" customHeight="1" x14ac:dyDescent="0.2">
      <c r="A91" s="31">
        <v>70</v>
      </c>
      <c r="B91" s="27">
        <v>75</v>
      </c>
      <c r="C91" s="28">
        <v>82</v>
      </c>
      <c r="D91" s="29">
        <v>157</v>
      </c>
    </row>
    <row r="92" spans="1:4" ht="18" customHeight="1" x14ac:dyDescent="0.2">
      <c r="A92" s="31">
        <v>71</v>
      </c>
      <c r="B92" s="27">
        <v>92</v>
      </c>
      <c r="C92" s="28">
        <v>89</v>
      </c>
      <c r="D92" s="29">
        <v>181</v>
      </c>
    </row>
    <row r="93" spans="1:4" ht="18" customHeight="1" x14ac:dyDescent="0.2">
      <c r="A93" s="31">
        <v>72</v>
      </c>
      <c r="B93" s="27">
        <v>68</v>
      </c>
      <c r="C93" s="28">
        <v>91</v>
      </c>
      <c r="D93" s="29">
        <v>159</v>
      </c>
    </row>
    <row r="94" spans="1:4" ht="18" customHeight="1" x14ac:dyDescent="0.2">
      <c r="A94" s="31">
        <v>73</v>
      </c>
      <c r="B94" s="27">
        <v>31</v>
      </c>
      <c r="C94" s="28">
        <v>38</v>
      </c>
      <c r="D94" s="29">
        <v>69</v>
      </c>
    </row>
    <row r="95" spans="1:4" ht="18" customHeight="1" x14ac:dyDescent="0.2">
      <c r="A95" s="31">
        <v>74</v>
      </c>
      <c r="B95" s="27">
        <v>40</v>
      </c>
      <c r="C95" s="28">
        <v>41</v>
      </c>
      <c r="D95" s="29">
        <v>81</v>
      </c>
    </row>
    <row r="96" spans="1:4" ht="18" customHeight="1" x14ac:dyDescent="0.2">
      <c r="A96" s="31" t="s">
        <v>64</v>
      </c>
      <c r="B96" s="27">
        <v>306</v>
      </c>
      <c r="C96" s="28">
        <v>341</v>
      </c>
      <c r="D96" s="29">
        <v>647</v>
      </c>
    </row>
    <row r="97" spans="1:4" ht="18" customHeight="1" x14ac:dyDescent="0.2">
      <c r="A97" s="31">
        <v>75</v>
      </c>
      <c r="B97" s="27">
        <v>47</v>
      </c>
      <c r="C97" s="28">
        <v>51</v>
      </c>
      <c r="D97" s="29">
        <v>98</v>
      </c>
    </row>
    <row r="98" spans="1:4" ht="18" customHeight="1" x14ac:dyDescent="0.2">
      <c r="A98" s="31">
        <v>76</v>
      </c>
      <c r="B98" s="27">
        <v>50</v>
      </c>
      <c r="C98" s="28">
        <v>59</v>
      </c>
      <c r="D98" s="29">
        <v>109</v>
      </c>
    </row>
    <row r="99" spans="1:4" ht="18" customHeight="1" x14ac:dyDescent="0.2">
      <c r="A99" s="31">
        <v>77</v>
      </c>
      <c r="B99" s="27">
        <v>42</v>
      </c>
      <c r="C99" s="28">
        <v>38</v>
      </c>
      <c r="D99" s="29">
        <v>80</v>
      </c>
    </row>
    <row r="100" spans="1:4" ht="18" customHeight="1" x14ac:dyDescent="0.2">
      <c r="A100" s="31">
        <v>78</v>
      </c>
      <c r="B100" s="27">
        <v>42</v>
      </c>
      <c r="C100" s="28">
        <v>67</v>
      </c>
      <c r="D100" s="29">
        <v>109</v>
      </c>
    </row>
    <row r="101" spans="1:4" ht="18" customHeight="1" x14ac:dyDescent="0.2">
      <c r="A101" s="31">
        <v>79</v>
      </c>
      <c r="B101" s="27">
        <v>43</v>
      </c>
      <c r="C101" s="28">
        <v>38</v>
      </c>
      <c r="D101" s="29">
        <v>81</v>
      </c>
    </row>
    <row r="102" spans="1:4" ht="18" customHeight="1" x14ac:dyDescent="0.2">
      <c r="A102" s="31" t="s">
        <v>65</v>
      </c>
      <c r="B102" s="27">
        <v>224</v>
      </c>
      <c r="C102" s="28">
        <v>253</v>
      </c>
      <c r="D102" s="29">
        <v>477</v>
      </c>
    </row>
    <row r="103" spans="1:4" ht="18" customHeight="1" x14ac:dyDescent="0.2">
      <c r="A103" s="31">
        <v>80</v>
      </c>
      <c r="B103" s="27">
        <v>26</v>
      </c>
      <c r="C103" s="28">
        <v>45</v>
      </c>
      <c r="D103" s="29">
        <v>71</v>
      </c>
    </row>
    <row r="104" spans="1:4" ht="18" customHeight="1" x14ac:dyDescent="0.2">
      <c r="A104" s="31">
        <v>81</v>
      </c>
      <c r="B104" s="27">
        <v>29</v>
      </c>
      <c r="C104" s="28">
        <v>31</v>
      </c>
      <c r="D104" s="29">
        <v>60</v>
      </c>
    </row>
    <row r="105" spans="1:4" ht="18" customHeight="1" x14ac:dyDescent="0.2">
      <c r="A105" s="31">
        <v>82</v>
      </c>
      <c r="B105" s="27">
        <v>26</v>
      </c>
      <c r="C105" s="28">
        <v>30</v>
      </c>
      <c r="D105" s="29">
        <v>56</v>
      </c>
    </row>
    <row r="106" spans="1:4" ht="18" customHeight="1" x14ac:dyDescent="0.2">
      <c r="A106" s="31">
        <v>83</v>
      </c>
      <c r="B106" s="27">
        <v>19</v>
      </c>
      <c r="C106" s="28">
        <v>37</v>
      </c>
      <c r="D106" s="29">
        <v>56</v>
      </c>
    </row>
    <row r="107" spans="1:4" ht="18" customHeight="1" x14ac:dyDescent="0.2">
      <c r="A107" s="31">
        <v>84</v>
      </c>
      <c r="B107" s="27">
        <v>21</v>
      </c>
      <c r="C107" s="28">
        <v>43</v>
      </c>
      <c r="D107" s="29">
        <v>64</v>
      </c>
    </row>
    <row r="108" spans="1:4" ht="18" customHeight="1" x14ac:dyDescent="0.2">
      <c r="A108" s="31" t="s">
        <v>66</v>
      </c>
      <c r="B108" s="27">
        <v>121</v>
      </c>
      <c r="C108" s="28">
        <v>186</v>
      </c>
      <c r="D108" s="29">
        <v>307</v>
      </c>
    </row>
    <row r="109" spans="1:4" ht="18" customHeight="1" x14ac:dyDescent="0.2">
      <c r="A109" s="31">
        <v>85</v>
      </c>
      <c r="B109" s="27">
        <v>14</v>
      </c>
      <c r="C109" s="28">
        <v>36</v>
      </c>
      <c r="D109" s="29">
        <v>50</v>
      </c>
    </row>
    <row r="110" spans="1:4" ht="18" customHeight="1" x14ac:dyDescent="0.2">
      <c r="A110" s="31">
        <v>86</v>
      </c>
      <c r="B110" s="27">
        <v>18</v>
      </c>
      <c r="C110" s="28">
        <v>39</v>
      </c>
      <c r="D110" s="29">
        <v>57</v>
      </c>
    </row>
    <row r="111" spans="1:4" ht="18" customHeight="1" x14ac:dyDescent="0.2">
      <c r="A111" s="31">
        <v>87</v>
      </c>
      <c r="B111" s="27">
        <v>14</v>
      </c>
      <c r="C111" s="28">
        <v>42</v>
      </c>
      <c r="D111" s="29">
        <v>56</v>
      </c>
    </row>
    <row r="112" spans="1:4" ht="18" customHeight="1" x14ac:dyDescent="0.2">
      <c r="A112" s="31">
        <v>88</v>
      </c>
      <c r="B112" s="27">
        <v>22</v>
      </c>
      <c r="C112" s="28">
        <v>34</v>
      </c>
      <c r="D112" s="29">
        <v>56</v>
      </c>
    </row>
    <row r="113" spans="1:4" ht="18" customHeight="1" x14ac:dyDescent="0.2">
      <c r="A113" s="31">
        <v>89</v>
      </c>
      <c r="B113" s="27">
        <v>12</v>
      </c>
      <c r="C113" s="28">
        <v>23</v>
      </c>
      <c r="D113" s="29">
        <v>35</v>
      </c>
    </row>
    <row r="114" spans="1:4" ht="18" customHeight="1" x14ac:dyDescent="0.2">
      <c r="A114" s="31" t="s">
        <v>67</v>
      </c>
      <c r="B114" s="27">
        <v>80</v>
      </c>
      <c r="C114" s="28">
        <v>174</v>
      </c>
      <c r="D114" s="29">
        <v>254</v>
      </c>
    </row>
    <row r="115" spans="1:4" ht="18" customHeight="1" x14ac:dyDescent="0.2">
      <c r="A115" s="31">
        <v>90</v>
      </c>
      <c r="B115" s="27">
        <v>12</v>
      </c>
      <c r="C115" s="28">
        <v>20</v>
      </c>
      <c r="D115" s="29">
        <v>32</v>
      </c>
    </row>
    <row r="116" spans="1:4" ht="18" customHeight="1" x14ac:dyDescent="0.2">
      <c r="A116" s="31">
        <v>91</v>
      </c>
      <c r="B116" s="27">
        <v>12</v>
      </c>
      <c r="C116" s="28">
        <v>18</v>
      </c>
      <c r="D116" s="29">
        <v>30</v>
      </c>
    </row>
    <row r="117" spans="1:4" ht="18" customHeight="1" x14ac:dyDescent="0.2">
      <c r="A117" s="31">
        <v>92</v>
      </c>
      <c r="B117" s="27">
        <v>14</v>
      </c>
      <c r="C117" s="28">
        <v>22</v>
      </c>
      <c r="D117" s="29">
        <v>36</v>
      </c>
    </row>
    <row r="118" spans="1:4" ht="18" customHeight="1" x14ac:dyDescent="0.2">
      <c r="A118" s="31">
        <v>93</v>
      </c>
      <c r="B118" s="27">
        <v>3</v>
      </c>
      <c r="C118" s="28">
        <v>10</v>
      </c>
      <c r="D118" s="29">
        <v>13</v>
      </c>
    </row>
    <row r="119" spans="1:4" ht="18" customHeight="1" x14ac:dyDescent="0.2">
      <c r="A119" s="31">
        <v>94</v>
      </c>
      <c r="B119" s="27">
        <v>4</v>
      </c>
      <c r="C119" s="28">
        <v>13</v>
      </c>
      <c r="D119" s="29">
        <v>17</v>
      </c>
    </row>
    <row r="120" spans="1:4" ht="18" customHeight="1" x14ac:dyDescent="0.2">
      <c r="A120" s="31" t="s">
        <v>68</v>
      </c>
      <c r="B120" s="27">
        <v>45</v>
      </c>
      <c r="C120" s="28">
        <v>83</v>
      </c>
      <c r="D120" s="29">
        <v>128</v>
      </c>
    </row>
    <row r="121" spans="1:4" ht="18" customHeight="1" x14ac:dyDescent="0.2">
      <c r="A121" s="31">
        <v>95</v>
      </c>
      <c r="B121" s="27">
        <v>5</v>
      </c>
      <c r="C121" s="28">
        <v>6</v>
      </c>
      <c r="D121" s="29">
        <v>11</v>
      </c>
    </row>
    <row r="122" spans="1:4" ht="18" customHeight="1" x14ac:dyDescent="0.2">
      <c r="A122" s="31">
        <v>96</v>
      </c>
      <c r="B122" s="27">
        <v>3</v>
      </c>
      <c r="C122" s="28">
        <v>7</v>
      </c>
      <c r="D122" s="29">
        <v>10</v>
      </c>
    </row>
    <row r="123" spans="1:4" ht="18" customHeight="1" x14ac:dyDescent="0.2">
      <c r="A123" s="31">
        <v>97</v>
      </c>
      <c r="B123" s="27">
        <v>4</v>
      </c>
      <c r="C123" s="28">
        <v>3</v>
      </c>
      <c r="D123" s="29">
        <v>7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13</v>
      </c>
      <c r="C126" s="28">
        <v>23</v>
      </c>
      <c r="D126" s="29">
        <v>36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0</v>
      </c>
      <c r="C129" s="28">
        <v>9</v>
      </c>
      <c r="D129" s="29">
        <v>9</v>
      </c>
    </row>
    <row r="130" spans="1:4" ht="18" customHeight="1" x14ac:dyDescent="0.2">
      <c r="A130" s="31" t="s">
        <v>72</v>
      </c>
      <c r="B130" s="4">
        <v>1127</v>
      </c>
      <c r="C130" s="5">
        <v>1401</v>
      </c>
      <c r="D130" s="6">
        <v>2528</v>
      </c>
    </row>
    <row r="131" spans="1:4" ht="18" customHeight="1" x14ac:dyDescent="0.2">
      <c r="A131" s="33" t="s">
        <v>47</v>
      </c>
      <c r="B131" s="7">
        <v>6027</v>
      </c>
      <c r="C131" s="8">
        <v>6153</v>
      </c>
      <c r="D131" s="9">
        <v>1218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9</v>
      </c>
      <c r="C5" s="37">
        <v>54</v>
      </c>
      <c r="D5" s="39">
        <v>113</v>
      </c>
    </row>
    <row r="6" spans="1:4" ht="18" customHeight="1" x14ac:dyDescent="0.2">
      <c r="A6" s="31">
        <v>1</v>
      </c>
      <c r="B6" s="35">
        <v>73</v>
      </c>
      <c r="C6" s="28">
        <v>59</v>
      </c>
      <c r="D6" s="29">
        <v>132</v>
      </c>
    </row>
    <row r="7" spans="1:4" ht="18" customHeight="1" x14ac:dyDescent="0.2">
      <c r="A7" s="31">
        <v>2</v>
      </c>
      <c r="B7" s="35">
        <v>54</v>
      </c>
      <c r="C7" s="28">
        <v>64</v>
      </c>
      <c r="D7" s="29">
        <v>118</v>
      </c>
    </row>
    <row r="8" spans="1:4" ht="18" customHeight="1" x14ac:dyDescent="0.2">
      <c r="A8" s="31">
        <v>3</v>
      </c>
      <c r="B8" s="35">
        <v>79</v>
      </c>
      <c r="C8" s="28">
        <v>56</v>
      </c>
      <c r="D8" s="29">
        <v>135</v>
      </c>
    </row>
    <row r="9" spans="1:4" ht="18" customHeight="1" x14ac:dyDescent="0.2">
      <c r="A9" s="31">
        <v>4</v>
      </c>
      <c r="B9" s="36">
        <v>76</v>
      </c>
      <c r="C9" s="38">
        <v>59</v>
      </c>
      <c r="D9" s="40">
        <v>135</v>
      </c>
    </row>
    <row r="10" spans="1:4" ht="18" customHeight="1" x14ac:dyDescent="0.2">
      <c r="A10" s="31" t="s">
        <v>48</v>
      </c>
      <c r="B10" s="27">
        <v>341</v>
      </c>
      <c r="C10" s="28">
        <v>292</v>
      </c>
      <c r="D10" s="29">
        <v>633</v>
      </c>
    </row>
    <row r="11" spans="1:4" ht="18" customHeight="1" x14ac:dyDescent="0.2">
      <c r="A11" s="31">
        <v>5</v>
      </c>
      <c r="B11" s="35">
        <v>62</v>
      </c>
      <c r="C11" s="28">
        <v>63</v>
      </c>
      <c r="D11" s="29">
        <v>125</v>
      </c>
    </row>
    <row r="12" spans="1:4" ht="18" customHeight="1" x14ac:dyDescent="0.2">
      <c r="A12" s="31">
        <v>6</v>
      </c>
      <c r="B12" s="35">
        <v>69</v>
      </c>
      <c r="C12" s="28">
        <v>78</v>
      </c>
      <c r="D12" s="29">
        <v>147</v>
      </c>
    </row>
    <row r="13" spans="1:4" ht="18" customHeight="1" x14ac:dyDescent="0.2">
      <c r="A13" s="31">
        <v>7</v>
      </c>
      <c r="B13" s="35">
        <v>63</v>
      </c>
      <c r="C13" s="28">
        <v>74</v>
      </c>
      <c r="D13" s="29">
        <v>137</v>
      </c>
    </row>
    <row r="14" spans="1:4" ht="18" customHeight="1" x14ac:dyDescent="0.2">
      <c r="A14" s="31">
        <v>8</v>
      </c>
      <c r="B14" s="35">
        <v>73</v>
      </c>
      <c r="C14" s="28">
        <v>64</v>
      </c>
      <c r="D14" s="29">
        <v>137</v>
      </c>
    </row>
    <row r="15" spans="1:4" ht="18" customHeight="1" x14ac:dyDescent="0.2">
      <c r="A15" s="31">
        <v>9</v>
      </c>
      <c r="B15" s="35">
        <v>95</v>
      </c>
      <c r="C15" s="28">
        <v>82</v>
      </c>
      <c r="D15" s="29">
        <v>177</v>
      </c>
    </row>
    <row r="16" spans="1:4" ht="18" customHeight="1" x14ac:dyDescent="0.2">
      <c r="A16" s="31" t="s">
        <v>49</v>
      </c>
      <c r="B16" s="27">
        <v>362</v>
      </c>
      <c r="C16" s="28">
        <v>361</v>
      </c>
      <c r="D16" s="29">
        <v>723</v>
      </c>
    </row>
    <row r="17" spans="1:4" ht="18" customHeight="1" x14ac:dyDescent="0.2">
      <c r="A17" s="31">
        <v>10</v>
      </c>
      <c r="B17" s="27">
        <v>81</v>
      </c>
      <c r="C17" s="28">
        <v>73</v>
      </c>
      <c r="D17" s="29">
        <v>154</v>
      </c>
    </row>
    <row r="18" spans="1:4" ht="18" customHeight="1" x14ac:dyDescent="0.2">
      <c r="A18" s="31">
        <v>11</v>
      </c>
      <c r="B18" s="27">
        <v>78</v>
      </c>
      <c r="C18" s="28">
        <v>78</v>
      </c>
      <c r="D18" s="29">
        <v>156</v>
      </c>
    </row>
    <row r="19" spans="1:4" ht="18" customHeight="1" x14ac:dyDescent="0.2">
      <c r="A19" s="31">
        <v>12</v>
      </c>
      <c r="B19" s="27">
        <v>71</v>
      </c>
      <c r="C19" s="28">
        <v>75</v>
      </c>
      <c r="D19" s="29">
        <v>146</v>
      </c>
    </row>
    <row r="20" spans="1:4" ht="18" customHeight="1" x14ac:dyDescent="0.2">
      <c r="A20" s="31">
        <v>13</v>
      </c>
      <c r="B20" s="27">
        <v>80</v>
      </c>
      <c r="C20" s="28">
        <v>69</v>
      </c>
      <c r="D20" s="29">
        <v>149</v>
      </c>
    </row>
    <row r="21" spans="1:4" ht="18" customHeight="1" x14ac:dyDescent="0.2">
      <c r="A21" s="31">
        <v>14</v>
      </c>
      <c r="B21" s="27">
        <v>81</v>
      </c>
      <c r="C21" s="28">
        <v>69</v>
      </c>
      <c r="D21" s="29">
        <v>150</v>
      </c>
    </row>
    <row r="22" spans="1:4" ht="18" customHeight="1" x14ac:dyDescent="0.2">
      <c r="A22" s="31" t="s">
        <v>50</v>
      </c>
      <c r="B22" s="27">
        <v>391</v>
      </c>
      <c r="C22" s="28">
        <v>364</v>
      </c>
      <c r="D22" s="29">
        <v>755</v>
      </c>
    </row>
    <row r="23" spans="1:4" ht="18" customHeight="1" x14ac:dyDescent="0.2">
      <c r="A23" s="31" t="s">
        <v>51</v>
      </c>
      <c r="B23" s="27">
        <v>1094</v>
      </c>
      <c r="C23" s="28">
        <v>1017</v>
      </c>
      <c r="D23" s="29">
        <v>2111</v>
      </c>
    </row>
    <row r="24" spans="1:4" ht="18" customHeight="1" x14ac:dyDescent="0.2">
      <c r="A24" s="31">
        <v>15</v>
      </c>
      <c r="B24" s="27">
        <v>74</v>
      </c>
      <c r="C24" s="28">
        <v>76</v>
      </c>
      <c r="D24" s="29">
        <v>150</v>
      </c>
    </row>
    <row r="25" spans="1:4" ht="18" customHeight="1" x14ac:dyDescent="0.2">
      <c r="A25" s="31">
        <v>16</v>
      </c>
      <c r="B25" s="27">
        <v>67</v>
      </c>
      <c r="C25" s="28">
        <v>51</v>
      </c>
      <c r="D25" s="29">
        <v>118</v>
      </c>
    </row>
    <row r="26" spans="1:4" ht="18" customHeight="1" x14ac:dyDescent="0.2">
      <c r="A26" s="31">
        <v>17</v>
      </c>
      <c r="B26" s="27">
        <v>73</v>
      </c>
      <c r="C26" s="28">
        <v>66</v>
      </c>
      <c r="D26" s="29">
        <v>139</v>
      </c>
    </row>
    <row r="27" spans="1:4" ht="18" customHeight="1" x14ac:dyDescent="0.2">
      <c r="A27" s="31">
        <v>18</v>
      </c>
      <c r="B27" s="27">
        <v>63</v>
      </c>
      <c r="C27" s="28">
        <v>54</v>
      </c>
      <c r="D27" s="29">
        <v>117</v>
      </c>
    </row>
    <row r="28" spans="1:4" ht="18" customHeight="1" x14ac:dyDescent="0.2">
      <c r="A28" s="31">
        <v>19</v>
      </c>
      <c r="B28" s="27">
        <v>60</v>
      </c>
      <c r="C28" s="28">
        <v>51</v>
      </c>
      <c r="D28" s="29">
        <v>111</v>
      </c>
    </row>
    <row r="29" spans="1:4" ht="18" customHeight="1" x14ac:dyDescent="0.2">
      <c r="A29" s="31" t="s">
        <v>52</v>
      </c>
      <c r="B29" s="27">
        <v>337</v>
      </c>
      <c r="C29" s="28">
        <v>298</v>
      </c>
      <c r="D29" s="29">
        <v>635</v>
      </c>
    </row>
    <row r="30" spans="1:4" ht="18" customHeight="1" x14ac:dyDescent="0.2">
      <c r="A30" s="31">
        <v>20</v>
      </c>
      <c r="B30" s="27">
        <v>55</v>
      </c>
      <c r="C30" s="28">
        <v>53</v>
      </c>
      <c r="D30" s="29">
        <v>108</v>
      </c>
    </row>
    <row r="31" spans="1:4" ht="18" customHeight="1" x14ac:dyDescent="0.2">
      <c r="A31" s="31">
        <v>21</v>
      </c>
      <c r="B31" s="27">
        <v>51</v>
      </c>
      <c r="C31" s="28">
        <v>64</v>
      </c>
      <c r="D31" s="29">
        <v>115</v>
      </c>
    </row>
    <row r="32" spans="1:4" ht="18" customHeight="1" x14ac:dyDescent="0.2">
      <c r="A32" s="31">
        <v>22</v>
      </c>
      <c r="B32" s="27">
        <v>58</v>
      </c>
      <c r="C32" s="28">
        <v>56</v>
      </c>
      <c r="D32" s="29">
        <v>114</v>
      </c>
    </row>
    <row r="33" spans="1:4" ht="18" customHeight="1" x14ac:dyDescent="0.2">
      <c r="A33" s="31">
        <v>23</v>
      </c>
      <c r="B33" s="27">
        <v>57</v>
      </c>
      <c r="C33" s="28">
        <v>61</v>
      </c>
      <c r="D33" s="29">
        <v>118</v>
      </c>
    </row>
    <row r="34" spans="1:4" ht="18" customHeight="1" x14ac:dyDescent="0.2">
      <c r="A34" s="31">
        <v>24</v>
      </c>
      <c r="B34" s="27">
        <v>60</v>
      </c>
      <c r="C34" s="28">
        <v>60</v>
      </c>
      <c r="D34" s="29">
        <v>120</v>
      </c>
    </row>
    <row r="35" spans="1:4" ht="18" customHeight="1" x14ac:dyDescent="0.2">
      <c r="A35" s="31" t="s">
        <v>53</v>
      </c>
      <c r="B35" s="27">
        <v>281</v>
      </c>
      <c r="C35" s="28">
        <v>294</v>
      </c>
      <c r="D35" s="29">
        <v>575</v>
      </c>
    </row>
    <row r="36" spans="1:4" ht="18" customHeight="1" x14ac:dyDescent="0.2">
      <c r="A36" s="31">
        <v>25</v>
      </c>
      <c r="B36" s="27">
        <v>59</v>
      </c>
      <c r="C36" s="28">
        <v>65</v>
      </c>
      <c r="D36" s="29">
        <v>124</v>
      </c>
    </row>
    <row r="37" spans="1:4" ht="18" customHeight="1" x14ac:dyDescent="0.2">
      <c r="A37" s="31">
        <v>26</v>
      </c>
      <c r="B37" s="27">
        <v>64</v>
      </c>
      <c r="C37" s="28">
        <v>78</v>
      </c>
      <c r="D37" s="29">
        <v>142</v>
      </c>
    </row>
    <row r="38" spans="1:4" ht="18" customHeight="1" x14ac:dyDescent="0.2">
      <c r="A38" s="31">
        <v>27</v>
      </c>
      <c r="B38" s="27">
        <v>66</v>
      </c>
      <c r="C38" s="28">
        <v>67</v>
      </c>
      <c r="D38" s="29">
        <v>133</v>
      </c>
    </row>
    <row r="39" spans="1:4" ht="18" customHeight="1" x14ac:dyDescent="0.2">
      <c r="A39" s="31">
        <v>28</v>
      </c>
      <c r="B39" s="27">
        <v>73</v>
      </c>
      <c r="C39" s="28">
        <v>70</v>
      </c>
      <c r="D39" s="29">
        <v>143</v>
      </c>
    </row>
    <row r="40" spans="1:4" ht="18" customHeight="1" x14ac:dyDescent="0.2">
      <c r="A40" s="31">
        <v>29</v>
      </c>
      <c r="B40" s="27">
        <v>89</v>
      </c>
      <c r="C40" s="28">
        <v>55</v>
      </c>
      <c r="D40" s="29">
        <v>144</v>
      </c>
    </row>
    <row r="41" spans="1:4" ht="18" customHeight="1" x14ac:dyDescent="0.2">
      <c r="A41" s="31" t="s">
        <v>54</v>
      </c>
      <c r="B41" s="27">
        <v>351</v>
      </c>
      <c r="C41" s="28">
        <v>335</v>
      </c>
      <c r="D41" s="29">
        <v>686</v>
      </c>
    </row>
    <row r="42" spans="1:4" ht="18" customHeight="1" x14ac:dyDescent="0.2">
      <c r="A42" s="31">
        <v>30</v>
      </c>
      <c r="B42" s="27">
        <v>71</v>
      </c>
      <c r="C42" s="28">
        <v>64</v>
      </c>
      <c r="D42" s="29">
        <v>135</v>
      </c>
    </row>
    <row r="43" spans="1:4" ht="18" customHeight="1" x14ac:dyDescent="0.2">
      <c r="A43" s="31">
        <v>31</v>
      </c>
      <c r="B43" s="27">
        <v>73</v>
      </c>
      <c r="C43" s="28">
        <v>55</v>
      </c>
      <c r="D43" s="29">
        <v>128</v>
      </c>
    </row>
    <row r="44" spans="1:4" ht="18" customHeight="1" x14ac:dyDescent="0.2">
      <c r="A44" s="31">
        <v>32</v>
      </c>
      <c r="B44" s="27">
        <v>69</v>
      </c>
      <c r="C44" s="28">
        <v>74</v>
      </c>
      <c r="D44" s="29">
        <v>143</v>
      </c>
    </row>
    <row r="45" spans="1:4" ht="18" customHeight="1" x14ac:dyDescent="0.2">
      <c r="A45" s="31">
        <v>33</v>
      </c>
      <c r="B45" s="27">
        <v>73</v>
      </c>
      <c r="C45" s="28">
        <v>73</v>
      </c>
      <c r="D45" s="29">
        <v>146</v>
      </c>
    </row>
    <row r="46" spans="1:4" ht="18" customHeight="1" x14ac:dyDescent="0.2">
      <c r="A46" s="31">
        <v>34</v>
      </c>
      <c r="B46" s="27">
        <v>70</v>
      </c>
      <c r="C46" s="28">
        <v>83</v>
      </c>
      <c r="D46" s="29">
        <v>153</v>
      </c>
    </row>
    <row r="47" spans="1:4" ht="18" customHeight="1" x14ac:dyDescent="0.2">
      <c r="A47" s="31" t="s">
        <v>55</v>
      </c>
      <c r="B47" s="27">
        <v>356</v>
      </c>
      <c r="C47" s="28">
        <v>349</v>
      </c>
      <c r="D47" s="29">
        <v>705</v>
      </c>
    </row>
    <row r="48" spans="1:4" ht="18" customHeight="1" x14ac:dyDescent="0.2">
      <c r="A48" s="31">
        <v>35</v>
      </c>
      <c r="B48" s="27">
        <v>67</v>
      </c>
      <c r="C48" s="28">
        <v>86</v>
      </c>
      <c r="D48" s="29">
        <v>153</v>
      </c>
    </row>
    <row r="49" spans="1:4" ht="18" customHeight="1" x14ac:dyDescent="0.2">
      <c r="A49" s="31">
        <v>36</v>
      </c>
      <c r="B49" s="27">
        <v>107</v>
      </c>
      <c r="C49" s="28">
        <v>90</v>
      </c>
      <c r="D49" s="29">
        <v>197</v>
      </c>
    </row>
    <row r="50" spans="1:4" ht="18" customHeight="1" x14ac:dyDescent="0.2">
      <c r="A50" s="31">
        <v>37</v>
      </c>
      <c r="B50" s="27">
        <v>83</v>
      </c>
      <c r="C50" s="28">
        <v>95</v>
      </c>
      <c r="D50" s="29">
        <v>178</v>
      </c>
    </row>
    <row r="51" spans="1:4" ht="18" customHeight="1" x14ac:dyDescent="0.2">
      <c r="A51" s="31">
        <v>38</v>
      </c>
      <c r="B51" s="27">
        <v>80</v>
      </c>
      <c r="C51" s="28">
        <v>90</v>
      </c>
      <c r="D51" s="29">
        <v>170</v>
      </c>
    </row>
    <row r="52" spans="1:4" ht="18" customHeight="1" x14ac:dyDescent="0.2">
      <c r="A52" s="31">
        <v>39</v>
      </c>
      <c r="B52" s="27">
        <v>106</v>
      </c>
      <c r="C52" s="28">
        <v>94</v>
      </c>
      <c r="D52" s="29">
        <v>200</v>
      </c>
    </row>
    <row r="53" spans="1:4" ht="18" customHeight="1" x14ac:dyDescent="0.2">
      <c r="A53" s="31" t="s">
        <v>56</v>
      </c>
      <c r="B53" s="27">
        <v>443</v>
      </c>
      <c r="C53" s="28">
        <v>455</v>
      </c>
      <c r="D53" s="29">
        <v>898</v>
      </c>
    </row>
    <row r="54" spans="1:4" ht="18" customHeight="1" x14ac:dyDescent="0.2">
      <c r="A54" s="31">
        <v>40</v>
      </c>
      <c r="B54" s="27">
        <v>91</v>
      </c>
      <c r="C54" s="28">
        <v>110</v>
      </c>
      <c r="D54" s="29">
        <v>201</v>
      </c>
    </row>
    <row r="55" spans="1:4" ht="18" customHeight="1" x14ac:dyDescent="0.2">
      <c r="A55" s="31">
        <v>41</v>
      </c>
      <c r="B55" s="27">
        <v>120</v>
      </c>
      <c r="C55" s="28">
        <v>105</v>
      </c>
      <c r="D55" s="29">
        <v>225</v>
      </c>
    </row>
    <row r="56" spans="1:4" ht="18" customHeight="1" x14ac:dyDescent="0.2">
      <c r="A56" s="31">
        <v>42</v>
      </c>
      <c r="B56" s="27">
        <v>112</v>
      </c>
      <c r="C56" s="28">
        <v>135</v>
      </c>
      <c r="D56" s="29">
        <v>247</v>
      </c>
    </row>
    <row r="57" spans="1:4" ht="18" customHeight="1" x14ac:dyDescent="0.2">
      <c r="A57" s="31">
        <v>43</v>
      </c>
      <c r="B57" s="27">
        <v>125</v>
      </c>
      <c r="C57" s="28">
        <v>113</v>
      </c>
      <c r="D57" s="29">
        <v>238</v>
      </c>
    </row>
    <row r="58" spans="1:4" ht="18" customHeight="1" x14ac:dyDescent="0.2">
      <c r="A58" s="31">
        <v>44</v>
      </c>
      <c r="B58" s="27">
        <v>108</v>
      </c>
      <c r="C58" s="28">
        <v>101</v>
      </c>
      <c r="D58" s="29">
        <v>209</v>
      </c>
    </row>
    <row r="59" spans="1:4" ht="18" customHeight="1" x14ac:dyDescent="0.2">
      <c r="A59" s="31" t="s">
        <v>57</v>
      </c>
      <c r="B59" s="27">
        <v>556</v>
      </c>
      <c r="C59" s="28">
        <v>564</v>
      </c>
      <c r="D59" s="29">
        <v>1120</v>
      </c>
    </row>
    <row r="60" spans="1:4" ht="18" customHeight="1" x14ac:dyDescent="0.2">
      <c r="A60" s="31">
        <v>45</v>
      </c>
      <c r="B60" s="27">
        <v>128</v>
      </c>
      <c r="C60" s="28">
        <v>113</v>
      </c>
      <c r="D60" s="29">
        <v>241</v>
      </c>
    </row>
    <row r="61" spans="1:4" ht="18" customHeight="1" x14ac:dyDescent="0.2">
      <c r="A61" s="31">
        <v>46</v>
      </c>
      <c r="B61" s="27">
        <v>122</v>
      </c>
      <c r="C61" s="28">
        <v>110</v>
      </c>
      <c r="D61" s="29">
        <v>232</v>
      </c>
    </row>
    <row r="62" spans="1:4" ht="18" customHeight="1" x14ac:dyDescent="0.2">
      <c r="A62" s="31">
        <v>47</v>
      </c>
      <c r="B62" s="27">
        <v>106</v>
      </c>
      <c r="C62" s="28">
        <v>126</v>
      </c>
      <c r="D62" s="29">
        <v>232</v>
      </c>
    </row>
    <row r="63" spans="1:4" ht="18" customHeight="1" x14ac:dyDescent="0.2">
      <c r="A63" s="31">
        <v>48</v>
      </c>
      <c r="B63" s="27">
        <v>99</v>
      </c>
      <c r="C63" s="28">
        <v>104</v>
      </c>
      <c r="D63" s="29">
        <v>203</v>
      </c>
    </row>
    <row r="64" spans="1:4" ht="18" customHeight="1" x14ac:dyDescent="0.2">
      <c r="A64" s="31">
        <v>49</v>
      </c>
      <c r="B64" s="27">
        <v>87</v>
      </c>
      <c r="C64" s="28">
        <v>103</v>
      </c>
      <c r="D64" s="29">
        <v>190</v>
      </c>
    </row>
    <row r="65" spans="1:4" ht="18" customHeight="1" x14ac:dyDescent="0.2">
      <c r="A65" s="31" t="s">
        <v>58</v>
      </c>
      <c r="B65" s="27">
        <v>542</v>
      </c>
      <c r="C65" s="28">
        <v>556</v>
      </c>
      <c r="D65" s="29">
        <v>1098</v>
      </c>
    </row>
    <row r="66" spans="1:4" ht="18" customHeight="1" x14ac:dyDescent="0.2">
      <c r="A66" s="31">
        <v>50</v>
      </c>
      <c r="B66" s="27">
        <v>99</v>
      </c>
      <c r="C66" s="28">
        <v>85</v>
      </c>
      <c r="D66" s="29">
        <v>184</v>
      </c>
    </row>
    <row r="67" spans="1:4" ht="18" customHeight="1" x14ac:dyDescent="0.2">
      <c r="A67" s="31">
        <v>51</v>
      </c>
      <c r="B67" s="27">
        <v>84</v>
      </c>
      <c r="C67" s="28">
        <v>80</v>
      </c>
      <c r="D67" s="29">
        <v>164</v>
      </c>
    </row>
    <row r="68" spans="1:4" ht="18" customHeight="1" x14ac:dyDescent="0.2">
      <c r="A68" s="31">
        <v>52</v>
      </c>
      <c r="B68" s="27">
        <v>73</v>
      </c>
      <c r="C68" s="28">
        <v>65</v>
      </c>
      <c r="D68" s="29">
        <v>138</v>
      </c>
    </row>
    <row r="69" spans="1:4" ht="18" customHeight="1" x14ac:dyDescent="0.2">
      <c r="A69" s="31">
        <v>53</v>
      </c>
      <c r="B69" s="27">
        <v>51</v>
      </c>
      <c r="C69" s="28">
        <v>41</v>
      </c>
      <c r="D69" s="29">
        <v>92</v>
      </c>
    </row>
    <row r="70" spans="1:4" ht="18" customHeight="1" x14ac:dyDescent="0.2">
      <c r="A70" s="31">
        <v>54</v>
      </c>
      <c r="B70" s="27">
        <v>61</v>
      </c>
      <c r="C70" s="28">
        <v>78</v>
      </c>
      <c r="D70" s="29">
        <v>139</v>
      </c>
    </row>
    <row r="71" spans="1:4" ht="18" customHeight="1" x14ac:dyDescent="0.2">
      <c r="A71" s="31" t="s">
        <v>59</v>
      </c>
      <c r="B71" s="27">
        <v>368</v>
      </c>
      <c r="C71" s="28">
        <v>349</v>
      </c>
      <c r="D71" s="29">
        <v>717</v>
      </c>
    </row>
    <row r="72" spans="1:4" ht="18" customHeight="1" x14ac:dyDescent="0.2">
      <c r="A72" s="31">
        <v>55</v>
      </c>
      <c r="B72" s="27">
        <v>66</v>
      </c>
      <c r="C72" s="28">
        <v>68</v>
      </c>
      <c r="D72" s="29">
        <v>134</v>
      </c>
    </row>
    <row r="73" spans="1:4" ht="18" customHeight="1" x14ac:dyDescent="0.2">
      <c r="A73" s="31">
        <v>56</v>
      </c>
      <c r="B73" s="27">
        <v>62</v>
      </c>
      <c r="C73" s="28">
        <v>64</v>
      </c>
      <c r="D73" s="29">
        <v>126</v>
      </c>
    </row>
    <row r="74" spans="1:4" ht="18" customHeight="1" x14ac:dyDescent="0.2">
      <c r="A74" s="31">
        <v>57</v>
      </c>
      <c r="B74" s="27">
        <v>65</v>
      </c>
      <c r="C74" s="28">
        <v>64</v>
      </c>
      <c r="D74" s="29">
        <v>129</v>
      </c>
    </row>
    <row r="75" spans="1:4" ht="18" customHeight="1" x14ac:dyDescent="0.2">
      <c r="A75" s="31">
        <v>58</v>
      </c>
      <c r="B75" s="27">
        <v>57</v>
      </c>
      <c r="C75" s="28">
        <v>71</v>
      </c>
      <c r="D75" s="29">
        <v>128</v>
      </c>
    </row>
    <row r="76" spans="1:4" ht="18" customHeight="1" x14ac:dyDescent="0.2">
      <c r="A76" s="31">
        <v>59</v>
      </c>
      <c r="B76" s="27">
        <v>60</v>
      </c>
      <c r="C76" s="28">
        <v>55</v>
      </c>
      <c r="D76" s="29">
        <v>115</v>
      </c>
    </row>
    <row r="77" spans="1:4" ht="18" customHeight="1" x14ac:dyDescent="0.2">
      <c r="A77" s="31" t="s">
        <v>60</v>
      </c>
      <c r="B77" s="27">
        <v>310</v>
      </c>
      <c r="C77" s="28">
        <v>322</v>
      </c>
      <c r="D77" s="29">
        <v>632</v>
      </c>
    </row>
    <row r="78" spans="1:4" ht="18" customHeight="1" x14ac:dyDescent="0.2">
      <c r="A78" s="31">
        <v>60</v>
      </c>
      <c r="B78" s="27">
        <v>61</v>
      </c>
      <c r="C78" s="28">
        <v>49</v>
      </c>
      <c r="D78" s="29">
        <v>110</v>
      </c>
    </row>
    <row r="79" spans="1:4" ht="18" customHeight="1" x14ac:dyDescent="0.2">
      <c r="A79" s="31">
        <v>61</v>
      </c>
      <c r="B79" s="27">
        <v>50</v>
      </c>
      <c r="C79" s="28">
        <v>53</v>
      </c>
      <c r="D79" s="29">
        <v>103</v>
      </c>
    </row>
    <row r="80" spans="1:4" ht="18" customHeight="1" x14ac:dyDescent="0.2">
      <c r="A80" s="31">
        <v>62</v>
      </c>
      <c r="B80" s="27">
        <v>44</v>
      </c>
      <c r="C80" s="28">
        <v>54</v>
      </c>
      <c r="D80" s="29">
        <v>98</v>
      </c>
    </row>
    <row r="81" spans="1:4" ht="18" customHeight="1" x14ac:dyDescent="0.2">
      <c r="A81" s="31">
        <v>63</v>
      </c>
      <c r="B81" s="27">
        <v>50</v>
      </c>
      <c r="C81" s="28">
        <v>60</v>
      </c>
      <c r="D81" s="29">
        <v>110</v>
      </c>
    </row>
    <row r="82" spans="1:4" ht="18" customHeight="1" x14ac:dyDescent="0.2">
      <c r="A82" s="31">
        <v>64</v>
      </c>
      <c r="B82" s="27">
        <v>66</v>
      </c>
      <c r="C82" s="28">
        <v>55</v>
      </c>
      <c r="D82" s="29">
        <v>121</v>
      </c>
    </row>
    <row r="83" spans="1:4" ht="18" customHeight="1" x14ac:dyDescent="0.2">
      <c r="A83" s="31" t="s">
        <v>61</v>
      </c>
      <c r="B83" s="27">
        <v>271</v>
      </c>
      <c r="C83" s="28">
        <v>271</v>
      </c>
      <c r="D83" s="29">
        <v>542</v>
      </c>
    </row>
    <row r="84" spans="1:4" ht="18" customHeight="1" x14ac:dyDescent="0.2">
      <c r="A84" s="31" t="s">
        <v>62</v>
      </c>
      <c r="B84" s="27">
        <v>3815</v>
      </c>
      <c r="C84" s="28">
        <v>3793</v>
      </c>
      <c r="D84" s="29">
        <v>7608</v>
      </c>
    </row>
    <row r="85" spans="1:4" ht="18" customHeight="1" x14ac:dyDescent="0.2">
      <c r="A85" s="31">
        <v>65</v>
      </c>
      <c r="B85" s="27">
        <v>49</v>
      </c>
      <c r="C85" s="28">
        <v>66</v>
      </c>
      <c r="D85" s="29">
        <v>115</v>
      </c>
    </row>
    <row r="86" spans="1:4" ht="18" customHeight="1" x14ac:dyDescent="0.2">
      <c r="A86" s="31">
        <v>66</v>
      </c>
      <c r="B86" s="27">
        <v>61</v>
      </c>
      <c r="C86" s="28">
        <v>57</v>
      </c>
      <c r="D86" s="29">
        <v>118</v>
      </c>
    </row>
    <row r="87" spans="1:4" ht="18" customHeight="1" x14ac:dyDescent="0.2">
      <c r="A87" s="31">
        <v>67</v>
      </c>
      <c r="B87" s="27">
        <v>56</v>
      </c>
      <c r="C87" s="28">
        <v>53</v>
      </c>
      <c r="D87" s="29">
        <v>109</v>
      </c>
    </row>
    <row r="88" spans="1:4" ht="18" customHeight="1" x14ac:dyDescent="0.2">
      <c r="A88" s="31">
        <v>68</v>
      </c>
      <c r="B88" s="27">
        <v>42</v>
      </c>
      <c r="C88" s="28">
        <v>70</v>
      </c>
      <c r="D88" s="29">
        <v>112</v>
      </c>
    </row>
    <row r="89" spans="1:4" ht="18" customHeight="1" x14ac:dyDescent="0.2">
      <c r="A89" s="31">
        <v>69</v>
      </c>
      <c r="B89" s="27">
        <v>65</v>
      </c>
      <c r="C89" s="28">
        <v>69</v>
      </c>
      <c r="D89" s="29">
        <v>134</v>
      </c>
    </row>
    <row r="90" spans="1:4" ht="18" customHeight="1" x14ac:dyDescent="0.2">
      <c r="A90" s="31" t="s">
        <v>63</v>
      </c>
      <c r="B90" s="27">
        <v>273</v>
      </c>
      <c r="C90" s="28">
        <v>315</v>
      </c>
      <c r="D90" s="29">
        <v>588</v>
      </c>
    </row>
    <row r="91" spans="1:4" ht="18" customHeight="1" x14ac:dyDescent="0.2">
      <c r="A91" s="31">
        <v>70</v>
      </c>
      <c r="B91" s="27">
        <v>59</v>
      </c>
      <c r="C91" s="28">
        <v>70</v>
      </c>
      <c r="D91" s="29">
        <v>129</v>
      </c>
    </row>
    <row r="92" spans="1:4" ht="18" customHeight="1" x14ac:dyDescent="0.2">
      <c r="A92" s="31">
        <v>71</v>
      </c>
      <c r="B92" s="27">
        <v>55</v>
      </c>
      <c r="C92" s="28">
        <v>74</v>
      </c>
      <c r="D92" s="29">
        <v>129</v>
      </c>
    </row>
    <row r="93" spans="1:4" ht="18" customHeight="1" x14ac:dyDescent="0.2">
      <c r="A93" s="31">
        <v>72</v>
      </c>
      <c r="B93" s="27">
        <v>67</v>
      </c>
      <c r="C93" s="28">
        <v>94</v>
      </c>
      <c r="D93" s="29">
        <v>161</v>
      </c>
    </row>
    <row r="94" spans="1:4" ht="18" customHeight="1" x14ac:dyDescent="0.2">
      <c r="A94" s="31">
        <v>73</v>
      </c>
      <c r="B94" s="27">
        <v>33</v>
      </c>
      <c r="C94" s="28">
        <v>36</v>
      </c>
      <c r="D94" s="29">
        <v>69</v>
      </c>
    </row>
    <row r="95" spans="1:4" ht="18" customHeight="1" x14ac:dyDescent="0.2">
      <c r="A95" s="31">
        <v>74</v>
      </c>
      <c r="B95" s="27">
        <v>36</v>
      </c>
      <c r="C95" s="28">
        <v>29</v>
      </c>
      <c r="D95" s="29">
        <v>65</v>
      </c>
    </row>
    <row r="96" spans="1:4" ht="18" customHeight="1" x14ac:dyDescent="0.2">
      <c r="A96" s="31" t="s">
        <v>64</v>
      </c>
      <c r="B96" s="27">
        <v>250</v>
      </c>
      <c r="C96" s="28">
        <v>303</v>
      </c>
      <c r="D96" s="29">
        <v>553</v>
      </c>
    </row>
    <row r="97" spans="1:4" ht="18" customHeight="1" x14ac:dyDescent="0.2">
      <c r="A97" s="31">
        <v>75</v>
      </c>
      <c r="B97" s="27">
        <v>35</v>
      </c>
      <c r="C97" s="28">
        <v>46</v>
      </c>
      <c r="D97" s="29">
        <v>81</v>
      </c>
    </row>
    <row r="98" spans="1:4" ht="18" customHeight="1" x14ac:dyDescent="0.2">
      <c r="A98" s="31">
        <v>76</v>
      </c>
      <c r="B98" s="27">
        <v>46</v>
      </c>
      <c r="C98" s="28">
        <v>55</v>
      </c>
      <c r="D98" s="29">
        <v>101</v>
      </c>
    </row>
    <row r="99" spans="1:4" ht="18" customHeight="1" x14ac:dyDescent="0.2">
      <c r="A99" s="31">
        <v>77</v>
      </c>
      <c r="B99" s="27">
        <v>51</v>
      </c>
      <c r="C99" s="28">
        <v>47</v>
      </c>
      <c r="D99" s="29">
        <v>98</v>
      </c>
    </row>
    <row r="100" spans="1:4" ht="18" customHeight="1" x14ac:dyDescent="0.2">
      <c r="A100" s="31">
        <v>78</v>
      </c>
      <c r="B100" s="27">
        <v>40</v>
      </c>
      <c r="C100" s="28">
        <v>38</v>
      </c>
      <c r="D100" s="29">
        <v>78</v>
      </c>
    </row>
    <row r="101" spans="1:4" ht="18" customHeight="1" x14ac:dyDescent="0.2">
      <c r="A101" s="31">
        <v>79</v>
      </c>
      <c r="B101" s="27">
        <v>24</v>
      </c>
      <c r="C101" s="28">
        <v>35</v>
      </c>
      <c r="D101" s="29">
        <v>59</v>
      </c>
    </row>
    <row r="102" spans="1:4" ht="18" customHeight="1" x14ac:dyDescent="0.2">
      <c r="A102" s="31" t="s">
        <v>65</v>
      </c>
      <c r="B102" s="27">
        <v>196</v>
      </c>
      <c r="C102" s="28">
        <v>221</v>
      </c>
      <c r="D102" s="29">
        <v>417</v>
      </c>
    </row>
    <row r="103" spans="1:4" ht="18" customHeight="1" x14ac:dyDescent="0.2">
      <c r="A103" s="31">
        <v>80</v>
      </c>
      <c r="B103" s="27">
        <v>19</v>
      </c>
      <c r="C103" s="28">
        <v>38</v>
      </c>
      <c r="D103" s="29">
        <v>57</v>
      </c>
    </row>
    <row r="104" spans="1:4" ht="18" customHeight="1" x14ac:dyDescent="0.2">
      <c r="A104" s="31">
        <v>81</v>
      </c>
      <c r="B104" s="27">
        <v>31</v>
      </c>
      <c r="C104" s="28">
        <v>29</v>
      </c>
      <c r="D104" s="29">
        <v>60</v>
      </c>
    </row>
    <row r="105" spans="1:4" ht="18" customHeight="1" x14ac:dyDescent="0.2">
      <c r="A105" s="31">
        <v>82</v>
      </c>
      <c r="B105" s="27">
        <v>19</v>
      </c>
      <c r="C105" s="28">
        <v>30</v>
      </c>
      <c r="D105" s="29">
        <v>49</v>
      </c>
    </row>
    <row r="106" spans="1:4" ht="18" customHeight="1" x14ac:dyDescent="0.2">
      <c r="A106" s="31">
        <v>83</v>
      </c>
      <c r="B106" s="27">
        <v>17</v>
      </c>
      <c r="C106" s="28">
        <v>40</v>
      </c>
      <c r="D106" s="29">
        <v>57</v>
      </c>
    </row>
    <row r="107" spans="1:4" ht="18" customHeight="1" x14ac:dyDescent="0.2">
      <c r="A107" s="31">
        <v>84</v>
      </c>
      <c r="B107" s="27">
        <v>21</v>
      </c>
      <c r="C107" s="28">
        <v>26</v>
      </c>
      <c r="D107" s="29">
        <v>47</v>
      </c>
    </row>
    <row r="108" spans="1:4" ht="18" customHeight="1" x14ac:dyDescent="0.2">
      <c r="A108" s="31" t="s">
        <v>66</v>
      </c>
      <c r="B108" s="27">
        <v>107</v>
      </c>
      <c r="C108" s="28">
        <v>163</v>
      </c>
      <c r="D108" s="29">
        <v>270</v>
      </c>
    </row>
    <row r="109" spans="1:4" ht="18" customHeight="1" x14ac:dyDescent="0.2">
      <c r="A109" s="31">
        <v>85</v>
      </c>
      <c r="B109" s="27">
        <v>19</v>
      </c>
      <c r="C109" s="28">
        <v>23</v>
      </c>
      <c r="D109" s="29">
        <v>42</v>
      </c>
    </row>
    <row r="110" spans="1:4" ht="18" customHeight="1" x14ac:dyDescent="0.2">
      <c r="A110" s="31">
        <v>86</v>
      </c>
      <c r="B110" s="27">
        <v>14</v>
      </c>
      <c r="C110" s="28">
        <v>44</v>
      </c>
      <c r="D110" s="29">
        <v>58</v>
      </c>
    </row>
    <row r="111" spans="1:4" ht="18" customHeight="1" x14ac:dyDescent="0.2">
      <c r="A111" s="31">
        <v>87</v>
      </c>
      <c r="B111" s="27">
        <v>13</v>
      </c>
      <c r="C111" s="28">
        <v>27</v>
      </c>
      <c r="D111" s="29">
        <v>40</v>
      </c>
    </row>
    <row r="112" spans="1:4" ht="18" customHeight="1" x14ac:dyDescent="0.2">
      <c r="A112" s="31">
        <v>88</v>
      </c>
      <c r="B112" s="27">
        <v>12</v>
      </c>
      <c r="C112" s="28">
        <v>26</v>
      </c>
      <c r="D112" s="29">
        <v>38</v>
      </c>
    </row>
    <row r="113" spans="1:4" ht="18" customHeight="1" x14ac:dyDescent="0.2">
      <c r="A113" s="31">
        <v>89</v>
      </c>
      <c r="B113" s="27">
        <v>7</v>
      </c>
      <c r="C113" s="28">
        <v>23</v>
      </c>
      <c r="D113" s="29">
        <v>30</v>
      </c>
    </row>
    <row r="114" spans="1:4" ht="18" customHeight="1" x14ac:dyDescent="0.2">
      <c r="A114" s="31" t="s">
        <v>67</v>
      </c>
      <c r="B114" s="27">
        <v>65</v>
      </c>
      <c r="C114" s="28">
        <v>143</v>
      </c>
      <c r="D114" s="29">
        <v>208</v>
      </c>
    </row>
    <row r="115" spans="1:4" ht="18" customHeight="1" x14ac:dyDescent="0.2">
      <c r="A115" s="31">
        <v>90</v>
      </c>
      <c r="B115" s="27">
        <v>8</v>
      </c>
      <c r="C115" s="28">
        <v>19</v>
      </c>
      <c r="D115" s="29">
        <v>27</v>
      </c>
    </row>
    <row r="116" spans="1:4" ht="18" customHeight="1" x14ac:dyDescent="0.2">
      <c r="A116" s="31">
        <v>91</v>
      </c>
      <c r="B116" s="27">
        <v>7</v>
      </c>
      <c r="C116" s="28">
        <v>23</v>
      </c>
      <c r="D116" s="29">
        <v>30</v>
      </c>
    </row>
    <row r="117" spans="1:4" ht="18" customHeight="1" x14ac:dyDescent="0.2">
      <c r="A117" s="31">
        <v>92</v>
      </c>
      <c r="B117" s="27">
        <v>4</v>
      </c>
      <c r="C117" s="28">
        <v>11</v>
      </c>
      <c r="D117" s="29">
        <v>15</v>
      </c>
    </row>
    <row r="118" spans="1:4" ht="18" customHeight="1" x14ac:dyDescent="0.2">
      <c r="A118" s="31">
        <v>93</v>
      </c>
      <c r="B118" s="27">
        <v>4</v>
      </c>
      <c r="C118" s="28">
        <v>15</v>
      </c>
      <c r="D118" s="29">
        <v>19</v>
      </c>
    </row>
    <row r="119" spans="1:4" ht="18" customHeight="1" x14ac:dyDescent="0.2">
      <c r="A119" s="31">
        <v>94</v>
      </c>
      <c r="B119" s="27">
        <v>4</v>
      </c>
      <c r="C119" s="28">
        <v>12</v>
      </c>
      <c r="D119" s="29">
        <v>16</v>
      </c>
    </row>
    <row r="120" spans="1:4" ht="18" customHeight="1" x14ac:dyDescent="0.2">
      <c r="A120" s="31" t="s">
        <v>68</v>
      </c>
      <c r="B120" s="27">
        <v>27</v>
      </c>
      <c r="C120" s="28">
        <v>80</v>
      </c>
      <c r="D120" s="29">
        <v>107</v>
      </c>
    </row>
    <row r="121" spans="1:4" ht="18" customHeight="1" x14ac:dyDescent="0.2">
      <c r="A121" s="31">
        <v>95</v>
      </c>
      <c r="B121" s="27">
        <v>3</v>
      </c>
      <c r="C121" s="28">
        <v>10</v>
      </c>
      <c r="D121" s="29">
        <v>1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8</v>
      </c>
      <c r="D123" s="29">
        <v>8</v>
      </c>
    </row>
    <row r="124" spans="1:4" ht="18" customHeight="1" x14ac:dyDescent="0.2">
      <c r="A124" s="31">
        <v>98</v>
      </c>
      <c r="B124" s="27">
        <v>1</v>
      </c>
      <c r="C124" s="28">
        <v>7</v>
      </c>
      <c r="D124" s="29">
        <v>8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29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923</v>
      </c>
      <c r="C130" s="5">
        <v>1259</v>
      </c>
      <c r="D130" s="6">
        <v>2182</v>
      </c>
    </row>
    <row r="131" spans="1:4" ht="18" customHeight="1" x14ac:dyDescent="0.2">
      <c r="A131" s="33" t="s">
        <v>47</v>
      </c>
      <c r="B131" s="7">
        <v>5832</v>
      </c>
      <c r="C131" s="8">
        <v>6069</v>
      </c>
      <c r="D131" s="9">
        <v>119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7</v>
      </c>
      <c r="D5" s="39">
        <v>13</v>
      </c>
    </row>
    <row r="6" spans="1:4" ht="18" customHeight="1" x14ac:dyDescent="0.2">
      <c r="A6" s="31">
        <v>1</v>
      </c>
      <c r="B6" s="35">
        <v>2</v>
      </c>
      <c r="C6" s="28">
        <v>4</v>
      </c>
      <c r="D6" s="29">
        <v>6</v>
      </c>
    </row>
    <row r="7" spans="1:4" ht="18" customHeight="1" x14ac:dyDescent="0.2">
      <c r="A7" s="31">
        <v>2</v>
      </c>
      <c r="B7" s="35">
        <v>9</v>
      </c>
      <c r="C7" s="28">
        <v>3</v>
      </c>
      <c r="D7" s="29">
        <v>12</v>
      </c>
    </row>
    <row r="8" spans="1:4" ht="18" customHeight="1" x14ac:dyDescent="0.2">
      <c r="A8" s="31">
        <v>3</v>
      </c>
      <c r="B8" s="35">
        <v>6</v>
      </c>
      <c r="C8" s="28">
        <v>7</v>
      </c>
      <c r="D8" s="29">
        <v>13</v>
      </c>
    </row>
    <row r="9" spans="1:4" ht="18" customHeight="1" x14ac:dyDescent="0.2">
      <c r="A9" s="31">
        <v>4</v>
      </c>
      <c r="B9" s="36">
        <v>2</v>
      </c>
      <c r="C9" s="38">
        <v>8</v>
      </c>
      <c r="D9" s="40">
        <v>10</v>
      </c>
    </row>
    <row r="10" spans="1:4" ht="18" customHeight="1" x14ac:dyDescent="0.2">
      <c r="A10" s="31" t="s">
        <v>48</v>
      </c>
      <c r="B10" s="27">
        <v>25</v>
      </c>
      <c r="C10" s="28">
        <v>29</v>
      </c>
      <c r="D10" s="29">
        <v>54</v>
      </c>
    </row>
    <row r="11" spans="1:4" ht="18" customHeight="1" x14ac:dyDescent="0.2">
      <c r="A11" s="31">
        <v>5</v>
      </c>
      <c r="B11" s="35">
        <v>6</v>
      </c>
      <c r="C11" s="28">
        <v>4</v>
      </c>
      <c r="D11" s="29">
        <v>10</v>
      </c>
    </row>
    <row r="12" spans="1:4" ht="18" customHeight="1" x14ac:dyDescent="0.2">
      <c r="A12" s="31">
        <v>6</v>
      </c>
      <c r="B12" s="35">
        <v>6</v>
      </c>
      <c r="C12" s="28">
        <v>3</v>
      </c>
      <c r="D12" s="29">
        <v>9</v>
      </c>
    </row>
    <row r="13" spans="1:4" ht="18" customHeight="1" x14ac:dyDescent="0.2">
      <c r="A13" s="31">
        <v>7</v>
      </c>
      <c r="B13" s="35">
        <v>5</v>
      </c>
      <c r="C13" s="28">
        <v>4</v>
      </c>
      <c r="D13" s="29">
        <v>9</v>
      </c>
    </row>
    <row r="14" spans="1:4" ht="18" customHeight="1" x14ac:dyDescent="0.2">
      <c r="A14" s="31">
        <v>8</v>
      </c>
      <c r="B14" s="35">
        <v>3</v>
      </c>
      <c r="C14" s="28">
        <v>7</v>
      </c>
      <c r="D14" s="29">
        <v>10</v>
      </c>
    </row>
    <row r="15" spans="1:4" ht="18" customHeight="1" x14ac:dyDescent="0.2">
      <c r="A15" s="31">
        <v>9</v>
      </c>
      <c r="B15" s="35">
        <v>3</v>
      </c>
      <c r="C15" s="28">
        <v>1</v>
      </c>
      <c r="D15" s="29">
        <v>4</v>
      </c>
    </row>
    <row r="16" spans="1:4" ht="18" customHeight="1" x14ac:dyDescent="0.2">
      <c r="A16" s="31" t="s">
        <v>49</v>
      </c>
      <c r="B16" s="27">
        <v>23</v>
      </c>
      <c r="C16" s="28">
        <v>19</v>
      </c>
      <c r="D16" s="29">
        <v>42</v>
      </c>
    </row>
    <row r="17" spans="1:4" ht="18" customHeight="1" x14ac:dyDescent="0.2">
      <c r="A17" s="31">
        <v>10</v>
      </c>
      <c r="B17" s="27">
        <v>1</v>
      </c>
      <c r="C17" s="28">
        <v>4</v>
      </c>
      <c r="D17" s="29">
        <v>5</v>
      </c>
    </row>
    <row r="18" spans="1:4" ht="18" customHeight="1" x14ac:dyDescent="0.2">
      <c r="A18" s="31">
        <v>11</v>
      </c>
      <c r="B18" s="27">
        <v>7</v>
      </c>
      <c r="C18" s="28">
        <v>2</v>
      </c>
      <c r="D18" s="29">
        <v>9</v>
      </c>
    </row>
    <row r="19" spans="1:4" ht="18" customHeight="1" x14ac:dyDescent="0.2">
      <c r="A19" s="31">
        <v>12</v>
      </c>
      <c r="B19" s="27">
        <v>4</v>
      </c>
      <c r="C19" s="28">
        <v>4</v>
      </c>
      <c r="D19" s="29">
        <v>8</v>
      </c>
    </row>
    <row r="20" spans="1:4" ht="18" customHeight="1" x14ac:dyDescent="0.2">
      <c r="A20" s="31">
        <v>13</v>
      </c>
      <c r="B20" s="27">
        <v>2</v>
      </c>
      <c r="C20" s="28">
        <v>3</v>
      </c>
      <c r="D20" s="29">
        <v>5</v>
      </c>
    </row>
    <row r="21" spans="1:4" ht="18" customHeight="1" x14ac:dyDescent="0.2">
      <c r="A21" s="31">
        <v>14</v>
      </c>
      <c r="B21" s="27">
        <v>3</v>
      </c>
      <c r="C21" s="28">
        <v>7</v>
      </c>
      <c r="D21" s="29">
        <v>10</v>
      </c>
    </row>
    <row r="22" spans="1:4" ht="18" customHeight="1" x14ac:dyDescent="0.2">
      <c r="A22" s="31" t="s">
        <v>50</v>
      </c>
      <c r="B22" s="27">
        <v>17</v>
      </c>
      <c r="C22" s="28">
        <v>20</v>
      </c>
      <c r="D22" s="29">
        <v>37</v>
      </c>
    </row>
    <row r="23" spans="1:4" ht="18" customHeight="1" x14ac:dyDescent="0.2">
      <c r="A23" s="31" t="s">
        <v>51</v>
      </c>
      <c r="B23" s="27">
        <v>65</v>
      </c>
      <c r="C23" s="28">
        <v>68</v>
      </c>
      <c r="D23" s="29">
        <v>133</v>
      </c>
    </row>
    <row r="24" spans="1:4" ht="18" customHeight="1" x14ac:dyDescent="0.2">
      <c r="A24" s="31">
        <v>15</v>
      </c>
      <c r="B24" s="27">
        <v>2</v>
      </c>
      <c r="C24" s="28">
        <v>2</v>
      </c>
      <c r="D24" s="29">
        <v>4</v>
      </c>
    </row>
    <row r="25" spans="1:4" ht="18" customHeight="1" x14ac:dyDescent="0.2">
      <c r="A25" s="31">
        <v>16</v>
      </c>
      <c r="B25" s="27">
        <v>4</v>
      </c>
      <c r="C25" s="28">
        <v>7</v>
      </c>
      <c r="D25" s="29">
        <v>11</v>
      </c>
    </row>
    <row r="26" spans="1:4" ht="18" customHeight="1" x14ac:dyDescent="0.2">
      <c r="A26" s="31">
        <v>17</v>
      </c>
      <c r="B26" s="27">
        <v>7</v>
      </c>
      <c r="C26" s="28">
        <v>7</v>
      </c>
      <c r="D26" s="29">
        <v>14</v>
      </c>
    </row>
    <row r="27" spans="1:4" ht="18" customHeight="1" x14ac:dyDescent="0.2">
      <c r="A27" s="31">
        <v>18</v>
      </c>
      <c r="B27" s="27">
        <v>3</v>
      </c>
      <c r="C27" s="28">
        <v>10</v>
      </c>
      <c r="D27" s="29">
        <v>13</v>
      </c>
    </row>
    <row r="28" spans="1:4" ht="18" customHeight="1" x14ac:dyDescent="0.2">
      <c r="A28" s="31">
        <v>19</v>
      </c>
      <c r="B28" s="27">
        <v>9</v>
      </c>
      <c r="C28" s="28">
        <v>13</v>
      </c>
      <c r="D28" s="29">
        <v>22</v>
      </c>
    </row>
    <row r="29" spans="1:4" ht="18" customHeight="1" x14ac:dyDescent="0.2">
      <c r="A29" s="31" t="s">
        <v>52</v>
      </c>
      <c r="B29" s="27">
        <v>25</v>
      </c>
      <c r="C29" s="28">
        <v>39</v>
      </c>
      <c r="D29" s="29">
        <v>64</v>
      </c>
    </row>
    <row r="30" spans="1:4" ht="18" customHeight="1" x14ac:dyDescent="0.2">
      <c r="A30" s="31">
        <v>20</v>
      </c>
      <c r="B30" s="27">
        <v>8</v>
      </c>
      <c r="C30" s="28">
        <v>7</v>
      </c>
      <c r="D30" s="29">
        <v>15</v>
      </c>
    </row>
    <row r="31" spans="1:4" ht="18" customHeight="1" x14ac:dyDescent="0.2">
      <c r="A31" s="31">
        <v>21</v>
      </c>
      <c r="B31" s="27">
        <v>9</v>
      </c>
      <c r="C31" s="28">
        <v>4</v>
      </c>
      <c r="D31" s="29">
        <v>13</v>
      </c>
    </row>
    <row r="32" spans="1:4" ht="18" customHeight="1" x14ac:dyDescent="0.2">
      <c r="A32" s="31">
        <v>22</v>
      </c>
      <c r="B32" s="27">
        <v>13</v>
      </c>
      <c r="C32" s="28">
        <v>5</v>
      </c>
      <c r="D32" s="29">
        <v>18</v>
      </c>
    </row>
    <row r="33" spans="1:4" ht="18" customHeight="1" x14ac:dyDescent="0.2">
      <c r="A33" s="31">
        <v>23</v>
      </c>
      <c r="B33" s="27">
        <v>9</v>
      </c>
      <c r="C33" s="28">
        <v>8</v>
      </c>
      <c r="D33" s="29">
        <v>17</v>
      </c>
    </row>
    <row r="34" spans="1:4" ht="18" customHeight="1" x14ac:dyDescent="0.2">
      <c r="A34" s="31">
        <v>24</v>
      </c>
      <c r="B34" s="27">
        <v>11</v>
      </c>
      <c r="C34" s="28">
        <v>7</v>
      </c>
      <c r="D34" s="29">
        <v>18</v>
      </c>
    </row>
    <row r="35" spans="1:4" ht="18" customHeight="1" x14ac:dyDescent="0.2">
      <c r="A35" s="31" t="s">
        <v>53</v>
      </c>
      <c r="B35" s="27">
        <v>50</v>
      </c>
      <c r="C35" s="28">
        <v>31</v>
      </c>
      <c r="D35" s="29">
        <v>81</v>
      </c>
    </row>
    <row r="36" spans="1:4" ht="18" customHeight="1" x14ac:dyDescent="0.2">
      <c r="A36" s="31">
        <v>25</v>
      </c>
      <c r="B36" s="27">
        <v>8</v>
      </c>
      <c r="C36" s="28">
        <v>8</v>
      </c>
      <c r="D36" s="29">
        <v>16</v>
      </c>
    </row>
    <row r="37" spans="1:4" ht="18" customHeight="1" x14ac:dyDescent="0.2">
      <c r="A37" s="31">
        <v>26</v>
      </c>
      <c r="B37" s="27">
        <v>12</v>
      </c>
      <c r="C37" s="28">
        <v>5</v>
      </c>
      <c r="D37" s="29">
        <v>17</v>
      </c>
    </row>
    <row r="38" spans="1:4" ht="18" customHeight="1" x14ac:dyDescent="0.2">
      <c r="A38" s="31">
        <v>27</v>
      </c>
      <c r="B38" s="27">
        <v>6</v>
      </c>
      <c r="C38" s="28">
        <v>6</v>
      </c>
      <c r="D38" s="29">
        <v>12</v>
      </c>
    </row>
    <row r="39" spans="1:4" ht="18" customHeight="1" x14ac:dyDescent="0.2">
      <c r="A39" s="31">
        <v>28</v>
      </c>
      <c r="B39" s="27">
        <v>9</v>
      </c>
      <c r="C39" s="28">
        <v>7</v>
      </c>
      <c r="D39" s="29">
        <v>16</v>
      </c>
    </row>
    <row r="40" spans="1:4" ht="18" customHeight="1" x14ac:dyDescent="0.2">
      <c r="A40" s="31">
        <v>29</v>
      </c>
      <c r="B40" s="27">
        <v>8</v>
      </c>
      <c r="C40" s="28">
        <v>3</v>
      </c>
      <c r="D40" s="29">
        <v>11</v>
      </c>
    </row>
    <row r="41" spans="1:4" ht="18" customHeight="1" x14ac:dyDescent="0.2">
      <c r="A41" s="31" t="s">
        <v>54</v>
      </c>
      <c r="B41" s="27">
        <v>43</v>
      </c>
      <c r="C41" s="28">
        <v>29</v>
      </c>
      <c r="D41" s="29">
        <v>72</v>
      </c>
    </row>
    <row r="42" spans="1:4" ht="18" customHeight="1" x14ac:dyDescent="0.2">
      <c r="A42" s="31">
        <v>30</v>
      </c>
      <c r="B42" s="27">
        <v>11</v>
      </c>
      <c r="C42" s="28">
        <v>7</v>
      </c>
      <c r="D42" s="29">
        <v>18</v>
      </c>
    </row>
    <row r="43" spans="1:4" ht="18" customHeight="1" x14ac:dyDescent="0.2">
      <c r="A43" s="31">
        <v>31</v>
      </c>
      <c r="B43" s="27">
        <v>10</v>
      </c>
      <c r="C43" s="28">
        <v>7</v>
      </c>
      <c r="D43" s="29">
        <v>17</v>
      </c>
    </row>
    <row r="44" spans="1:4" ht="18" customHeight="1" x14ac:dyDescent="0.2">
      <c r="A44" s="31">
        <v>32</v>
      </c>
      <c r="B44" s="27">
        <v>7</v>
      </c>
      <c r="C44" s="28">
        <v>9</v>
      </c>
      <c r="D44" s="29">
        <v>16</v>
      </c>
    </row>
    <row r="45" spans="1:4" ht="18" customHeight="1" x14ac:dyDescent="0.2">
      <c r="A45" s="31">
        <v>33</v>
      </c>
      <c r="B45" s="27">
        <v>10</v>
      </c>
      <c r="C45" s="28">
        <v>8</v>
      </c>
      <c r="D45" s="29">
        <v>18</v>
      </c>
    </row>
    <row r="46" spans="1:4" ht="18" customHeight="1" x14ac:dyDescent="0.2">
      <c r="A46" s="31">
        <v>34</v>
      </c>
      <c r="B46" s="27">
        <v>6</v>
      </c>
      <c r="C46" s="28">
        <v>8</v>
      </c>
      <c r="D46" s="29">
        <v>14</v>
      </c>
    </row>
    <row r="47" spans="1:4" ht="18" customHeight="1" x14ac:dyDescent="0.2">
      <c r="A47" s="31" t="s">
        <v>55</v>
      </c>
      <c r="B47" s="27">
        <v>44</v>
      </c>
      <c r="C47" s="28">
        <v>39</v>
      </c>
      <c r="D47" s="29">
        <v>83</v>
      </c>
    </row>
    <row r="48" spans="1:4" ht="18" customHeight="1" x14ac:dyDescent="0.2">
      <c r="A48" s="31">
        <v>35</v>
      </c>
      <c r="B48" s="27">
        <v>11</v>
      </c>
      <c r="C48" s="28">
        <v>10</v>
      </c>
      <c r="D48" s="29">
        <v>21</v>
      </c>
    </row>
    <row r="49" spans="1:4" ht="18" customHeight="1" x14ac:dyDescent="0.2">
      <c r="A49" s="31">
        <v>36</v>
      </c>
      <c r="B49" s="27">
        <v>10</v>
      </c>
      <c r="C49" s="28">
        <v>12</v>
      </c>
      <c r="D49" s="29">
        <v>22</v>
      </c>
    </row>
    <row r="50" spans="1:4" ht="18" customHeight="1" x14ac:dyDescent="0.2">
      <c r="A50" s="31">
        <v>37</v>
      </c>
      <c r="B50" s="27">
        <v>2</v>
      </c>
      <c r="C50" s="28">
        <v>7</v>
      </c>
      <c r="D50" s="29">
        <v>9</v>
      </c>
    </row>
    <row r="51" spans="1:4" ht="18" customHeight="1" x14ac:dyDescent="0.2">
      <c r="A51" s="31">
        <v>38</v>
      </c>
      <c r="B51" s="27">
        <v>4</v>
      </c>
      <c r="C51" s="28">
        <v>8</v>
      </c>
      <c r="D51" s="29">
        <v>12</v>
      </c>
    </row>
    <row r="52" spans="1:4" ht="18" customHeight="1" x14ac:dyDescent="0.2">
      <c r="A52" s="31">
        <v>39</v>
      </c>
      <c r="B52" s="27">
        <v>10</v>
      </c>
      <c r="C52" s="28">
        <v>5</v>
      </c>
      <c r="D52" s="29">
        <v>15</v>
      </c>
    </row>
    <row r="53" spans="1:4" ht="18" customHeight="1" x14ac:dyDescent="0.2">
      <c r="A53" s="31" t="s">
        <v>56</v>
      </c>
      <c r="B53" s="27">
        <v>37</v>
      </c>
      <c r="C53" s="28">
        <v>42</v>
      </c>
      <c r="D53" s="29">
        <v>79</v>
      </c>
    </row>
    <row r="54" spans="1:4" ht="18" customHeight="1" x14ac:dyDescent="0.2">
      <c r="A54" s="31">
        <v>40</v>
      </c>
      <c r="B54" s="27">
        <v>12</v>
      </c>
      <c r="C54" s="28">
        <v>6</v>
      </c>
      <c r="D54" s="29">
        <v>18</v>
      </c>
    </row>
    <row r="55" spans="1:4" ht="18" customHeight="1" x14ac:dyDescent="0.2">
      <c r="A55" s="31">
        <v>41</v>
      </c>
      <c r="B55" s="27">
        <v>11</v>
      </c>
      <c r="C55" s="28">
        <v>6</v>
      </c>
      <c r="D55" s="29">
        <v>17</v>
      </c>
    </row>
    <row r="56" spans="1:4" ht="18" customHeight="1" x14ac:dyDescent="0.2">
      <c r="A56" s="31">
        <v>42</v>
      </c>
      <c r="B56" s="27">
        <v>5</v>
      </c>
      <c r="C56" s="28">
        <v>6</v>
      </c>
      <c r="D56" s="29">
        <v>11</v>
      </c>
    </row>
    <row r="57" spans="1:4" ht="18" customHeight="1" x14ac:dyDescent="0.2">
      <c r="A57" s="31">
        <v>43</v>
      </c>
      <c r="B57" s="27">
        <v>3</v>
      </c>
      <c r="C57" s="28">
        <v>6</v>
      </c>
      <c r="D57" s="29">
        <v>9</v>
      </c>
    </row>
    <row r="58" spans="1:4" ht="18" customHeight="1" x14ac:dyDescent="0.2">
      <c r="A58" s="31">
        <v>44</v>
      </c>
      <c r="B58" s="27">
        <v>6</v>
      </c>
      <c r="C58" s="28">
        <v>5</v>
      </c>
      <c r="D58" s="29">
        <v>11</v>
      </c>
    </row>
    <row r="59" spans="1:4" ht="18" customHeight="1" x14ac:dyDescent="0.2">
      <c r="A59" s="31" t="s">
        <v>57</v>
      </c>
      <c r="B59" s="27">
        <v>37</v>
      </c>
      <c r="C59" s="28">
        <v>29</v>
      </c>
      <c r="D59" s="29">
        <v>66</v>
      </c>
    </row>
    <row r="60" spans="1:4" ht="18" customHeight="1" x14ac:dyDescent="0.2">
      <c r="A60" s="31">
        <v>45</v>
      </c>
      <c r="B60" s="27">
        <v>11</v>
      </c>
      <c r="C60" s="28">
        <v>9</v>
      </c>
      <c r="D60" s="29">
        <v>20</v>
      </c>
    </row>
    <row r="61" spans="1:4" ht="18" customHeight="1" x14ac:dyDescent="0.2">
      <c r="A61" s="31">
        <v>46</v>
      </c>
      <c r="B61" s="27">
        <v>10</v>
      </c>
      <c r="C61" s="28">
        <v>12</v>
      </c>
      <c r="D61" s="29">
        <v>22</v>
      </c>
    </row>
    <row r="62" spans="1:4" ht="18" customHeight="1" x14ac:dyDescent="0.2">
      <c r="A62" s="31">
        <v>47</v>
      </c>
      <c r="B62" s="27">
        <v>9</v>
      </c>
      <c r="C62" s="28">
        <v>9</v>
      </c>
      <c r="D62" s="29">
        <v>18</v>
      </c>
    </row>
    <row r="63" spans="1:4" ht="18" customHeight="1" x14ac:dyDescent="0.2">
      <c r="A63" s="31">
        <v>48</v>
      </c>
      <c r="B63" s="27">
        <v>7</v>
      </c>
      <c r="C63" s="28">
        <v>8</v>
      </c>
      <c r="D63" s="29">
        <v>15</v>
      </c>
    </row>
    <row r="64" spans="1:4" ht="18" customHeight="1" x14ac:dyDescent="0.2">
      <c r="A64" s="31">
        <v>49</v>
      </c>
      <c r="B64" s="27">
        <v>9</v>
      </c>
      <c r="C64" s="28">
        <v>10</v>
      </c>
      <c r="D64" s="29">
        <v>19</v>
      </c>
    </row>
    <row r="65" spans="1:4" ht="18" customHeight="1" x14ac:dyDescent="0.2">
      <c r="A65" s="31" t="s">
        <v>58</v>
      </c>
      <c r="B65" s="27">
        <v>46</v>
      </c>
      <c r="C65" s="28">
        <v>48</v>
      </c>
      <c r="D65" s="29">
        <v>94</v>
      </c>
    </row>
    <row r="66" spans="1:4" ht="18" customHeight="1" x14ac:dyDescent="0.2">
      <c r="A66" s="31">
        <v>50</v>
      </c>
      <c r="B66" s="27">
        <v>10</v>
      </c>
      <c r="C66" s="28">
        <v>8</v>
      </c>
      <c r="D66" s="29">
        <v>18</v>
      </c>
    </row>
    <row r="67" spans="1:4" ht="18" customHeight="1" x14ac:dyDescent="0.2">
      <c r="A67" s="31">
        <v>51</v>
      </c>
      <c r="B67" s="27">
        <v>9</v>
      </c>
      <c r="C67" s="28">
        <v>14</v>
      </c>
      <c r="D67" s="29">
        <v>23</v>
      </c>
    </row>
    <row r="68" spans="1:4" ht="18" customHeight="1" x14ac:dyDescent="0.2">
      <c r="A68" s="31">
        <v>52</v>
      </c>
      <c r="B68" s="27">
        <v>8</v>
      </c>
      <c r="C68" s="28">
        <v>3</v>
      </c>
      <c r="D68" s="29">
        <v>11</v>
      </c>
    </row>
    <row r="69" spans="1:4" ht="18" customHeight="1" x14ac:dyDescent="0.2">
      <c r="A69" s="31">
        <v>53</v>
      </c>
      <c r="B69" s="27">
        <v>7</v>
      </c>
      <c r="C69" s="28">
        <v>10</v>
      </c>
      <c r="D69" s="29">
        <v>17</v>
      </c>
    </row>
    <row r="70" spans="1:4" ht="18" customHeight="1" x14ac:dyDescent="0.2">
      <c r="A70" s="31">
        <v>54</v>
      </c>
      <c r="B70" s="27">
        <v>12</v>
      </c>
      <c r="C70" s="28">
        <v>11</v>
      </c>
      <c r="D70" s="29">
        <v>23</v>
      </c>
    </row>
    <row r="71" spans="1:4" ht="18" customHeight="1" x14ac:dyDescent="0.2">
      <c r="A71" s="31" t="s">
        <v>59</v>
      </c>
      <c r="B71" s="27">
        <v>46</v>
      </c>
      <c r="C71" s="28">
        <v>46</v>
      </c>
      <c r="D71" s="29">
        <v>92</v>
      </c>
    </row>
    <row r="72" spans="1:4" ht="18" customHeight="1" x14ac:dyDescent="0.2">
      <c r="A72" s="31">
        <v>55</v>
      </c>
      <c r="B72" s="27">
        <v>7</v>
      </c>
      <c r="C72" s="28">
        <v>9</v>
      </c>
      <c r="D72" s="29">
        <v>16</v>
      </c>
    </row>
    <row r="73" spans="1:4" ht="18" customHeight="1" x14ac:dyDescent="0.2">
      <c r="A73" s="31">
        <v>56</v>
      </c>
      <c r="B73" s="27">
        <v>12</v>
      </c>
      <c r="C73" s="28">
        <v>15</v>
      </c>
      <c r="D73" s="29">
        <v>27</v>
      </c>
    </row>
    <row r="74" spans="1:4" ht="18" customHeight="1" x14ac:dyDescent="0.2">
      <c r="A74" s="31">
        <v>57</v>
      </c>
      <c r="B74" s="27">
        <v>6</v>
      </c>
      <c r="C74" s="28">
        <v>11</v>
      </c>
      <c r="D74" s="29">
        <v>17</v>
      </c>
    </row>
    <row r="75" spans="1:4" ht="18" customHeight="1" x14ac:dyDescent="0.2">
      <c r="A75" s="31">
        <v>58</v>
      </c>
      <c r="B75" s="27">
        <v>3</v>
      </c>
      <c r="C75" s="28">
        <v>16</v>
      </c>
      <c r="D75" s="29">
        <v>19</v>
      </c>
    </row>
    <row r="76" spans="1:4" ht="18" customHeight="1" x14ac:dyDescent="0.2">
      <c r="A76" s="31">
        <v>59</v>
      </c>
      <c r="B76" s="27">
        <v>13</v>
      </c>
      <c r="C76" s="28">
        <v>11</v>
      </c>
      <c r="D76" s="29">
        <v>24</v>
      </c>
    </row>
    <row r="77" spans="1:4" ht="18" customHeight="1" x14ac:dyDescent="0.2">
      <c r="A77" s="31" t="s">
        <v>60</v>
      </c>
      <c r="B77" s="27">
        <v>41</v>
      </c>
      <c r="C77" s="28">
        <v>62</v>
      </c>
      <c r="D77" s="29">
        <v>103</v>
      </c>
    </row>
    <row r="78" spans="1:4" ht="18" customHeight="1" x14ac:dyDescent="0.2">
      <c r="A78" s="31">
        <v>60</v>
      </c>
      <c r="B78" s="27">
        <v>15</v>
      </c>
      <c r="C78" s="28">
        <v>15</v>
      </c>
      <c r="D78" s="29">
        <v>30</v>
      </c>
    </row>
    <row r="79" spans="1:4" ht="18" customHeight="1" x14ac:dyDescent="0.2">
      <c r="A79" s="31">
        <v>61</v>
      </c>
      <c r="B79" s="27">
        <v>11</v>
      </c>
      <c r="C79" s="28">
        <v>6</v>
      </c>
      <c r="D79" s="29">
        <v>17</v>
      </c>
    </row>
    <row r="80" spans="1:4" ht="18" customHeight="1" x14ac:dyDescent="0.2">
      <c r="A80" s="31">
        <v>62</v>
      </c>
      <c r="B80" s="27">
        <v>10</v>
      </c>
      <c r="C80" s="28">
        <v>7</v>
      </c>
      <c r="D80" s="29">
        <v>17</v>
      </c>
    </row>
    <row r="81" spans="1:4" ht="18" customHeight="1" x14ac:dyDescent="0.2">
      <c r="A81" s="31">
        <v>63</v>
      </c>
      <c r="B81" s="27">
        <v>8</v>
      </c>
      <c r="C81" s="28">
        <v>9</v>
      </c>
      <c r="D81" s="29">
        <v>17</v>
      </c>
    </row>
    <row r="82" spans="1:4" ht="18" customHeight="1" x14ac:dyDescent="0.2">
      <c r="A82" s="31">
        <v>64</v>
      </c>
      <c r="B82" s="27">
        <v>13</v>
      </c>
      <c r="C82" s="28">
        <v>15</v>
      </c>
      <c r="D82" s="29">
        <v>28</v>
      </c>
    </row>
    <row r="83" spans="1:4" ht="18" customHeight="1" x14ac:dyDescent="0.2">
      <c r="A83" s="31" t="s">
        <v>61</v>
      </c>
      <c r="B83" s="27">
        <v>57</v>
      </c>
      <c r="C83" s="28">
        <v>52</v>
      </c>
      <c r="D83" s="29">
        <v>109</v>
      </c>
    </row>
    <row r="84" spans="1:4" ht="18" customHeight="1" x14ac:dyDescent="0.2">
      <c r="A84" s="31" t="s">
        <v>62</v>
      </c>
      <c r="B84" s="27">
        <v>426</v>
      </c>
      <c r="C84" s="28">
        <v>417</v>
      </c>
      <c r="D84" s="29">
        <v>843</v>
      </c>
    </row>
    <row r="85" spans="1:4" ht="18" customHeight="1" x14ac:dyDescent="0.2">
      <c r="A85" s="31">
        <v>65</v>
      </c>
      <c r="B85" s="27">
        <v>13</v>
      </c>
      <c r="C85" s="28">
        <v>7</v>
      </c>
      <c r="D85" s="29">
        <v>20</v>
      </c>
    </row>
    <row r="86" spans="1:4" ht="18" customHeight="1" x14ac:dyDescent="0.2">
      <c r="A86" s="31">
        <v>66</v>
      </c>
      <c r="B86" s="27">
        <v>12</v>
      </c>
      <c r="C86" s="28">
        <v>8</v>
      </c>
      <c r="D86" s="29">
        <v>20</v>
      </c>
    </row>
    <row r="87" spans="1:4" ht="18" customHeight="1" x14ac:dyDescent="0.2">
      <c r="A87" s="31">
        <v>67</v>
      </c>
      <c r="B87" s="27">
        <v>10</v>
      </c>
      <c r="C87" s="28">
        <v>14</v>
      </c>
      <c r="D87" s="29">
        <v>24</v>
      </c>
    </row>
    <row r="88" spans="1:4" ht="18" customHeight="1" x14ac:dyDescent="0.2">
      <c r="A88" s="31">
        <v>68</v>
      </c>
      <c r="B88" s="27">
        <v>12</v>
      </c>
      <c r="C88" s="28">
        <v>9</v>
      </c>
      <c r="D88" s="29">
        <v>21</v>
      </c>
    </row>
    <row r="89" spans="1:4" ht="18" customHeight="1" x14ac:dyDescent="0.2">
      <c r="A89" s="31">
        <v>69</v>
      </c>
      <c r="B89" s="27">
        <v>10</v>
      </c>
      <c r="C89" s="28">
        <v>18</v>
      </c>
      <c r="D89" s="29">
        <v>28</v>
      </c>
    </row>
    <row r="90" spans="1:4" ht="18" customHeight="1" x14ac:dyDescent="0.2">
      <c r="A90" s="31" t="s">
        <v>63</v>
      </c>
      <c r="B90" s="27">
        <v>57</v>
      </c>
      <c r="C90" s="28">
        <v>56</v>
      </c>
      <c r="D90" s="29">
        <v>113</v>
      </c>
    </row>
    <row r="91" spans="1:4" ht="18" customHeight="1" x14ac:dyDescent="0.2">
      <c r="A91" s="31">
        <v>70</v>
      </c>
      <c r="B91" s="27">
        <v>14</v>
      </c>
      <c r="C91" s="28">
        <v>8</v>
      </c>
      <c r="D91" s="29">
        <v>22</v>
      </c>
    </row>
    <row r="92" spans="1:4" ht="18" customHeight="1" x14ac:dyDescent="0.2">
      <c r="A92" s="31">
        <v>71</v>
      </c>
      <c r="B92" s="27">
        <v>8</v>
      </c>
      <c r="C92" s="28">
        <v>8</v>
      </c>
      <c r="D92" s="29">
        <v>16</v>
      </c>
    </row>
    <row r="93" spans="1:4" ht="18" customHeight="1" x14ac:dyDescent="0.2">
      <c r="A93" s="31">
        <v>72</v>
      </c>
      <c r="B93" s="27">
        <v>13</v>
      </c>
      <c r="C93" s="28">
        <v>18</v>
      </c>
      <c r="D93" s="29">
        <v>31</v>
      </c>
    </row>
    <row r="94" spans="1:4" ht="18" customHeight="1" x14ac:dyDescent="0.2">
      <c r="A94" s="31">
        <v>73</v>
      </c>
      <c r="B94" s="27">
        <v>7</v>
      </c>
      <c r="C94" s="28">
        <v>5</v>
      </c>
      <c r="D94" s="29">
        <v>12</v>
      </c>
    </row>
    <row r="95" spans="1:4" ht="18" customHeight="1" x14ac:dyDescent="0.2">
      <c r="A95" s="31">
        <v>74</v>
      </c>
      <c r="B95" s="27">
        <v>10</v>
      </c>
      <c r="C95" s="28">
        <v>7</v>
      </c>
      <c r="D95" s="29">
        <v>17</v>
      </c>
    </row>
    <row r="96" spans="1:4" ht="18" customHeight="1" x14ac:dyDescent="0.2">
      <c r="A96" s="31" t="s">
        <v>64</v>
      </c>
      <c r="B96" s="27">
        <v>52</v>
      </c>
      <c r="C96" s="28">
        <v>46</v>
      </c>
      <c r="D96" s="29">
        <v>98</v>
      </c>
    </row>
    <row r="97" spans="1:4" ht="18" customHeight="1" x14ac:dyDescent="0.2">
      <c r="A97" s="31">
        <v>75</v>
      </c>
      <c r="B97" s="27">
        <v>6</v>
      </c>
      <c r="C97" s="28">
        <v>12</v>
      </c>
      <c r="D97" s="29">
        <v>18</v>
      </c>
    </row>
    <row r="98" spans="1:4" ht="18" customHeight="1" x14ac:dyDescent="0.2">
      <c r="A98" s="31">
        <v>76</v>
      </c>
      <c r="B98" s="27">
        <v>9</v>
      </c>
      <c r="C98" s="28">
        <v>18</v>
      </c>
      <c r="D98" s="29">
        <v>27</v>
      </c>
    </row>
    <row r="99" spans="1:4" ht="18" customHeight="1" x14ac:dyDescent="0.2">
      <c r="A99" s="31">
        <v>77</v>
      </c>
      <c r="B99" s="27">
        <v>7</v>
      </c>
      <c r="C99" s="28">
        <v>10</v>
      </c>
      <c r="D99" s="29">
        <v>17</v>
      </c>
    </row>
    <row r="100" spans="1:4" ht="18" customHeight="1" x14ac:dyDescent="0.2">
      <c r="A100" s="31">
        <v>78</v>
      </c>
      <c r="B100" s="27">
        <v>9</v>
      </c>
      <c r="C100" s="28">
        <v>4</v>
      </c>
      <c r="D100" s="29">
        <v>13</v>
      </c>
    </row>
    <row r="101" spans="1:4" ht="18" customHeight="1" x14ac:dyDescent="0.2">
      <c r="A101" s="31">
        <v>79</v>
      </c>
      <c r="B101" s="27">
        <v>7</v>
      </c>
      <c r="C101" s="28">
        <v>12</v>
      </c>
      <c r="D101" s="29">
        <v>19</v>
      </c>
    </row>
    <row r="102" spans="1:4" ht="18" customHeight="1" x14ac:dyDescent="0.2">
      <c r="A102" s="31" t="s">
        <v>65</v>
      </c>
      <c r="B102" s="27">
        <v>38</v>
      </c>
      <c r="C102" s="28">
        <v>56</v>
      </c>
      <c r="D102" s="29">
        <v>94</v>
      </c>
    </row>
    <row r="103" spans="1:4" ht="18" customHeight="1" x14ac:dyDescent="0.2">
      <c r="A103" s="31">
        <v>80</v>
      </c>
      <c r="B103" s="27">
        <v>3</v>
      </c>
      <c r="C103" s="28">
        <v>7</v>
      </c>
      <c r="D103" s="29">
        <v>10</v>
      </c>
    </row>
    <row r="104" spans="1:4" ht="18" customHeight="1" x14ac:dyDescent="0.2">
      <c r="A104" s="31">
        <v>81</v>
      </c>
      <c r="B104" s="27">
        <v>1</v>
      </c>
      <c r="C104" s="28">
        <v>8</v>
      </c>
      <c r="D104" s="29">
        <v>9</v>
      </c>
    </row>
    <row r="105" spans="1:4" ht="18" customHeight="1" x14ac:dyDescent="0.2">
      <c r="A105" s="31">
        <v>82</v>
      </c>
      <c r="B105" s="27">
        <v>8</v>
      </c>
      <c r="C105" s="28">
        <v>14</v>
      </c>
      <c r="D105" s="29">
        <v>22</v>
      </c>
    </row>
    <row r="106" spans="1:4" ht="18" customHeight="1" x14ac:dyDescent="0.2">
      <c r="A106" s="31">
        <v>83</v>
      </c>
      <c r="B106" s="27">
        <v>10</v>
      </c>
      <c r="C106" s="28">
        <v>7</v>
      </c>
      <c r="D106" s="29">
        <v>17</v>
      </c>
    </row>
    <row r="107" spans="1:4" ht="18" customHeight="1" x14ac:dyDescent="0.2">
      <c r="A107" s="31">
        <v>84</v>
      </c>
      <c r="B107" s="27">
        <v>8</v>
      </c>
      <c r="C107" s="28">
        <v>7</v>
      </c>
      <c r="D107" s="29">
        <v>15</v>
      </c>
    </row>
    <row r="108" spans="1:4" ht="18" customHeight="1" x14ac:dyDescent="0.2">
      <c r="A108" s="31" t="s">
        <v>66</v>
      </c>
      <c r="B108" s="27">
        <v>30</v>
      </c>
      <c r="C108" s="28">
        <v>43</v>
      </c>
      <c r="D108" s="29">
        <v>73</v>
      </c>
    </row>
    <row r="109" spans="1:4" ht="18" customHeight="1" x14ac:dyDescent="0.2">
      <c r="A109" s="31">
        <v>85</v>
      </c>
      <c r="B109" s="27">
        <v>2</v>
      </c>
      <c r="C109" s="28">
        <v>13</v>
      </c>
      <c r="D109" s="29">
        <v>15</v>
      </c>
    </row>
    <row r="110" spans="1:4" ht="18" customHeight="1" x14ac:dyDescent="0.2">
      <c r="A110" s="31">
        <v>86</v>
      </c>
      <c r="B110" s="27">
        <v>7</v>
      </c>
      <c r="C110" s="28">
        <v>6</v>
      </c>
      <c r="D110" s="29">
        <v>13</v>
      </c>
    </row>
    <row r="111" spans="1:4" ht="18" customHeight="1" x14ac:dyDescent="0.2">
      <c r="A111" s="31">
        <v>87</v>
      </c>
      <c r="B111" s="27">
        <v>5</v>
      </c>
      <c r="C111" s="28">
        <v>6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3</v>
      </c>
      <c r="C113" s="28">
        <v>7</v>
      </c>
      <c r="D113" s="29">
        <v>10</v>
      </c>
    </row>
    <row r="114" spans="1:4" ht="18" customHeight="1" x14ac:dyDescent="0.2">
      <c r="A114" s="31" t="s">
        <v>67</v>
      </c>
      <c r="B114" s="27">
        <v>19</v>
      </c>
      <c r="C114" s="28">
        <v>39</v>
      </c>
      <c r="D114" s="29">
        <v>58</v>
      </c>
    </row>
    <row r="115" spans="1:4" ht="18" customHeight="1" x14ac:dyDescent="0.2">
      <c r="A115" s="31">
        <v>90</v>
      </c>
      <c r="B115" s="27">
        <v>5</v>
      </c>
      <c r="C115" s="28">
        <v>6</v>
      </c>
      <c r="D115" s="29">
        <v>11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2</v>
      </c>
      <c r="C117" s="28">
        <v>1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9</v>
      </c>
      <c r="C120" s="28">
        <v>18</v>
      </c>
      <c r="D120" s="29">
        <v>27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07</v>
      </c>
      <c r="C130" s="5">
        <v>269</v>
      </c>
      <c r="D130" s="6">
        <v>476</v>
      </c>
    </row>
    <row r="131" spans="1:4" ht="18" customHeight="1" x14ac:dyDescent="0.2">
      <c r="A131" s="33" t="s">
        <v>47</v>
      </c>
      <c r="B131" s="7">
        <v>698</v>
      </c>
      <c r="C131" s="8">
        <v>754</v>
      </c>
      <c r="D131" s="9">
        <v>145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9</v>
      </c>
      <c r="D5" s="39">
        <v>17</v>
      </c>
    </row>
    <row r="6" spans="1:4" ht="18" customHeight="1" x14ac:dyDescent="0.2">
      <c r="A6" s="31">
        <v>1</v>
      </c>
      <c r="B6" s="35">
        <v>11</v>
      </c>
      <c r="C6" s="28">
        <v>12</v>
      </c>
      <c r="D6" s="29">
        <v>23</v>
      </c>
    </row>
    <row r="7" spans="1:4" ht="18" customHeight="1" x14ac:dyDescent="0.2">
      <c r="A7" s="31">
        <v>2</v>
      </c>
      <c r="B7" s="35">
        <v>14</v>
      </c>
      <c r="C7" s="28">
        <v>15</v>
      </c>
      <c r="D7" s="29">
        <v>29</v>
      </c>
    </row>
    <row r="8" spans="1:4" ht="18" customHeight="1" x14ac:dyDescent="0.2">
      <c r="A8" s="31">
        <v>3</v>
      </c>
      <c r="B8" s="35">
        <v>15</v>
      </c>
      <c r="C8" s="28">
        <v>12</v>
      </c>
      <c r="D8" s="29">
        <v>27</v>
      </c>
    </row>
    <row r="9" spans="1:4" ht="18" customHeight="1" x14ac:dyDescent="0.2">
      <c r="A9" s="31">
        <v>4</v>
      </c>
      <c r="B9" s="36">
        <v>13</v>
      </c>
      <c r="C9" s="38">
        <v>9</v>
      </c>
      <c r="D9" s="40">
        <v>22</v>
      </c>
    </row>
    <row r="10" spans="1:4" ht="18" customHeight="1" x14ac:dyDescent="0.2">
      <c r="A10" s="31" t="s">
        <v>48</v>
      </c>
      <c r="B10" s="27">
        <v>61</v>
      </c>
      <c r="C10" s="28">
        <v>57</v>
      </c>
      <c r="D10" s="29">
        <v>118</v>
      </c>
    </row>
    <row r="11" spans="1:4" ht="18" customHeight="1" x14ac:dyDescent="0.2">
      <c r="A11" s="31">
        <v>5</v>
      </c>
      <c r="B11" s="35">
        <v>11</v>
      </c>
      <c r="C11" s="28">
        <v>10</v>
      </c>
      <c r="D11" s="29">
        <v>21</v>
      </c>
    </row>
    <row r="12" spans="1:4" ht="18" customHeight="1" x14ac:dyDescent="0.2">
      <c r="A12" s="31">
        <v>6</v>
      </c>
      <c r="B12" s="35">
        <v>15</v>
      </c>
      <c r="C12" s="28">
        <v>15</v>
      </c>
      <c r="D12" s="29">
        <v>30</v>
      </c>
    </row>
    <row r="13" spans="1:4" ht="18" customHeight="1" x14ac:dyDescent="0.2">
      <c r="A13" s="31">
        <v>7</v>
      </c>
      <c r="B13" s="35">
        <v>11</v>
      </c>
      <c r="C13" s="28">
        <v>10</v>
      </c>
      <c r="D13" s="29">
        <v>21</v>
      </c>
    </row>
    <row r="14" spans="1:4" ht="18" customHeight="1" x14ac:dyDescent="0.2">
      <c r="A14" s="31">
        <v>8</v>
      </c>
      <c r="B14" s="35">
        <v>10</v>
      </c>
      <c r="C14" s="28">
        <v>9</v>
      </c>
      <c r="D14" s="29">
        <v>19</v>
      </c>
    </row>
    <row r="15" spans="1:4" ht="18" customHeight="1" x14ac:dyDescent="0.2">
      <c r="A15" s="31">
        <v>9</v>
      </c>
      <c r="B15" s="35">
        <v>10</v>
      </c>
      <c r="C15" s="28">
        <v>9</v>
      </c>
      <c r="D15" s="29">
        <v>19</v>
      </c>
    </row>
    <row r="16" spans="1:4" ht="18" customHeight="1" x14ac:dyDescent="0.2">
      <c r="A16" s="31" t="s">
        <v>49</v>
      </c>
      <c r="B16" s="27">
        <v>57</v>
      </c>
      <c r="C16" s="28">
        <v>53</v>
      </c>
      <c r="D16" s="29">
        <v>110</v>
      </c>
    </row>
    <row r="17" spans="1:4" ht="18" customHeight="1" x14ac:dyDescent="0.2">
      <c r="A17" s="31">
        <v>10</v>
      </c>
      <c r="B17" s="27">
        <v>2</v>
      </c>
      <c r="C17" s="28">
        <v>7</v>
      </c>
      <c r="D17" s="29">
        <v>9</v>
      </c>
    </row>
    <row r="18" spans="1:4" ht="18" customHeight="1" x14ac:dyDescent="0.2">
      <c r="A18" s="31">
        <v>11</v>
      </c>
      <c r="B18" s="27">
        <v>9</v>
      </c>
      <c r="C18" s="28">
        <v>5</v>
      </c>
      <c r="D18" s="29">
        <v>14</v>
      </c>
    </row>
    <row r="19" spans="1:4" ht="18" customHeight="1" x14ac:dyDescent="0.2">
      <c r="A19" s="31">
        <v>12</v>
      </c>
      <c r="B19" s="27">
        <v>9</v>
      </c>
      <c r="C19" s="28">
        <v>8</v>
      </c>
      <c r="D19" s="29">
        <v>17</v>
      </c>
    </row>
    <row r="20" spans="1:4" ht="18" customHeight="1" x14ac:dyDescent="0.2">
      <c r="A20" s="31">
        <v>13</v>
      </c>
      <c r="B20" s="27">
        <v>7</v>
      </c>
      <c r="C20" s="28">
        <v>4</v>
      </c>
      <c r="D20" s="29">
        <v>11</v>
      </c>
    </row>
    <row r="21" spans="1:4" ht="18" customHeight="1" x14ac:dyDescent="0.2">
      <c r="A21" s="31">
        <v>14</v>
      </c>
      <c r="B21" s="27">
        <v>5</v>
      </c>
      <c r="C21" s="28">
        <v>8</v>
      </c>
      <c r="D21" s="29">
        <v>13</v>
      </c>
    </row>
    <row r="22" spans="1:4" ht="18" customHeight="1" x14ac:dyDescent="0.2">
      <c r="A22" s="31" t="s">
        <v>50</v>
      </c>
      <c r="B22" s="27">
        <v>32</v>
      </c>
      <c r="C22" s="28">
        <v>32</v>
      </c>
      <c r="D22" s="29">
        <v>64</v>
      </c>
    </row>
    <row r="23" spans="1:4" ht="18" customHeight="1" x14ac:dyDescent="0.2">
      <c r="A23" s="31" t="s">
        <v>51</v>
      </c>
      <c r="B23" s="27">
        <v>150</v>
      </c>
      <c r="C23" s="28">
        <v>142</v>
      </c>
      <c r="D23" s="29">
        <v>292</v>
      </c>
    </row>
    <row r="24" spans="1:4" ht="18" customHeight="1" x14ac:dyDescent="0.2">
      <c r="A24" s="31">
        <v>15</v>
      </c>
      <c r="B24" s="27">
        <v>5</v>
      </c>
      <c r="C24" s="28">
        <v>9</v>
      </c>
      <c r="D24" s="29">
        <v>14</v>
      </c>
    </row>
    <row r="25" spans="1:4" ht="18" customHeight="1" x14ac:dyDescent="0.2">
      <c r="A25" s="31">
        <v>16</v>
      </c>
      <c r="B25" s="27">
        <v>11</v>
      </c>
      <c r="C25" s="28">
        <v>7</v>
      </c>
      <c r="D25" s="29">
        <v>18</v>
      </c>
    </row>
    <row r="26" spans="1:4" ht="18" customHeight="1" x14ac:dyDescent="0.2">
      <c r="A26" s="31">
        <v>17</v>
      </c>
      <c r="B26" s="27">
        <v>11</v>
      </c>
      <c r="C26" s="28">
        <v>15</v>
      </c>
      <c r="D26" s="29">
        <v>26</v>
      </c>
    </row>
    <row r="27" spans="1:4" ht="18" customHeight="1" x14ac:dyDescent="0.2">
      <c r="A27" s="31">
        <v>18</v>
      </c>
      <c r="B27" s="27">
        <v>8</v>
      </c>
      <c r="C27" s="28">
        <v>8</v>
      </c>
      <c r="D27" s="29">
        <v>16</v>
      </c>
    </row>
    <row r="28" spans="1:4" ht="18" customHeight="1" x14ac:dyDescent="0.2">
      <c r="A28" s="31">
        <v>19</v>
      </c>
      <c r="B28" s="27">
        <v>7</v>
      </c>
      <c r="C28" s="28">
        <v>11</v>
      </c>
      <c r="D28" s="29">
        <v>18</v>
      </c>
    </row>
    <row r="29" spans="1:4" ht="18" customHeight="1" x14ac:dyDescent="0.2">
      <c r="A29" s="31" t="s">
        <v>52</v>
      </c>
      <c r="B29" s="27">
        <v>42</v>
      </c>
      <c r="C29" s="28">
        <v>50</v>
      </c>
      <c r="D29" s="29">
        <v>92</v>
      </c>
    </row>
    <row r="30" spans="1:4" ht="18" customHeight="1" x14ac:dyDescent="0.2">
      <c r="A30" s="31">
        <v>20</v>
      </c>
      <c r="B30" s="27">
        <v>6</v>
      </c>
      <c r="C30" s="28">
        <v>9</v>
      </c>
      <c r="D30" s="29">
        <v>15</v>
      </c>
    </row>
    <row r="31" spans="1:4" ht="18" customHeight="1" x14ac:dyDescent="0.2">
      <c r="A31" s="31">
        <v>21</v>
      </c>
      <c r="B31" s="27">
        <v>7</v>
      </c>
      <c r="C31" s="28">
        <v>9</v>
      </c>
      <c r="D31" s="29">
        <v>16</v>
      </c>
    </row>
    <row r="32" spans="1:4" ht="18" customHeight="1" x14ac:dyDescent="0.2">
      <c r="A32" s="31">
        <v>22</v>
      </c>
      <c r="B32" s="27">
        <v>10</v>
      </c>
      <c r="C32" s="28">
        <v>16</v>
      </c>
      <c r="D32" s="29">
        <v>26</v>
      </c>
    </row>
    <row r="33" spans="1:4" ht="18" customHeight="1" x14ac:dyDescent="0.2">
      <c r="A33" s="31">
        <v>23</v>
      </c>
      <c r="B33" s="27">
        <v>6</v>
      </c>
      <c r="C33" s="28">
        <v>8</v>
      </c>
      <c r="D33" s="29">
        <v>14</v>
      </c>
    </row>
    <row r="34" spans="1:4" ht="18" customHeight="1" x14ac:dyDescent="0.2">
      <c r="A34" s="31">
        <v>24</v>
      </c>
      <c r="B34" s="27">
        <v>14</v>
      </c>
      <c r="C34" s="28">
        <v>8</v>
      </c>
      <c r="D34" s="29">
        <v>22</v>
      </c>
    </row>
    <row r="35" spans="1:4" ht="18" customHeight="1" x14ac:dyDescent="0.2">
      <c r="A35" s="31" t="s">
        <v>53</v>
      </c>
      <c r="B35" s="27">
        <v>43</v>
      </c>
      <c r="C35" s="28">
        <v>50</v>
      </c>
      <c r="D35" s="29">
        <v>93</v>
      </c>
    </row>
    <row r="36" spans="1:4" ht="18" customHeight="1" x14ac:dyDescent="0.2">
      <c r="A36" s="31">
        <v>25</v>
      </c>
      <c r="B36" s="27">
        <v>15</v>
      </c>
      <c r="C36" s="28">
        <v>15</v>
      </c>
      <c r="D36" s="29">
        <v>30</v>
      </c>
    </row>
    <row r="37" spans="1:4" ht="18" customHeight="1" x14ac:dyDescent="0.2">
      <c r="A37" s="31">
        <v>26</v>
      </c>
      <c r="B37" s="27">
        <v>9</v>
      </c>
      <c r="C37" s="28">
        <v>7</v>
      </c>
      <c r="D37" s="29">
        <v>16</v>
      </c>
    </row>
    <row r="38" spans="1:4" ht="18" customHeight="1" x14ac:dyDescent="0.2">
      <c r="A38" s="31">
        <v>27</v>
      </c>
      <c r="B38" s="27">
        <v>14</v>
      </c>
      <c r="C38" s="28">
        <v>12</v>
      </c>
      <c r="D38" s="29">
        <v>26</v>
      </c>
    </row>
    <row r="39" spans="1:4" ht="18" customHeight="1" x14ac:dyDescent="0.2">
      <c r="A39" s="31">
        <v>28</v>
      </c>
      <c r="B39" s="27">
        <v>14</v>
      </c>
      <c r="C39" s="28">
        <v>12</v>
      </c>
      <c r="D39" s="29">
        <v>26</v>
      </c>
    </row>
    <row r="40" spans="1:4" ht="18" customHeight="1" x14ac:dyDescent="0.2">
      <c r="A40" s="31">
        <v>29</v>
      </c>
      <c r="B40" s="27">
        <v>9</v>
      </c>
      <c r="C40" s="28">
        <v>9</v>
      </c>
      <c r="D40" s="29">
        <v>18</v>
      </c>
    </row>
    <row r="41" spans="1:4" ht="18" customHeight="1" x14ac:dyDescent="0.2">
      <c r="A41" s="31" t="s">
        <v>54</v>
      </c>
      <c r="B41" s="27">
        <v>61</v>
      </c>
      <c r="C41" s="28">
        <v>55</v>
      </c>
      <c r="D41" s="29">
        <v>116</v>
      </c>
    </row>
    <row r="42" spans="1:4" ht="18" customHeight="1" x14ac:dyDescent="0.2">
      <c r="A42" s="31">
        <v>30</v>
      </c>
      <c r="B42" s="27">
        <v>17</v>
      </c>
      <c r="C42" s="28">
        <v>10</v>
      </c>
      <c r="D42" s="29">
        <v>27</v>
      </c>
    </row>
    <row r="43" spans="1:4" ht="18" customHeight="1" x14ac:dyDescent="0.2">
      <c r="A43" s="31">
        <v>31</v>
      </c>
      <c r="B43" s="27">
        <v>13</v>
      </c>
      <c r="C43" s="28">
        <v>13</v>
      </c>
      <c r="D43" s="29">
        <v>26</v>
      </c>
    </row>
    <row r="44" spans="1:4" ht="18" customHeight="1" x14ac:dyDescent="0.2">
      <c r="A44" s="31">
        <v>32</v>
      </c>
      <c r="B44" s="27">
        <v>13</v>
      </c>
      <c r="C44" s="28">
        <v>16</v>
      </c>
      <c r="D44" s="29">
        <v>29</v>
      </c>
    </row>
    <row r="45" spans="1:4" ht="18" customHeight="1" x14ac:dyDescent="0.2">
      <c r="A45" s="31">
        <v>33</v>
      </c>
      <c r="B45" s="27">
        <v>17</v>
      </c>
      <c r="C45" s="28">
        <v>17</v>
      </c>
      <c r="D45" s="29">
        <v>34</v>
      </c>
    </row>
    <row r="46" spans="1:4" ht="18" customHeight="1" x14ac:dyDescent="0.2">
      <c r="A46" s="31">
        <v>34</v>
      </c>
      <c r="B46" s="27">
        <v>15</v>
      </c>
      <c r="C46" s="28">
        <v>14</v>
      </c>
      <c r="D46" s="29">
        <v>29</v>
      </c>
    </row>
    <row r="47" spans="1:4" ht="18" customHeight="1" x14ac:dyDescent="0.2">
      <c r="A47" s="31" t="s">
        <v>55</v>
      </c>
      <c r="B47" s="27">
        <v>75</v>
      </c>
      <c r="C47" s="28">
        <v>70</v>
      </c>
      <c r="D47" s="29">
        <v>145</v>
      </c>
    </row>
    <row r="48" spans="1:4" ht="18" customHeight="1" x14ac:dyDescent="0.2">
      <c r="A48" s="31">
        <v>35</v>
      </c>
      <c r="B48" s="27">
        <v>16</v>
      </c>
      <c r="C48" s="28">
        <v>13</v>
      </c>
      <c r="D48" s="29">
        <v>29</v>
      </c>
    </row>
    <row r="49" spans="1:4" ht="18" customHeight="1" x14ac:dyDescent="0.2">
      <c r="A49" s="31">
        <v>36</v>
      </c>
      <c r="B49" s="27">
        <v>10</v>
      </c>
      <c r="C49" s="28">
        <v>13</v>
      </c>
      <c r="D49" s="29">
        <v>23</v>
      </c>
    </row>
    <row r="50" spans="1:4" ht="18" customHeight="1" x14ac:dyDescent="0.2">
      <c r="A50" s="31">
        <v>37</v>
      </c>
      <c r="B50" s="27">
        <v>17</v>
      </c>
      <c r="C50" s="28">
        <v>19</v>
      </c>
      <c r="D50" s="29">
        <v>36</v>
      </c>
    </row>
    <row r="51" spans="1:4" ht="18" customHeight="1" x14ac:dyDescent="0.2">
      <c r="A51" s="31">
        <v>38</v>
      </c>
      <c r="B51" s="27">
        <v>17</v>
      </c>
      <c r="C51" s="28">
        <v>8</v>
      </c>
      <c r="D51" s="29">
        <v>25</v>
      </c>
    </row>
    <row r="52" spans="1:4" ht="18" customHeight="1" x14ac:dyDescent="0.2">
      <c r="A52" s="31">
        <v>39</v>
      </c>
      <c r="B52" s="27">
        <v>15</v>
      </c>
      <c r="C52" s="28">
        <v>13</v>
      </c>
      <c r="D52" s="29">
        <v>28</v>
      </c>
    </row>
    <row r="53" spans="1:4" ht="18" customHeight="1" x14ac:dyDescent="0.2">
      <c r="A53" s="31" t="s">
        <v>56</v>
      </c>
      <c r="B53" s="27">
        <v>75</v>
      </c>
      <c r="C53" s="28">
        <v>66</v>
      </c>
      <c r="D53" s="29">
        <v>141</v>
      </c>
    </row>
    <row r="54" spans="1:4" ht="18" customHeight="1" x14ac:dyDescent="0.2">
      <c r="A54" s="31">
        <v>40</v>
      </c>
      <c r="B54" s="27">
        <v>20</v>
      </c>
      <c r="C54" s="28">
        <v>10</v>
      </c>
      <c r="D54" s="29">
        <v>30</v>
      </c>
    </row>
    <row r="55" spans="1:4" ht="18" customHeight="1" x14ac:dyDescent="0.2">
      <c r="A55" s="31">
        <v>41</v>
      </c>
      <c r="B55" s="27">
        <v>14</v>
      </c>
      <c r="C55" s="28">
        <v>6</v>
      </c>
      <c r="D55" s="29">
        <v>20</v>
      </c>
    </row>
    <row r="56" spans="1:4" ht="18" customHeight="1" x14ac:dyDescent="0.2">
      <c r="A56" s="31">
        <v>42</v>
      </c>
      <c r="B56" s="27">
        <v>15</v>
      </c>
      <c r="C56" s="28">
        <v>9</v>
      </c>
      <c r="D56" s="29">
        <v>24</v>
      </c>
    </row>
    <row r="57" spans="1:4" ht="18" customHeight="1" x14ac:dyDescent="0.2">
      <c r="A57" s="31">
        <v>43</v>
      </c>
      <c r="B57" s="27">
        <v>16</v>
      </c>
      <c r="C57" s="28">
        <v>19</v>
      </c>
      <c r="D57" s="29">
        <v>35</v>
      </c>
    </row>
    <row r="58" spans="1:4" ht="18" customHeight="1" x14ac:dyDescent="0.2">
      <c r="A58" s="31">
        <v>44</v>
      </c>
      <c r="B58" s="27">
        <v>13</v>
      </c>
      <c r="C58" s="28">
        <v>11</v>
      </c>
      <c r="D58" s="29">
        <v>24</v>
      </c>
    </row>
    <row r="59" spans="1:4" ht="18" customHeight="1" x14ac:dyDescent="0.2">
      <c r="A59" s="31" t="s">
        <v>57</v>
      </c>
      <c r="B59" s="27">
        <v>78</v>
      </c>
      <c r="C59" s="28">
        <v>55</v>
      </c>
      <c r="D59" s="29">
        <v>133</v>
      </c>
    </row>
    <row r="60" spans="1:4" ht="18" customHeight="1" x14ac:dyDescent="0.2">
      <c r="A60" s="31">
        <v>45</v>
      </c>
      <c r="B60" s="27">
        <v>14</v>
      </c>
      <c r="C60" s="28">
        <v>13</v>
      </c>
      <c r="D60" s="29">
        <v>27</v>
      </c>
    </row>
    <row r="61" spans="1:4" ht="18" customHeight="1" x14ac:dyDescent="0.2">
      <c r="A61" s="31">
        <v>46</v>
      </c>
      <c r="B61" s="27">
        <v>16</v>
      </c>
      <c r="C61" s="28">
        <v>16</v>
      </c>
      <c r="D61" s="29">
        <v>32</v>
      </c>
    </row>
    <row r="62" spans="1:4" ht="18" customHeight="1" x14ac:dyDescent="0.2">
      <c r="A62" s="31">
        <v>47</v>
      </c>
      <c r="B62" s="27">
        <v>9</v>
      </c>
      <c r="C62" s="28">
        <v>5</v>
      </c>
      <c r="D62" s="29">
        <v>14</v>
      </c>
    </row>
    <row r="63" spans="1:4" ht="18" customHeight="1" x14ac:dyDescent="0.2">
      <c r="A63" s="31">
        <v>48</v>
      </c>
      <c r="B63" s="27">
        <v>18</v>
      </c>
      <c r="C63" s="28">
        <v>19</v>
      </c>
      <c r="D63" s="29">
        <v>37</v>
      </c>
    </row>
    <row r="64" spans="1:4" ht="18" customHeight="1" x14ac:dyDescent="0.2">
      <c r="A64" s="31">
        <v>49</v>
      </c>
      <c r="B64" s="27">
        <v>14</v>
      </c>
      <c r="C64" s="28">
        <v>11</v>
      </c>
      <c r="D64" s="29">
        <v>25</v>
      </c>
    </row>
    <row r="65" spans="1:4" ht="18" customHeight="1" x14ac:dyDescent="0.2">
      <c r="A65" s="31" t="s">
        <v>58</v>
      </c>
      <c r="B65" s="27">
        <v>71</v>
      </c>
      <c r="C65" s="28">
        <v>64</v>
      </c>
      <c r="D65" s="29">
        <v>135</v>
      </c>
    </row>
    <row r="66" spans="1:4" ht="18" customHeight="1" x14ac:dyDescent="0.2">
      <c r="A66" s="31">
        <v>50</v>
      </c>
      <c r="B66" s="27">
        <v>7</v>
      </c>
      <c r="C66" s="28">
        <v>11</v>
      </c>
      <c r="D66" s="29">
        <v>18</v>
      </c>
    </row>
    <row r="67" spans="1:4" ht="18" customHeight="1" x14ac:dyDescent="0.2">
      <c r="A67" s="31">
        <v>51</v>
      </c>
      <c r="B67" s="27">
        <v>10</v>
      </c>
      <c r="C67" s="28">
        <v>19</v>
      </c>
      <c r="D67" s="29">
        <v>29</v>
      </c>
    </row>
    <row r="68" spans="1:4" ht="18" customHeight="1" x14ac:dyDescent="0.2">
      <c r="A68" s="31">
        <v>52</v>
      </c>
      <c r="B68" s="27">
        <v>9</v>
      </c>
      <c r="C68" s="28">
        <v>13</v>
      </c>
      <c r="D68" s="29">
        <v>22</v>
      </c>
    </row>
    <row r="69" spans="1:4" ht="18" customHeight="1" x14ac:dyDescent="0.2">
      <c r="A69" s="31">
        <v>53</v>
      </c>
      <c r="B69" s="27">
        <v>10</v>
      </c>
      <c r="C69" s="28">
        <v>3</v>
      </c>
      <c r="D69" s="29">
        <v>13</v>
      </c>
    </row>
    <row r="70" spans="1:4" ht="18" customHeight="1" x14ac:dyDescent="0.2">
      <c r="A70" s="31">
        <v>54</v>
      </c>
      <c r="B70" s="27">
        <v>19</v>
      </c>
      <c r="C70" s="28">
        <v>19</v>
      </c>
      <c r="D70" s="29">
        <v>38</v>
      </c>
    </row>
    <row r="71" spans="1:4" ht="18" customHeight="1" x14ac:dyDescent="0.2">
      <c r="A71" s="31" t="s">
        <v>59</v>
      </c>
      <c r="B71" s="27">
        <v>55</v>
      </c>
      <c r="C71" s="28">
        <v>65</v>
      </c>
      <c r="D71" s="29">
        <v>120</v>
      </c>
    </row>
    <row r="72" spans="1:4" ht="18" customHeight="1" x14ac:dyDescent="0.2">
      <c r="A72" s="31">
        <v>55</v>
      </c>
      <c r="B72" s="27">
        <v>5</v>
      </c>
      <c r="C72" s="28">
        <v>13</v>
      </c>
      <c r="D72" s="29">
        <v>18</v>
      </c>
    </row>
    <row r="73" spans="1:4" ht="18" customHeight="1" x14ac:dyDescent="0.2">
      <c r="A73" s="31">
        <v>56</v>
      </c>
      <c r="B73" s="27">
        <v>10</v>
      </c>
      <c r="C73" s="28">
        <v>13</v>
      </c>
      <c r="D73" s="29">
        <v>23</v>
      </c>
    </row>
    <row r="74" spans="1:4" ht="18" customHeight="1" x14ac:dyDescent="0.2">
      <c r="A74" s="31">
        <v>57</v>
      </c>
      <c r="B74" s="27">
        <v>15</v>
      </c>
      <c r="C74" s="28">
        <v>14</v>
      </c>
      <c r="D74" s="29">
        <v>29</v>
      </c>
    </row>
    <row r="75" spans="1:4" ht="18" customHeight="1" x14ac:dyDescent="0.2">
      <c r="A75" s="31">
        <v>58</v>
      </c>
      <c r="B75" s="27">
        <v>11</v>
      </c>
      <c r="C75" s="28">
        <v>20</v>
      </c>
      <c r="D75" s="29">
        <v>31</v>
      </c>
    </row>
    <row r="76" spans="1:4" ht="18" customHeight="1" x14ac:dyDescent="0.2">
      <c r="A76" s="31">
        <v>59</v>
      </c>
      <c r="B76" s="27">
        <v>13</v>
      </c>
      <c r="C76" s="28">
        <v>21</v>
      </c>
      <c r="D76" s="29">
        <v>34</v>
      </c>
    </row>
    <row r="77" spans="1:4" ht="18" customHeight="1" x14ac:dyDescent="0.2">
      <c r="A77" s="31" t="s">
        <v>60</v>
      </c>
      <c r="B77" s="27">
        <v>54</v>
      </c>
      <c r="C77" s="28">
        <v>81</v>
      </c>
      <c r="D77" s="29">
        <v>135</v>
      </c>
    </row>
    <row r="78" spans="1:4" ht="18" customHeight="1" x14ac:dyDescent="0.2">
      <c r="A78" s="31">
        <v>60</v>
      </c>
      <c r="B78" s="27">
        <v>20</v>
      </c>
      <c r="C78" s="28">
        <v>13</v>
      </c>
      <c r="D78" s="29">
        <v>33</v>
      </c>
    </row>
    <row r="79" spans="1:4" ht="18" customHeight="1" x14ac:dyDescent="0.2">
      <c r="A79" s="31">
        <v>61</v>
      </c>
      <c r="B79" s="27">
        <v>20</v>
      </c>
      <c r="C79" s="28">
        <v>19</v>
      </c>
      <c r="D79" s="29">
        <v>39</v>
      </c>
    </row>
    <row r="80" spans="1:4" ht="18" customHeight="1" x14ac:dyDescent="0.2">
      <c r="A80" s="31">
        <v>62</v>
      </c>
      <c r="B80" s="27">
        <v>17</v>
      </c>
      <c r="C80" s="28">
        <v>13</v>
      </c>
      <c r="D80" s="29">
        <v>30</v>
      </c>
    </row>
    <row r="81" spans="1:4" ht="18" customHeight="1" x14ac:dyDescent="0.2">
      <c r="A81" s="31">
        <v>63</v>
      </c>
      <c r="B81" s="27">
        <v>23</v>
      </c>
      <c r="C81" s="28">
        <v>17</v>
      </c>
      <c r="D81" s="29">
        <v>40</v>
      </c>
    </row>
    <row r="82" spans="1:4" ht="18" customHeight="1" x14ac:dyDescent="0.2">
      <c r="A82" s="31">
        <v>64</v>
      </c>
      <c r="B82" s="27">
        <v>12</v>
      </c>
      <c r="C82" s="28">
        <v>18</v>
      </c>
      <c r="D82" s="29">
        <v>30</v>
      </c>
    </row>
    <row r="83" spans="1:4" ht="18" customHeight="1" x14ac:dyDescent="0.2">
      <c r="A83" s="31" t="s">
        <v>61</v>
      </c>
      <c r="B83" s="27">
        <v>92</v>
      </c>
      <c r="C83" s="28">
        <v>80</v>
      </c>
      <c r="D83" s="29">
        <v>172</v>
      </c>
    </row>
    <row r="84" spans="1:4" ht="18" customHeight="1" x14ac:dyDescent="0.2">
      <c r="A84" s="31" t="s">
        <v>62</v>
      </c>
      <c r="B84" s="27">
        <v>646</v>
      </c>
      <c r="C84" s="28">
        <v>636</v>
      </c>
      <c r="D84" s="29">
        <v>1282</v>
      </c>
    </row>
    <row r="85" spans="1:4" ht="18" customHeight="1" x14ac:dyDescent="0.2">
      <c r="A85" s="31">
        <v>65</v>
      </c>
      <c r="B85" s="27">
        <v>11</v>
      </c>
      <c r="C85" s="28">
        <v>13</v>
      </c>
      <c r="D85" s="29">
        <v>24</v>
      </c>
    </row>
    <row r="86" spans="1:4" ht="18" customHeight="1" x14ac:dyDescent="0.2">
      <c r="A86" s="31">
        <v>66</v>
      </c>
      <c r="B86" s="27">
        <v>12</v>
      </c>
      <c r="C86" s="28">
        <v>21</v>
      </c>
      <c r="D86" s="29">
        <v>33</v>
      </c>
    </row>
    <row r="87" spans="1:4" ht="18" customHeight="1" x14ac:dyDescent="0.2">
      <c r="A87" s="31">
        <v>67</v>
      </c>
      <c r="B87" s="27">
        <v>20</v>
      </c>
      <c r="C87" s="28">
        <v>15</v>
      </c>
      <c r="D87" s="29">
        <v>35</v>
      </c>
    </row>
    <row r="88" spans="1:4" ht="18" customHeight="1" x14ac:dyDescent="0.2">
      <c r="A88" s="31">
        <v>68</v>
      </c>
      <c r="B88" s="27">
        <v>20</v>
      </c>
      <c r="C88" s="28">
        <v>30</v>
      </c>
      <c r="D88" s="29">
        <v>50</v>
      </c>
    </row>
    <row r="89" spans="1:4" ht="18" customHeight="1" x14ac:dyDescent="0.2">
      <c r="A89" s="31">
        <v>69</v>
      </c>
      <c r="B89" s="27">
        <v>18</v>
      </c>
      <c r="C89" s="28">
        <v>20</v>
      </c>
      <c r="D89" s="29">
        <v>38</v>
      </c>
    </row>
    <row r="90" spans="1:4" ht="18" customHeight="1" x14ac:dyDescent="0.2">
      <c r="A90" s="31" t="s">
        <v>63</v>
      </c>
      <c r="B90" s="27">
        <v>81</v>
      </c>
      <c r="C90" s="28">
        <v>99</v>
      </c>
      <c r="D90" s="29">
        <v>180</v>
      </c>
    </row>
    <row r="91" spans="1:4" ht="18" customHeight="1" x14ac:dyDescent="0.2">
      <c r="A91" s="31">
        <v>70</v>
      </c>
      <c r="B91" s="27">
        <v>26</v>
      </c>
      <c r="C91" s="28">
        <v>15</v>
      </c>
      <c r="D91" s="29">
        <v>41</v>
      </c>
    </row>
    <row r="92" spans="1:4" ht="18" customHeight="1" x14ac:dyDescent="0.2">
      <c r="A92" s="31">
        <v>71</v>
      </c>
      <c r="B92" s="27">
        <v>30</v>
      </c>
      <c r="C92" s="28">
        <v>29</v>
      </c>
      <c r="D92" s="29">
        <v>59</v>
      </c>
    </row>
    <row r="93" spans="1:4" ht="18" customHeight="1" x14ac:dyDescent="0.2">
      <c r="A93" s="31">
        <v>72</v>
      </c>
      <c r="B93" s="27">
        <v>17</v>
      </c>
      <c r="C93" s="28">
        <v>18</v>
      </c>
      <c r="D93" s="29">
        <v>35</v>
      </c>
    </row>
    <row r="94" spans="1:4" ht="18" customHeight="1" x14ac:dyDescent="0.2">
      <c r="A94" s="31">
        <v>73</v>
      </c>
      <c r="B94" s="27">
        <v>10</v>
      </c>
      <c r="C94" s="28">
        <v>9</v>
      </c>
      <c r="D94" s="29">
        <v>19</v>
      </c>
    </row>
    <row r="95" spans="1:4" ht="18" customHeight="1" x14ac:dyDescent="0.2">
      <c r="A95" s="31">
        <v>74</v>
      </c>
      <c r="B95" s="27">
        <v>8</v>
      </c>
      <c r="C95" s="28">
        <v>13</v>
      </c>
      <c r="D95" s="29">
        <v>21</v>
      </c>
    </row>
    <row r="96" spans="1:4" ht="18" customHeight="1" x14ac:dyDescent="0.2">
      <c r="A96" s="31" t="s">
        <v>64</v>
      </c>
      <c r="B96" s="27">
        <v>91</v>
      </c>
      <c r="C96" s="28">
        <v>84</v>
      </c>
      <c r="D96" s="29">
        <v>175</v>
      </c>
    </row>
    <row r="97" spans="1:4" ht="18" customHeight="1" x14ac:dyDescent="0.2">
      <c r="A97" s="31">
        <v>75</v>
      </c>
      <c r="B97" s="27">
        <v>10</v>
      </c>
      <c r="C97" s="28">
        <v>15</v>
      </c>
      <c r="D97" s="29">
        <v>25</v>
      </c>
    </row>
    <row r="98" spans="1:4" ht="18" customHeight="1" x14ac:dyDescent="0.2">
      <c r="A98" s="31">
        <v>76</v>
      </c>
      <c r="B98" s="27">
        <v>20</v>
      </c>
      <c r="C98" s="28">
        <v>11</v>
      </c>
      <c r="D98" s="29">
        <v>31</v>
      </c>
    </row>
    <row r="99" spans="1:4" ht="18" customHeight="1" x14ac:dyDescent="0.2">
      <c r="A99" s="31">
        <v>77</v>
      </c>
      <c r="B99" s="27">
        <v>17</v>
      </c>
      <c r="C99" s="28">
        <v>6</v>
      </c>
      <c r="D99" s="29">
        <v>23</v>
      </c>
    </row>
    <row r="100" spans="1:4" ht="18" customHeight="1" x14ac:dyDescent="0.2">
      <c r="A100" s="31">
        <v>78</v>
      </c>
      <c r="B100" s="27">
        <v>11</v>
      </c>
      <c r="C100" s="28">
        <v>16</v>
      </c>
      <c r="D100" s="29">
        <v>27</v>
      </c>
    </row>
    <row r="101" spans="1:4" ht="18" customHeight="1" x14ac:dyDescent="0.2">
      <c r="A101" s="31">
        <v>79</v>
      </c>
      <c r="B101" s="27">
        <v>9</v>
      </c>
      <c r="C101" s="28">
        <v>18</v>
      </c>
      <c r="D101" s="29">
        <v>27</v>
      </c>
    </row>
    <row r="102" spans="1:4" ht="18" customHeight="1" x14ac:dyDescent="0.2">
      <c r="A102" s="31" t="s">
        <v>65</v>
      </c>
      <c r="B102" s="27">
        <v>67</v>
      </c>
      <c r="C102" s="28">
        <v>66</v>
      </c>
      <c r="D102" s="29">
        <v>133</v>
      </c>
    </row>
    <row r="103" spans="1:4" ht="18" customHeight="1" x14ac:dyDescent="0.2">
      <c r="A103" s="31">
        <v>80</v>
      </c>
      <c r="B103" s="27">
        <v>6</v>
      </c>
      <c r="C103" s="28">
        <v>11</v>
      </c>
      <c r="D103" s="29">
        <v>17</v>
      </c>
    </row>
    <row r="104" spans="1:4" ht="18" customHeight="1" x14ac:dyDescent="0.2">
      <c r="A104" s="31">
        <v>81</v>
      </c>
      <c r="B104" s="27">
        <v>8</v>
      </c>
      <c r="C104" s="28">
        <v>13</v>
      </c>
      <c r="D104" s="29">
        <v>21</v>
      </c>
    </row>
    <row r="105" spans="1:4" ht="18" customHeight="1" x14ac:dyDescent="0.2">
      <c r="A105" s="31">
        <v>82</v>
      </c>
      <c r="B105" s="27">
        <v>10</v>
      </c>
      <c r="C105" s="28">
        <v>10</v>
      </c>
      <c r="D105" s="29">
        <v>20</v>
      </c>
    </row>
    <row r="106" spans="1:4" ht="18" customHeight="1" x14ac:dyDescent="0.2">
      <c r="A106" s="31">
        <v>83</v>
      </c>
      <c r="B106" s="27">
        <v>8</v>
      </c>
      <c r="C106" s="28">
        <v>11</v>
      </c>
      <c r="D106" s="29">
        <v>19</v>
      </c>
    </row>
    <row r="107" spans="1:4" ht="18" customHeight="1" x14ac:dyDescent="0.2">
      <c r="A107" s="31">
        <v>84</v>
      </c>
      <c r="B107" s="27">
        <v>3</v>
      </c>
      <c r="C107" s="28">
        <v>5</v>
      </c>
      <c r="D107" s="29">
        <v>8</v>
      </c>
    </row>
    <row r="108" spans="1:4" ht="18" customHeight="1" x14ac:dyDescent="0.2">
      <c r="A108" s="31" t="s">
        <v>66</v>
      </c>
      <c r="B108" s="27">
        <v>35</v>
      </c>
      <c r="C108" s="28">
        <v>50</v>
      </c>
      <c r="D108" s="29">
        <v>85</v>
      </c>
    </row>
    <row r="109" spans="1:4" ht="18" customHeight="1" x14ac:dyDescent="0.2">
      <c r="A109" s="31">
        <v>85</v>
      </c>
      <c r="B109" s="27">
        <v>8</v>
      </c>
      <c r="C109" s="28">
        <v>12</v>
      </c>
      <c r="D109" s="29">
        <v>20</v>
      </c>
    </row>
    <row r="110" spans="1:4" ht="18" customHeight="1" x14ac:dyDescent="0.2">
      <c r="A110" s="31">
        <v>86</v>
      </c>
      <c r="B110" s="27">
        <v>3</v>
      </c>
      <c r="C110" s="28">
        <v>15</v>
      </c>
      <c r="D110" s="29">
        <v>18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3</v>
      </c>
      <c r="C112" s="28">
        <v>11</v>
      </c>
      <c r="D112" s="29">
        <v>14</v>
      </c>
    </row>
    <row r="113" spans="1:4" ht="18" customHeight="1" x14ac:dyDescent="0.2">
      <c r="A113" s="31">
        <v>89</v>
      </c>
      <c r="B113" s="27">
        <v>5</v>
      </c>
      <c r="C113" s="28">
        <v>10</v>
      </c>
      <c r="D113" s="29">
        <v>15</v>
      </c>
    </row>
    <row r="114" spans="1:4" ht="18" customHeight="1" x14ac:dyDescent="0.2">
      <c r="A114" s="31" t="s">
        <v>67</v>
      </c>
      <c r="B114" s="27">
        <v>23</v>
      </c>
      <c r="C114" s="28">
        <v>54</v>
      </c>
      <c r="D114" s="29">
        <v>77</v>
      </c>
    </row>
    <row r="115" spans="1:4" ht="18" customHeight="1" x14ac:dyDescent="0.2">
      <c r="A115" s="31">
        <v>90</v>
      </c>
      <c r="B115" s="27">
        <v>4</v>
      </c>
      <c r="C115" s="28">
        <v>10</v>
      </c>
      <c r="D115" s="29">
        <v>14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4</v>
      </c>
      <c r="C117" s="28">
        <v>4</v>
      </c>
      <c r="D117" s="29">
        <v>8</v>
      </c>
    </row>
    <row r="118" spans="1:4" ht="18" customHeight="1" x14ac:dyDescent="0.2">
      <c r="A118" s="31">
        <v>93</v>
      </c>
      <c r="B118" s="27">
        <v>2</v>
      </c>
      <c r="C118" s="28">
        <v>7</v>
      </c>
      <c r="D118" s="29">
        <v>9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12</v>
      </c>
      <c r="C120" s="28">
        <v>35</v>
      </c>
      <c r="D120" s="29">
        <v>47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09</v>
      </c>
      <c r="C130" s="5">
        <v>395</v>
      </c>
      <c r="D130" s="6">
        <v>704</v>
      </c>
    </row>
    <row r="131" spans="1:4" ht="18" customHeight="1" x14ac:dyDescent="0.2">
      <c r="A131" s="33" t="s">
        <v>47</v>
      </c>
      <c r="B131" s="7">
        <v>1105</v>
      </c>
      <c r="C131" s="8">
        <v>1173</v>
      </c>
      <c r="D131" s="9">
        <v>22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</v>
      </c>
      <c r="C5" s="37">
        <v>15</v>
      </c>
      <c r="D5" s="39">
        <v>34</v>
      </c>
    </row>
    <row r="6" spans="1:4" ht="18" customHeight="1" x14ac:dyDescent="0.2">
      <c r="A6" s="31">
        <v>1</v>
      </c>
      <c r="B6" s="35">
        <v>21</v>
      </c>
      <c r="C6" s="28">
        <v>15</v>
      </c>
      <c r="D6" s="29">
        <v>36</v>
      </c>
    </row>
    <row r="7" spans="1:4" ht="18" customHeight="1" x14ac:dyDescent="0.2">
      <c r="A7" s="31">
        <v>2</v>
      </c>
      <c r="B7" s="35">
        <v>12</v>
      </c>
      <c r="C7" s="28">
        <v>15</v>
      </c>
      <c r="D7" s="29">
        <v>27</v>
      </c>
    </row>
    <row r="8" spans="1:4" ht="18" customHeight="1" x14ac:dyDescent="0.2">
      <c r="A8" s="31">
        <v>3</v>
      </c>
      <c r="B8" s="35">
        <v>15</v>
      </c>
      <c r="C8" s="28">
        <v>15</v>
      </c>
      <c r="D8" s="29">
        <v>30</v>
      </c>
    </row>
    <row r="9" spans="1:4" ht="18" customHeight="1" x14ac:dyDescent="0.2">
      <c r="A9" s="31">
        <v>4</v>
      </c>
      <c r="B9" s="36">
        <v>15</v>
      </c>
      <c r="C9" s="38">
        <v>14</v>
      </c>
      <c r="D9" s="40">
        <v>29</v>
      </c>
    </row>
    <row r="10" spans="1:4" ht="18" customHeight="1" x14ac:dyDescent="0.2">
      <c r="A10" s="31" t="s">
        <v>48</v>
      </c>
      <c r="B10" s="27">
        <v>82</v>
      </c>
      <c r="C10" s="28">
        <v>74</v>
      </c>
      <c r="D10" s="29">
        <v>156</v>
      </c>
    </row>
    <row r="11" spans="1:4" ht="18" customHeight="1" x14ac:dyDescent="0.2">
      <c r="A11" s="31">
        <v>5</v>
      </c>
      <c r="B11" s="35">
        <v>23</v>
      </c>
      <c r="C11" s="28">
        <v>14</v>
      </c>
      <c r="D11" s="29">
        <v>37</v>
      </c>
    </row>
    <row r="12" spans="1:4" ht="18" customHeight="1" x14ac:dyDescent="0.2">
      <c r="A12" s="31">
        <v>6</v>
      </c>
      <c r="B12" s="35">
        <v>16</v>
      </c>
      <c r="C12" s="28">
        <v>12</v>
      </c>
      <c r="D12" s="29">
        <v>28</v>
      </c>
    </row>
    <row r="13" spans="1:4" ht="18" customHeight="1" x14ac:dyDescent="0.2">
      <c r="A13" s="31">
        <v>7</v>
      </c>
      <c r="B13" s="35">
        <v>14</v>
      </c>
      <c r="C13" s="28">
        <v>13</v>
      </c>
      <c r="D13" s="29">
        <v>27</v>
      </c>
    </row>
    <row r="14" spans="1:4" ht="18" customHeight="1" x14ac:dyDescent="0.2">
      <c r="A14" s="31">
        <v>8</v>
      </c>
      <c r="B14" s="35">
        <v>14</v>
      </c>
      <c r="C14" s="28">
        <v>19</v>
      </c>
      <c r="D14" s="29">
        <v>33</v>
      </c>
    </row>
    <row r="15" spans="1:4" ht="18" customHeight="1" x14ac:dyDescent="0.2">
      <c r="A15" s="31">
        <v>9</v>
      </c>
      <c r="B15" s="35">
        <v>11</v>
      </c>
      <c r="C15" s="28">
        <v>14</v>
      </c>
      <c r="D15" s="29">
        <v>25</v>
      </c>
    </row>
    <row r="16" spans="1:4" ht="18" customHeight="1" x14ac:dyDescent="0.2">
      <c r="A16" s="31" t="s">
        <v>49</v>
      </c>
      <c r="B16" s="27">
        <v>78</v>
      </c>
      <c r="C16" s="28">
        <v>72</v>
      </c>
      <c r="D16" s="29">
        <v>150</v>
      </c>
    </row>
    <row r="17" spans="1:4" ht="18" customHeight="1" x14ac:dyDescent="0.2">
      <c r="A17" s="31">
        <v>10</v>
      </c>
      <c r="B17" s="27">
        <v>18</v>
      </c>
      <c r="C17" s="28">
        <v>18</v>
      </c>
      <c r="D17" s="29">
        <v>36</v>
      </c>
    </row>
    <row r="18" spans="1:4" ht="18" customHeight="1" x14ac:dyDescent="0.2">
      <c r="A18" s="31">
        <v>11</v>
      </c>
      <c r="B18" s="27">
        <v>11</v>
      </c>
      <c r="C18" s="28">
        <v>18</v>
      </c>
      <c r="D18" s="29">
        <v>29</v>
      </c>
    </row>
    <row r="19" spans="1:4" ht="18" customHeight="1" x14ac:dyDescent="0.2">
      <c r="A19" s="31">
        <v>12</v>
      </c>
      <c r="B19" s="27">
        <v>21</v>
      </c>
      <c r="C19" s="28">
        <v>11</v>
      </c>
      <c r="D19" s="29">
        <v>32</v>
      </c>
    </row>
    <row r="20" spans="1:4" ht="18" customHeight="1" x14ac:dyDescent="0.2">
      <c r="A20" s="31">
        <v>13</v>
      </c>
      <c r="B20" s="27">
        <v>10</v>
      </c>
      <c r="C20" s="28">
        <v>15</v>
      </c>
      <c r="D20" s="29">
        <v>25</v>
      </c>
    </row>
    <row r="21" spans="1:4" ht="18" customHeight="1" x14ac:dyDescent="0.2">
      <c r="A21" s="31">
        <v>14</v>
      </c>
      <c r="B21" s="27">
        <v>18</v>
      </c>
      <c r="C21" s="28">
        <v>10</v>
      </c>
      <c r="D21" s="29">
        <v>28</v>
      </c>
    </row>
    <row r="22" spans="1:4" ht="18" customHeight="1" x14ac:dyDescent="0.2">
      <c r="A22" s="31" t="s">
        <v>50</v>
      </c>
      <c r="B22" s="27">
        <v>78</v>
      </c>
      <c r="C22" s="28">
        <v>72</v>
      </c>
      <c r="D22" s="29">
        <v>150</v>
      </c>
    </row>
    <row r="23" spans="1:4" ht="18" customHeight="1" x14ac:dyDescent="0.2">
      <c r="A23" s="31" t="s">
        <v>51</v>
      </c>
      <c r="B23" s="27">
        <v>238</v>
      </c>
      <c r="C23" s="28">
        <v>218</v>
      </c>
      <c r="D23" s="29">
        <v>456</v>
      </c>
    </row>
    <row r="24" spans="1:4" ht="18" customHeight="1" x14ac:dyDescent="0.2">
      <c r="A24" s="31">
        <v>15</v>
      </c>
      <c r="B24" s="27">
        <v>19</v>
      </c>
      <c r="C24" s="28">
        <v>10</v>
      </c>
      <c r="D24" s="29">
        <v>29</v>
      </c>
    </row>
    <row r="25" spans="1:4" ht="18" customHeight="1" x14ac:dyDescent="0.2">
      <c r="A25" s="31">
        <v>16</v>
      </c>
      <c r="B25" s="27">
        <v>16</v>
      </c>
      <c r="C25" s="28">
        <v>16</v>
      </c>
      <c r="D25" s="29">
        <v>32</v>
      </c>
    </row>
    <row r="26" spans="1:4" ht="18" customHeight="1" x14ac:dyDescent="0.2">
      <c r="A26" s="31">
        <v>17</v>
      </c>
      <c r="B26" s="27">
        <v>25</v>
      </c>
      <c r="C26" s="28">
        <v>17</v>
      </c>
      <c r="D26" s="29">
        <v>42</v>
      </c>
    </row>
    <row r="27" spans="1:4" ht="18" customHeight="1" x14ac:dyDescent="0.2">
      <c r="A27" s="31">
        <v>18</v>
      </c>
      <c r="B27" s="27">
        <v>17</v>
      </c>
      <c r="C27" s="28">
        <v>8</v>
      </c>
      <c r="D27" s="29">
        <v>25</v>
      </c>
    </row>
    <row r="28" spans="1:4" ht="18" customHeight="1" x14ac:dyDescent="0.2">
      <c r="A28" s="31">
        <v>19</v>
      </c>
      <c r="B28" s="27">
        <v>10</v>
      </c>
      <c r="C28" s="28">
        <v>21</v>
      </c>
      <c r="D28" s="29">
        <v>31</v>
      </c>
    </row>
    <row r="29" spans="1:4" ht="18" customHeight="1" x14ac:dyDescent="0.2">
      <c r="A29" s="31" t="s">
        <v>52</v>
      </c>
      <c r="B29" s="27">
        <v>87</v>
      </c>
      <c r="C29" s="28">
        <v>72</v>
      </c>
      <c r="D29" s="29">
        <v>159</v>
      </c>
    </row>
    <row r="30" spans="1:4" ht="18" customHeight="1" x14ac:dyDescent="0.2">
      <c r="A30" s="31">
        <v>20</v>
      </c>
      <c r="B30" s="27">
        <v>6</v>
      </c>
      <c r="C30" s="28">
        <v>16</v>
      </c>
      <c r="D30" s="29">
        <v>22</v>
      </c>
    </row>
    <row r="31" spans="1:4" ht="18" customHeight="1" x14ac:dyDescent="0.2">
      <c r="A31" s="31">
        <v>21</v>
      </c>
      <c r="B31" s="27">
        <v>8</v>
      </c>
      <c r="C31" s="28">
        <v>10</v>
      </c>
      <c r="D31" s="29">
        <v>18</v>
      </c>
    </row>
    <row r="32" spans="1:4" ht="18" customHeight="1" x14ac:dyDescent="0.2">
      <c r="A32" s="31">
        <v>22</v>
      </c>
      <c r="B32" s="27">
        <v>15</v>
      </c>
      <c r="C32" s="28">
        <v>15</v>
      </c>
      <c r="D32" s="29">
        <v>30</v>
      </c>
    </row>
    <row r="33" spans="1:4" ht="18" customHeight="1" x14ac:dyDescent="0.2">
      <c r="A33" s="31">
        <v>23</v>
      </c>
      <c r="B33" s="27">
        <v>9</v>
      </c>
      <c r="C33" s="28">
        <v>15</v>
      </c>
      <c r="D33" s="29">
        <v>24</v>
      </c>
    </row>
    <row r="34" spans="1:4" ht="18" customHeight="1" x14ac:dyDescent="0.2">
      <c r="A34" s="31">
        <v>24</v>
      </c>
      <c r="B34" s="27">
        <v>23</v>
      </c>
      <c r="C34" s="28">
        <v>23</v>
      </c>
      <c r="D34" s="29">
        <v>46</v>
      </c>
    </row>
    <row r="35" spans="1:4" ht="18" customHeight="1" x14ac:dyDescent="0.2">
      <c r="A35" s="31" t="s">
        <v>53</v>
      </c>
      <c r="B35" s="27">
        <v>61</v>
      </c>
      <c r="C35" s="28">
        <v>79</v>
      </c>
      <c r="D35" s="29">
        <v>140</v>
      </c>
    </row>
    <row r="36" spans="1:4" ht="18" customHeight="1" x14ac:dyDescent="0.2">
      <c r="A36" s="31">
        <v>25</v>
      </c>
      <c r="B36" s="27">
        <v>15</v>
      </c>
      <c r="C36" s="28">
        <v>24</v>
      </c>
      <c r="D36" s="29">
        <v>39</v>
      </c>
    </row>
    <row r="37" spans="1:4" ht="18" customHeight="1" x14ac:dyDescent="0.2">
      <c r="A37" s="31">
        <v>26</v>
      </c>
      <c r="B37" s="27">
        <v>22</v>
      </c>
      <c r="C37" s="28">
        <v>23</v>
      </c>
      <c r="D37" s="29">
        <v>45</v>
      </c>
    </row>
    <row r="38" spans="1:4" ht="18" customHeight="1" x14ac:dyDescent="0.2">
      <c r="A38" s="31">
        <v>27</v>
      </c>
      <c r="B38" s="27">
        <v>12</v>
      </c>
      <c r="C38" s="28">
        <v>23</v>
      </c>
      <c r="D38" s="29">
        <v>35</v>
      </c>
    </row>
    <row r="39" spans="1:4" ht="18" customHeight="1" x14ac:dyDescent="0.2">
      <c r="A39" s="31">
        <v>28</v>
      </c>
      <c r="B39" s="27">
        <v>19</v>
      </c>
      <c r="C39" s="28">
        <v>15</v>
      </c>
      <c r="D39" s="29">
        <v>34</v>
      </c>
    </row>
    <row r="40" spans="1:4" ht="18" customHeight="1" x14ac:dyDescent="0.2">
      <c r="A40" s="31">
        <v>29</v>
      </c>
      <c r="B40" s="27">
        <v>21</v>
      </c>
      <c r="C40" s="28">
        <v>21</v>
      </c>
      <c r="D40" s="29">
        <v>42</v>
      </c>
    </row>
    <row r="41" spans="1:4" ht="18" customHeight="1" x14ac:dyDescent="0.2">
      <c r="A41" s="31" t="s">
        <v>54</v>
      </c>
      <c r="B41" s="27">
        <v>89</v>
      </c>
      <c r="C41" s="28">
        <v>106</v>
      </c>
      <c r="D41" s="29">
        <v>195</v>
      </c>
    </row>
    <row r="42" spans="1:4" ht="18" customHeight="1" x14ac:dyDescent="0.2">
      <c r="A42" s="31">
        <v>30</v>
      </c>
      <c r="B42" s="27">
        <v>27</v>
      </c>
      <c r="C42" s="28">
        <v>17</v>
      </c>
      <c r="D42" s="29">
        <v>44</v>
      </c>
    </row>
    <row r="43" spans="1:4" ht="18" customHeight="1" x14ac:dyDescent="0.2">
      <c r="A43" s="31">
        <v>31</v>
      </c>
      <c r="B43" s="27">
        <v>14</v>
      </c>
      <c r="C43" s="28">
        <v>16</v>
      </c>
      <c r="D43" s="29">
        <v>30</v>
      </c>
    </row>
    <row r="44" spans="1:4" ht="18" customHeight="1" x14ac:dyDescent="0.2">
      <c r="A44" s="31">
        <v>32</v>
      </c>
      <c r="B44" s="27">
        <v>24</v>
      </c>
      <c r="C44" s="28">
        <v>17</v>
      </c>
      <c r="D44" s="29">
        <v>41</v>
      </c>
    </row>
    <row r="45" spans="1:4" ht="18" customHeight="1" x14ac:dyDescent="0.2">
      <c r="A45" s="31">
        <v>33</v>
      </c>
      <c r="B45" s="27">
        <v>21</v>
      </c>
      <c r="C45" s="28">
        <v>20</v>
      </c>
      <c r="D45" s="29">
        <v>41</v>
      </c>
    </row>
    <row r="46" spans="1:4" ht="18" customHeight="1" x14ac:dyDescent="0.2">
      <c r="A46" s="31">
        <v>34</v>
      </c>
      <c r="B46" s="27">
        <v>22</v>
      </c>
      <c r="C46" s="28">
        <v>32</v>
      </c>
      <c r="D46" s="29">
        <v>54</v>
      </c>
    </row>
    <row r="47" spans="1:4" ht="18" customHeight="1" x14ac:dyDescent="0.2">
      <c r="A47" s="31" t="s">
        <v>55</v>
      </c>
      <c r="B47" s="27">
        <v>108</v>
      </c>
      <c r="C47" s="28">
        <v>102</v>
      </c>
      <c r="D47" s="29">
        <v>210</v>
      </c>
    </row>
    <row r="48" spans="1:4" ht="18" customHeight="1" x14ac:dyDescent="0.2">
      <c r="A48" s="31">
        <v>35</v>
      </c>
      <c r="B48" s="27">
        <v>19</v>
      </c>
      <c r="C48" s="28">
        <v>12</v>
      </c>
      <c r="D48" s="29">
        <v>31</v>
      </c>
    </row>
    <row r="49" spans="1:4" ht="18" customHeight="1" x14ac:dyDescent="0.2">
      <c r="A49" s="31">
        <v>36</v>
      </c>
      <c r="B49" s="27">
        <v>25</v>
      </c>
      <c r="C49" s="28">
        <v>19</v>
      </c>
      <c r="D49" s="29">
        <v>44</v>
      </c>
    </row>
    <row r="50" spans="1:4" ht="18" customHeight="1" x14ac:dyDescent="0.2">
      <c r="A50" s="31">
        <v>37</v>
      </c>
      <c r="B50" s="27">
        <v>24</v>
      </c>
      <c r="C50" s="28">
        <v>28</v>
      </c>
      <c r="D50" s="29">
        <v>52</v>
      </c>
    </row>
    <row r="51" spans="1:4" ht="18" customHeight="1" x14ac:dyDescent="0.2">
      <c r="A51" s="31">
        <v>38</v>
      </c>
      <c r="B51" s="27">
        <v>24</v>
      </c>
      <c r="C51" s="28">
        <v>19</v>
      </c>
      <c r="D51" s="29">
        <v>43</v>
      </c>
    </row>
    <row r="52" spans="1:4" ht="18" customHeight="1" x14ac:dyDescent="0.2">
      <c r="A52" s="31">
        <v>39</v>
      </c>
      <c r="B52" s="27">
        <v>27</v>
      </c>
      <c r="C52" s="28">
        <v>28</v>
      </c>
      <c r="D52" s="29">
        <v>55</v>
      </c>
    </row>
    <row r="53" spans="1:4" ht="18" customHeight="1" x14ac:dyDescent="0.2">
      <c r="A53" s="31" t="s">
        <v>56</v>
      </c>
      <c r="B53" s="27">
        <v>119</v>
      </c>
      <c r="C53" s="28">
        <v>106</v>
      </c>
      <c r="D53" s="29">
        <v>225</v>
      </c>
    </row>
    <row r="54" spans="1:4" ht="18" customHeight="1" x14ac:dyDescent="0.2">
      <c r="A54" s="31">
        <v>40</v>
      </c>
      <c r="B54" s="27">
        <v>29</v>
      </c>
      <c r="C54" s="28">
        <v>25</v>
      </c>
      <c r="D54" s="29">
        <v>54</v>
      </c>
    </row>
    <row r="55" spans="1:4" ht="18" customHeight="1" x14ac:dyDescent="0.2">
      <c r="A55" s="31">
        <v>41</v>
      </c>
      <c r="B55" s="27">
        <v>42</v>
      </c>
      <c r="C55" s="28">
        <v>26</v>
      </c>
      <c r="D55" s="29">
        <v>68</v>
      </c>
    </row>
    <row r="56" spans="1:4" ht="18" customHeight="1" x14ac:dyDescent="0.2">
      <c r="A56" s="31">
        <v>42</v>
      </c>
      <c r="B56" s="27">
        <v>30</v>
      </c>
      <c r="C56" s="28">
        <v>21</v>
      </c>
      <c r="D56" s="29">
        <v>51</v>
      </c>
    </row>
    <row r="57" spans="1:4" ht="18" customHeight="1" x14ac:dyDescent="0.2">
      <c r="A57" s="31">
        <v>43</v>
      </c>
      <c r="B57" s="27">
        <v>28</v>
      </c>
      <c r="C57" s="28">
        <v>23</v>
      </c>
      <c r="D57" s="29">
        <v>51</v>
      </c>
    </row>
    <row r="58" spans="1:4" ht="18" customHeight="1" x14ac:dyDescent="0.2">
      <c r="A58" s="31">
        <v>44</v>
      </c>
      <c r="B58" s="27">
        <v>32</v>
      </c>
      <c r="C58" s="28">
        <v>37</v>
      </c>
      <c r="D58" s="29">
        <v>69</v>
      </c>
    </row>
    <row r="59" spans="1:4" ht="18" customHeight="1" x14ac:dyDescent="0.2">
      <c r="A59" s="31" t="s">
        <v>57</v>
      </c>
      <c r="B59" s="27">
        <v>161</v>
      </c>
      <c r="C59" s="28">
        <v>132</v>
      </c>
      <c r="D59" s="29">
        <v>293</v>
      </c>
    </row>
    <row r="60" spans="1:4" ht="18" customHeight="1" x14ac:dyDescent="0.2">
      <c r="A60" s="31">
        <v>45</v>
      </c>
      <c r="B60" s="27">
        <v>40</v>
      </c>
      <c r="C60" s="28">
        <v>32</v>
      </c>
      <c r="D60" s="29">
        <v>72</v>
      </c>
    </row>
    <row r="61" spans="1:4" ht="18" customHeight="1" x14ac:dyDescent="0.2">
      <c r="A61" s="31">
        <v>46</v>
      </c>
      <c r="B61" s="27">
        <v>19</v>
      </c>
      <c r="C61" s="28">
        <v>21</v>
      </c>
      <c r="D61" s="29">
        <v>40</v>
      </c>
    </row>
    <row r="62" spans="1:4" ht="18" customHeight="1" x14ac:dyDescent="0.2">
      <c r="A62" s="31">
        <v>47</v>
      </c>
      <c r="B62" s="27">
        <v>23</v>
      </c>
      <c r="C62" s="28">
        <v>14</v>
      </c>
      <c r="D62" s="29">
        <v>37</v>
      </c>
    </row>
    <row r="63" spans="1:4" ht="18" customHeight="1" x14ac:dyDescent="0.2">
      <c r="A63" s="31">
        <v>48</v>
      </c>
      <c r="B63" s="27">
        <v>14</v>
      </c>
      <c r="C63" s="28">
        <v>24</v>
      </c>
      <c r="D63" s="29">
        <v>38</v>
      </c>
    </row>
    <row r="64" spans="1:4" ht="18" customHeight="1" x14ac:dyDescent="0.2">
      <c r="A64" s="31">
        <v>49</v>
      </c>
      <c r="B64" s="27">
        <v>22</v>
      </c>
      <c r="C64" s="28">
        <v>22</v>
      </c>
      <c r="D64" s="29">
        <v>44</v>
      </c>
    </row>
    <row r="65" spans="1:4" ht="18" customHeight="1" x14ac:dyDescent="0.2">
      <c r="A65" s="31" t="s">
        <v>58</v>
      </c>
      <c r="B65" s="27">
        <v>118</v>
      </c>
      <c r="C65" s="28">
        <v>113</v>
      </c>
      <c r="D65" s="29">
        <v>231</v>
      </c>
    </row>
    <row r="66" spans="1:4" ht="18" customHeight="1" x14ac:dyDescent="0.2">
      <c r="A66" s="31">
        <v>50</v>
      </c>
      <c r="B66" s="27">
        <v>18</v>
      </c>
      <c r="C66" s="28">
        <v>23</v>
      </c>
      <c r="D66" s="29">
        <v>41</v>
      </c>
    </row>
    <row r="67" spans="1:4" ht="18" customHeight="1" x14ac:dyDescent="0.2">
      <c r="A67" s="31">
        <v>51</v>
      </c>
      <c r="B67" s="27">
        <v>14</v>
      </c>
      <c r="C67" s="28">
        <v>18</v>
      </c>
      <c r="D67" s="29">
        <v>32</v>
      </c>
    </row>
    <row r="68" spans="1:4" ht="18" customHeight="1" x14ac:dyDescent="0.2">
      <c r="A68" s="31">
        <v>52</v>
      </c>
      <c r="B68" s="27">
        <v>21</v>
      </c>
      <c r="C68" s="28">
        <v>15</v>
      </c>
      <c r="D68" s="29">
        <v>36</v>
      </c>
    </row>
    <row r="69" spans="1:4" ht="18" customHeight="1" x14ac:dyDescent="0.2">
      <c r="A69" s="31">
        <v>53</v>
      </c>
      <c r="B69" s="27">
        <v>17</v>
      </c>
      <c r="C69" s="28">
        <v>14</v>
      </c>
      <c r="D69" s="29">
        <v>31</v>
      </c>
    </row>
    <row r="70" spans="1:4" ht="18" customHeight="1" x14ac:dyDescent="0.2">
      <c r="A70" s="31">
        <v>54</v>
      </c>
      <c r="B70" s="27">
        <v>17</v>
      </c>
      <c r="C70" s="28">
        <v>20</v>
      </c>
      <c r="D70" s="29">
        <v>37</v>
      </c>
    </row>
    <row r="71" spans="1:4" ht="18" customHeight="1" x14ac:dyDescent="0.2">
      <c r="A71" s="31" t="s">
        <v>59</v>
      </c>
      <c r="B71" s="27">
        <v>87</v>
      </c>
      <c r="C71" s="28">
        <v>90</v>
      </c>
      <c r="D71" s="29">
        <v>177</v>
      </c>
    </row>
    <row r="72" spans="1:4" ht="18" customHeight="1" x14ac:dyDescent="0.2">
      <c r="A72" s="31">
        <v>55</v>
      </c>
      <c r="B72" s="27">
        <v>19</v>
      </c>
      <c r="C72" s="28">
        <v>15</v>
      </c>
      <c r="D72" s="29">
        <v>34</v>
      </c>
    </row>
    <row r="73" spans="1:4" ht="18" customHeight="1" x14ac:dyDescent="0.2">
      <c r="A73" s="31">
        <v>56</v>
      </c>
      <c r="B73" s="27">
        <v>23</v>
      </c>
      <c r="C73" s="28">
        <v>23</v>
      </c>
      <c r="D73" s="29">
        <v>46</v>
      </c>
    </row>
    <row r="74" spans="1:4" ht="18" customHeight="1" x14ac:dyDescent="0.2">
      <c r="A74" s="31">
        <v>57</v>
      </c>
      <c r="B74" s="27">
        <v>15</v>
      </c>
      <c r="C74" s="28">
        <v>13</v>
      </c>
      <c r="D74" s="29">
        <v>28</v>
      </c>
    </row>
    <row r="75" spans="1:4" ht="18" customHeight="1" x14ac:dyDescent="0.2">
      <c r="A75" s="31">
        <v>58</v>
      </c>
      <c r="B75" s="27">
        <v>14</v>
      </c>
      <c r="C75" s="28">
        <v>23</v>
      </c>
      <c r="D75" s="29">
        <v>37</v>
      </c>
    </row>
    <row r="76" spans="1:4" ht="18" customHeight="1" x14ac:dyDescent="0.2">
      <c r="A76" s="31">
        <v>59</v>
      </c>
      <c r="B76" s="27">
        <v>20</v>
      </c>
      <c r="C76" s="28">
        <v>26</v>
      </c>
      <c r="D76" s="29">
        <v>46</v>
      </c>
    </row>
    <row r="77" spans="1:4" ht="18" customHeight="1" x14ac:dyDescent="0.2">
      <c r="A77" s="31" t="s">
        <v>60</v>
      </c>
      <c r="B77" s="27">
        <v>91</v>
      </c>
      <c r="C77" s="28">
        <v>100</v>
      </c>
      <c r="D77" s="29">
        <v>191</v>
      </c>
    </row>
    <row r="78" spans="1:4" ht="18" customHeight="1" x14ac:dyDescent="0.2">
      <c r="A78" s="31">
        <v>60</v>
      </c>
      <c r="B78" s="27">
        <v>15</v>
      </c>
      <c r="C78" s="28">
        <v>14</v>
      </c>
      <c r="D78" s="29">
        <v>29</v>
      </c>
    </row>
    <row r="79" spans="1:4" ht="18" customHeight="1" x14ac:dyDescent="0.2">
      <c r="A79" s="31">
        <v>61</v>
      </c>
      <c r="B79" s="27">
        <v>8</v>
      </c>
      <c r="C79" s="28">
        <v>27</v>
      </c>
      <c r="D79" s="29">
        <v>35</v>
      </c>
    </row>
    <row r="80" spans="1:4" ht="18" customHeight="1" x14ac:dyDescent="0.2">
      <c r="A80" s="31">
        <v>62</v>
      </c>
      <c r="B80" s="27">
        <v>24</v>
      </c>
      <c r="C80" s="28">
        <v>27</v>
      </c>
      <c r="D80" s="29">
        <v>51</v>
      </c>
    </row>
    <row r="81" spans="1:4" ht="18" customHeight="1" x14ac:dyDescent="0.2">
      <c r="A81" s="31">
        <v>63</v>
      </c>
      <c r="B81" s="27">
        <v>21</v>
      </c>
      <c r="C81" s="28">
        <v>17</v>
      </c>
      <c r="D81" s="29">
        <v>38</v>
      </c>
    </row>
    <row r="82" spans="1:4" ht="18" customHeight="1" x14ac:dyDescent="0.2">
      <c r="A82" s="31">
        <v>64</v>
      </c>
      <c r="B82" s="27">
        <v>21</v>
      </c>
      <c r="C82" s="28">
        <v>34</v>
      </c>
      <c r="D82" s="29">
        <v>55</v>
      </c>
    </row>
    <row r="83" spans="1:4" ht="18" customHeight="1" x14ac:dyDescent="0.2">
      <c r="A83" s="31" t="s">
        <v>61</v>
      </c>
      <c r="B83" s="27">
        <v>89</v>
      </c>
      <c r="C83" s="28">
        <v>119</v>
      </c>
      <c r="D83" s="29">
        <v>208</v>
      </c>
    </row>
    <row r="84" spans="1:4" ht="18" customHeight="1" x14ac:dyDescent="0.2">
      <c r="A84" s="31" t="s">
        <v>62</v>
      </c>
      <c r="B84" s="27">
        <v>1010</v>
      </c>
      <c r="C84" s="28">
        <v>1019</v>
      </c>
      <c r="D84" s="29">
        <v>2029</v>
      </c>
    </row>
    <row r="85" spans="1:4" ht="18" customHeight="1" x14ac:dyDescent="0.2">
      <c r="A85" s="31">
        <v>65</v>
      </c>
      <c r="B85" s="27">
        <v>21</v>
      </c>
      <c r="C85" s="28">
        <v>25</v>
      </c>
      <c r="D85" s="29">
        <v>46</v>
      </c>
    </row>
    <row r="86" spans="1:4" ht="18" customHeight="1" x14ac:dyDescent="0.2">
      <c r="A86" s="31">
        <v>66</v>
      </c>
      <c r="B86" s="27">
        <v>31</v>
      </c>
      <c r="C86" s="28">
        <v>27</v>
      </c>
      <c r="D86" s="29">
        <v>58</v>
      </c>
    </row>
    <row r="87" spans="1:4" ht="18" customHeight="1" x14ac:dyDescent="0.2">
      <c r="A87" s="31">
        <v>67</v>
      </c>
      <c r="B87" s="27">
        <v>31</v>
      </c>
      <c r="C87" s="28">
        <v>40</v>
      </c>
      <c r="D87" s="29">
        <v>71</v>
      </c>
    </row>
    <row r="88" spans="1:4" ht="18" customHeight="1" x14ac:dyDescent="0.2">
      <c r="A88" s="31">
        <v>68</v>
      </c>
      <c r="B88" s="27">
        <v>27</v>
      </c>
      <c r="C88" s="28">
        <v>30</v>
      </c>
      <c r="D88" s="29">
        <v>57</v>
      </c>
    </row>
    <row r="89" spans="1:4" ht="18" customHeight="1" x14ac:dyDescent="0.2">
      <c r="A89" s="31">
        <v>69</v>
      </c>
      <c r="B89" s="27">
        <v>38</v>
      </c>
      <c r="C89" s="28">
        <v>30</v>
      </c>
      <c r="D89" s="29">
        <v>68</v>
      </c>
    </row>
    <row r="90" spans="1:4" ht="18" customHeight="1" x14ac:dyDescent="0.2">
      <c r="A90" s="31" t="s">
        <v>63</v>
      </c>
      <c r="B90" s="27">
        <v>148</v>
      </c>
      <c r="C90" s="28">
        <v>152</v>
      </c>
      <c r="D90" s="29">
        <v>300</v>
      </c>
    </row>
    <row r="91" spans="1:4" ht="18" customHeight="1" x14ac:dyDescent="0.2">
      <c r="A91" s="31">
        <v>70</v>
      </c>
      <c r="B91" s="27">
        <v>41</v>
      </c>
      <c r="C91" s="28">
        <v>40</v>
      </c>
      <c r="D91" s="29">
        <v>81</v>
      </c>
    </row>
    <row r="92" spans="1:4" ht="18" customHeight="1" x14ac:dyDescent="0.2">
      <c r="A92" s="31">
        <v>71</v>
      </c>
      <c r="B92" s="27">
        <v>38</v>
      </c>
      <c r="C92" s="28">
        <v>31</v>
      </c>
      <c r="D92" s="29">
        <v>69</v>
      </c>
    </row>
    <row r="93" spans="1:4" ht="18" customHeight="1" x14ac:dyDescent="0.2">
      <c r="A93" s="31">
        <v>72</v>
      </c>
      <c r="B93" s="27">
        <v>29</v>
      </c>
      <c r="C93" s="28">
        <v>39</v>
      </c>
      <c r="D93" s="29">
        <v>68</v>
      </c>
    </row>
    <row r="94" spans="1:4" ht="18" customHeight="1" x14ac:dyDescent="0.2">
      <c r="A94" s="31">
        <v>73</v>
      </c>
      <c r="B94" s="27">
        <v>14</v>
      </c>
      <c r="C94" s="28">
        <v>19</v>
      </c>
      <c r="D94" s="29">
        <v>33</v>
      </c>
    </row>
    <row r="95" spans="1:4" ht="18" customHeight="1" x14ac:dyDescent="0.2">
      <c r="A95" s="31">
        <v>74</v>
      </c>
      <c r="B95" s="27">
        <v>22</v>
      </c>
      <c r="C95" s="28">
        <v>15</v>
      </c>
      <c r="D95" s="29">
        <v>37</v>
      </c>
    </row>
    <row r="96" spans="1:4" ht="18" customHeight="1" x14ac:dyDescent="0.2">
      <c r="A96" s="31" t="s">
        <v>64</v>
      </c>
      <c r="B96" s="27">
        <v>144</v>
      </c>
      <c r="C96" s="28">
        <v>144</v>
      </c>
      <c r="D96" s="29">
        <v>288</v>
      </c>
    </row>
    <row r="97" spans="1:4" ht="18" customHeight="1" x14ac:dyDescent="0.2">
      <c r="A97" s="31">
        <v>75</v>
      </c>
      <c r="B97" s="27">
        <v>20</v>
      </c>
      <c r="C97" s="28">
        <v>23</v>
      </c>
      <c r="D97" s="29">
        <v>43</v>
      </c>
    </row>
    <row r="98" spans="1:4" ht="18" customHeight="1" x14ac:dyDescent="0.2">
      <c r="A98" s="31">
        <v>76</v>
      </c>
      <c r="B98" s="27">
        <v>21</v>
      </c>
      <c r="C98" s="28">
        <v>16</v>
      </c>
      <c r="D98" s="29">
        <v>37</v>
      </c>
    </row>
    <row r="99" spans="1:4" ht="18" customHeight="1" x14ac:dyDescent="0.2">
      <c r="A99" s="31">
        <v>77</v>
      </c>
      <c r="B99" s="27">
        <v>18</v>
      </c>
      <c r="C99" s="28">
        <v>16</v>
      </c>
      <c r="D99" s="29">
        <v>34</v>
      </c>
    </row>
    <row r="100" spans="1:4" ht="18" customHeight="1" x14ac:dyDescent="0.2">
      <c r="A100" s="31">
        <v>78</v>
      </c>
      <c r="B100" s="27">
        <v>19</v>
      </c>
      <c r="C100" s="28">
        <v>16</v>
      </c>
      <c r="D100" s="29">
        <v>35</v>
      </c>
    </row>
    <row r="101" spans="1:4" ht="18" customHeight="1" x14ac:dyDescent="0.2">
      <c r="A101" s="31">
        <v>79</v>
      </c>
      <c r="B101" s="27">
        <v>14</v>
      </c>
      <c r="C101" s="28">
        <v>18</v>
      </c>
      <c r="D101" s="29">
        <v>32</v>
      </c>
    </row>
    <row r="102" spans="1:4" ht="18" customHeight="1" x14ac:dyDescent="0.2">
      <c r="A102" s="31" t="s">
        <v>65</v>
      </c>
      <c r="B102" s="27">
        <v>92</v>
      </c>
      <c r="C102" s="28">
        <v>89</v>
      </c>
      <c r="D102" s="29">
        <v>181</v>
      </c>
    </row>
    <row r="103" spans="1:4" ht="18" customHeight="1" x14ac:dyDescent="0.2">
      <c r="A103" s="31">
        <v>80</v>
      </c>
      <c r="B103" s="27">
        <v>7</v>
      </c>
      <c r="C103" s="28">
        <v>12</v>
      </c>
      <c r="D103" s="29">
        <v>19</v>
      </c>
    </row>
    <row r="104" spans="1:4" ht="18" customHeight="1" x14ac:dyDescent="0.2">
      <c r="A104" s="31">
        <v>81</v>
      </c>
      <c r="B104" s="27">
        <v>16</v>
      </c>
      <c r="C104" s="28">
        <v>13</v>
      </c>
      <c r="D104" s="29">
        <v>29</v>
      </c>
    </row>
    <row r="105" spans="1:4" ht="18" customHeight="1" x14ac:dyDescent="0.2">
      <c r="A105" s="31">
        <v>82</v>
      </c>
      <c r="B105" s="27">
        <v>6</v>
      </c>
      <c r="C105" s="28">
        <v>11</v>
      </c>
      <c r="D105" s="29">
        <v>17</v>
      </c>
    </row>
    <row r="106" spans="1:4" ht="18" customHeight="1" x14ac:dyDescent="0.2">
      <c r="A106" s="31">
        <v>83</v>
      </c>
      <c r="B106" s="27">
        <v>10</v>
      </c>
      <c r="C106" s="28">
        <v>10</v>
      </c>
      <c r="D106" s="29">
        <v>20</v>
      </c>
    </row>
    <row r="107" spans="1:4" ht="18" customHeight="1" x14ac:dyDescent="0.2">
      <c r="A107" s="31">
        <v>84</v>
      </c>
      <c r="B107" s="27">
        <v>10</v>
      </c>
      <c r="C107" s="28">
        <v>19</v>
      </c>
      <c r="D107" s="29">
        <v>29</v>
      </c>
    </row>
    <row r="108" spans="1:4" ht="18" customHeight="1" x14ac:dyDescent="0.2">
      <c r="A108" s="31" t="s">
        <v>66</v>
      </c>
      <c r="B108" s="27">
        <v>49</v>
      </c>
      <c r="C108" s="28">
        <v>65</v>
      </c>
      <c r="D108" s="29">
        <v>114</v>
      </c>
    </row>
    <row r="109" spans="1:4" ht="18" customHeight="1" x14ac:dyDescent="0.2">
      <c r="A109" s="31">
        <v>85</v>
      </c>
      <c r="B109" s="27">
        <v>4</v>
      </c>
      <c r="C109" s="28">
        <v>13</v>
      </c>
      <c r="D109" s="29">
        <v>17</v>
      </c>
    </row>
    <row r="110" spans="1:4" ht="18" customHeight="1" x14ac:dyDescent="0.2">
      <c r="A110" s="31">
        <v>86</v>
      </c>
      <c r="B110" s="27">
        <v>0</v>
      </c>
      <c r="C110" s="28">
        <v>10</v>
      </c>
      <c r="D110" s="29">
        <v>10</v>
      </c>
    </row>
    <row r="111" spans="1:4" ht="18" customHeight="1" x14ac:dyDescent="0.2">
      <c r="A111" s="31">
        <v>87</v>
      </c>
      <c r="B111" s="27">
        <v>2</v>
      </c>
      <c r="C111" s="28">
        <v>11</v>
      </c>
      <c r="D111" s="29">
        <v>13</v>
      </c>
    </row>
    <row r="112" spans="1:4" ht="18" customHeight="1" x14ac:dyDescent="0.2">
      <c r="A112" s="31">
        <v>88</v>
      </c>
      <c r="B112" s="27">
        <v>6</v>
      </c>
      <c r="C112" s="28">
        <v>7</v>
      </c>
      <c r="D112" s="29">
        <v>13</v>
      </c>
    </row>
    <row r="113" spans="1:4" ht="18" customHeight="1" x14ac:dyDescent="0.2">
      <c r="A113" s="31">
        <v>89</v>
      </c>
      <c r="B113" s="27">
        <v>4</v>
      </c>
      <c r="C113" s="28">
        <v>11</v>
      </c>
      <c r="D113" s="29">
        <v>15</v>
      </c>
    </row>
    <row r="114" spans="1:4" ht="18" customHeight="1" x14ac:dyDescent="0.2">
      <c r="A114" s="31" t="s">
        <v>67</v>
      </c>
      <c r="B114" s="27">
        <v>16</v>
      </c>
      <c r="C114" s="28">
        <v>52</v>
      </c>
      <c r="D114" s="29">
        <v>68</v>
      </c>
    </row>
    <row r="115" spans="1:4" ht="18" customHeight="1" x14ac:dyDescent="0.2">
      <c r="A115" s="31">
        <v>90</v>
      </c>
      <c r="B115" s="27">
        <v>8</v>
      </c>
      <c r="C115" s="28">
        <v>11</v>
      </c>
      <c r="D115" s="29">
        <v>19</v>
      </c>
    </row>
    <row r="116" spans="1:4" ht="18" customHeight="1" x14ac:dyDescent="0.2">
      <c r="A116" s="31">
        <v>91</v>
      </c>
      <c r="B116" s="27">
        <v>3</v>
      </c>
      <c r="C116" s="28">
        <v>5</v>
      </c>
      <c r="D116" s="29">
        <v>8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2</v>
      </c>
      <c r="C118" s="28">
        <v>9</v>
      </c>
      <c r="D118" s="29">
        <v>11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6</v>
      </c>
      <c r="C120" s="28">
        <v>35</v>
      </c>
      <c r="D120" s="29">
        <v>51</v>
      </c>
    </row>
    <row r="121" spans="1:4" ht="18" customHeight="1" x14ac:dyDescent="0.2">
      <c r="A121" s="31">
        <v>95</v>
      </c>
      <c r="B121" s="27">
        <v>2</v>
      </c>
      <c r="C121" s="28">
        <v>1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468</v>
      </c>
      <c r="C130" s="5">
        <v>541</v>
      </c>
      <c r="D130" s="6">
        <v>1009</v>
      </c>
    </row>
    <row r="131" spans="1:4" ht="18" customHeight="1" x14ac:dyDescent="0.2">
      <c r="A131" s="33" t="s">
        <v>47</v>
      </c>
      <c r="B131" s="7">
        <v>1716</v>
      </c>
      <c r="C131" s="8">
        <v>1778</v>
      </c>
      <c r="D131" s="9">
        <v>34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9</v>
      </c>
      <c r="C5" s="37">
        <v>8</v>
      </c>
      <c r="D5" s="39">
        <v>17</v>
      </c>
    </row>
    <row r="6" spans="1:4" ht="18" customHeight="1" x14ac:dyDescent="0.2">
      <c r="A6" s="31">
        <v>1</v>
      </c>
      <c r="B6" s="35">
        <v>7</v>
      </c>
      <c r="C6" s="28">
        <v>11</v>
      </c>
      <c r="D6" s="29">
        <v>18</v>
      </c>
    </row>
    <row r="7" spans="1:4" ht="18" customHeight="1" x14ac:dyDescent="0.2">
      <c r="A7" s="31">
        <v>2</v>
      </c>
      <c r="B7" s="35">
        <v>8</v>
      </c>
      <c r="C7" s="28">
        <v>17</v>
      </c>
      <c r="D7" s="29">
        <v>25</v>
      </c>
    </row>
    <row r="8" spans="1:4" ht="18" customHeight="1" x14ac:dyDescent="0.2">
      <c r="A8" s="31">
        <v>3</v>
      </c>
      <c r="B8" s="35">
        <v>18</v>
      </c>
      <c r="C8" s="28">
        <v>16</v>
      </c>
      <c r="D8" s="29">
        <v>34</v>
      </c>
    </row>
    <row r="9" spans="1:4" ht="18" customHeight="1" x14ac:dyDescent="0.2">
      <c r="A9" s="31">
        <v>4</v>
      </c>
      <c r="B9" s="36">
        <v>18</v>
      </c>
      <c r="C9" s="38">
        <v>8</v>
      </c>
      <c r="D9" s="40">
        <v>26</v>
      </c>
    </row>
    <row r="10" spans="1:4" ht="18" customHeight="1" x14ac:dyDescent="0.2">
      <c r="A10" s="31" t="s">
        <v>48</v>
      </c>
      <c r="B10" s="27">
        <v>60</v>
      </c>
      <c r="C10" s="28">
        <v>60</v>
      </c>
      <c r="D10" s="29">
        <v>120</v>
      </c>
    </row>
    <row r="11" spans="1:4" ht="18" customHeight="1" x14ac:dyDescent="0.2">
      <c r="A11" s="31">
        <v>5</v>
      </c>
      <c r="B11" s="35">
        <v>13</v>
      </c>
      <c r="C11" s="28">
        <v>14</v>
      </c>
      <c r="D11" s="29">
        <v>27</v>
      </c>
    </row>
    <row r="12" spans="1:4" ht="18" customHeight="1" x14ac:dyDescent="0.2">
      <c r="A12" s="31">
        <v>6</v>
      </c>
      <c r="B12" s="35">
        <v>13</v>
      </c>
      <c r="C12" s="28">
        <v>18</v>
      </c>
      <c r="D12" s="29">
        <v>31</v>
      </c>
    </row>
    <row r="13" spans="1:4" ht="18" customHeight="1" x14ac:dyDescent="0.2">
      <c r="A13" s="31">
        <v>7</v>
      </c>
      <c r="B13" s="35">
        <v>19</v>
      </c>
      <c r="C13" s="28">
        <v>23</v>
      </c>
      <c r="D13" s="29">
        <v>42</v>
      </c>
    </row>
    <row r="14" spans="1:4" ht="18" customHeight="1" x14ac:dyDescent="0.2">
      <c r="A14" s="31">
        <v>8</v>
      </c>
      <c r="B14" s="35">
        <v>17</v>
      </c>
      <c r="C14" s="28">
        <v>12</v>
      </c>
      <c r="D14" s="29">
        <v>29</v>
      </c>
    </row>
    <row r="15" spans="1:4" ht="18" customHeight="1" x14ac:dyDescent="0.2">
      <c r="A15" s="31">
        <v>9</v>
      </c>
      <c r="B15" s="35">
        <v>18</v>
      </c>
      <c r="C15" s="28">
        <v>19</v>
      </c>
      <c r="D15" s="29">
        <v>37</v>
      </c>
    </row>
    <row r="16" spans="1:4" ht="18" customHeight="1" x14ac:dyDescent="0.2">
      <c r="A16" s="31" t="s">
        <v>49</v>
      </c>
      <c r="B16" s="27">
        <v>80</v>
      </c>
      <c r="C16" s="28">
        <v>86</v>
      </c>
      <c r="D16" s="29">
        <v>166</v>
      </c>
    </row>
    <row r="17" spans="1:4" ht="18" customHeight="1" x14ac:dyDescent="0.2">
      <c r="A17" s="31">
        <v>10</v>
      </c>
      <c r="B17" s="27">
        <v>20</v>
      </c>
      <c r="C17" s="28">
        <v>17</v>
      </c>
      <c r="D17" s="29">
        <v>37</v>
      </c>
    </row>
    <row r="18" spans="1:4" ht="18" customHeight="1" x14ac:dyDescent="0.2">
      <c r="A18" s="31">
        <v>11</v>
      </c>
      <c r="B18" s="27">
        <v>23</v>
      </c>
      <c r="C18" s="28">
        <v>13</v>
      </c>
      <c r="D18" s="29">
        <v>36</v>
      </c>
    </row>
    <row r="19" spans="1:4" ht="18" customHeight="1" x14ac:dyDescent="0.2">
      <c r="A19" s="31">
        <v>12</v>
      </c>
      <c r="B19" s="27">
        <v>15</v>
      </c>
      <c r="C19" s="28">
        <v>14</v>
      </c>
      <c r="D19" s="29">
        <v>29</v>
      </c>
    </row>
    <row r="20" spans="1:4" ht="18" customHeight="1" x14ac:dyDescent="0.2">
      <c r="A20" s="31">
        <v>13</v>
      </c>
      <c r="B20" s="27">
        <v>21</v>
      </c>
      <c r="C20" s="28">
        <v>11</v>
      </c>
      <c r="D20" s="29">
        <v>32</v>
      </c>
    </row>
    <row r="21" spans="1:4" ht="18" customHeight="1" x14ac:dyDescent="0.2">
      <c r="A21" s="31">
        <v>14</v>
      </c>
      <c r="B21" s="27">
        <v>26</v>
      </c>
      <c r="C21" s="28">
        <v>21</v>
      </c>
      <c r="D21" s="29">
        <v>47</v>
      </c>
    </row>
    <row r="22" spans="1:4" ht="18" customHeight="1" x14ac:dyDescent="0.2">
      <c r="A22" s="31" t="s">
        <v>50</v>
      </c>
      <c r="B22" s="27">
        <v>105</v>
      </c>
      <c r="C22" s="28">
        <v>76</v>
      </c>
      <c r="D22" s="29">
        <v>181</v>
      </c>
    </row>
    <row r="23" spans="1:4" ht="18" customHeight="1" x14ac:dyDescent="0.2">
      <c r="A23" s="31" t="s">
        <v>51</v>
      </c>
      <c r="B23" s="27">
        <v>245</v>
      </c>
      <c r="C23" s="28">
        <v>222</v>
      </c>
      <c r="D23" s="29">
        <v>467</v>
      </c>
    </row>
    <row r="24" spans="1:4" ht="18" customHeight="1" x14ac:dyDescent="0.2">
      <c r="A24" s="31">
        <v>15</v>
      </c>
      <c r="B24" s="27">
        <v>30</v>
      </c>
      <c r="C24" s="28">
        <v>17</v>
      </c>
      <c r="D24" s="29">
        <v>47</v>
      </c>
    </row>
    <row r="25" spans="1:4" ht="18" customHeight="1" x14ac:dyDescent="0.2">
      <c r="A25" s="31">
        <v>16</v>
      </c>
      <c r="B25" s="27">
        <v>15</v>
      </c>
      <c r="C25" s="28">
        <v>11</v>
      </c>
      <c r="D25" s="29">
        <v>26</v>
      </c>
    </row>
    <row r="26" spans="1:4" ht="18" customHeight="1" x14ac:dyDescent="0.2">
      <c r="A26" s="31">
        <v>17</v>
      </c>
      <c r="B26" s="27">
        <v>15</v>
      </c>
      <c r="C26" s="28">
        <v>22</v>
      </c>
      <c r="D26" s="29">
        <v>37</v>
      </c>
    </row>
    <row r="27" spans="1:4" ht="18" customHeight="1" x14ac:dyDescent="0.2">
      <c r="A27" s="31">
        <v>18</v>
      </c>
      <c r="B27" s="27">
        <v>18</v>
      </c>
      <c r="C27" s="28">
        <v>26</v>
      </c>
      <c r="D27" s="29">
        <v>44</v>
      </c>
    </row>
    <row r="28" spans="1:4" ht="18" customHeight="1" x14ac:dyDescent="0.2">
      <c r="A28" s="31">
        <v>19</v>
      </c>
      <c r="B28" s="27">
        <v>26</v>
      </c>
      <c r="C28" s="28">
        <v>21</v>
      </c>
      <c r="D28" s="29">
        <v>47</v>
      </c>
    </row>
    <row r="29" spans="1:4" ht="18" customHeight="1" x14ac:dyDescent="0.2">
      <c r="A29" s="31" t="s">
        <v>52</v>
      </c>
      <c r="B29" s="27">
        <v>104</v>
      </c>
      <c r="C29" s="28">
        <v>97</v>
      </c>
      <c r="D29" s="29">
        <v>201</v>
      </c>
    </row>
    <row r="30" spans="1:4" ht="18" customHeight="1" x14ac:dyDescent="0.2">
      <c r="A30" s="31">
        <v>20</v>
      </c>
      <c r="B30" s="27">
        <v>12</v>
      </c>
      <c r="C30" s="28">
        <v>22</v>
      </c>
      <c r="D30" s="29">
        <v>34</v>
      </c>
    </row>
    <row r="31" spans="1:4" ht="18" customHeight="1" x14ac:dyDescent="0.2">
      <c r="A31" s="31">
        <v>21</v>
      </c>
      <c r="B31" s="27">
        <v>15</v>
      </c>
      <c r="C31" s="28">
        <v>28</v>
      </c>
      <c r="D31" s="29">
        <v>43</v>
      </c>
    </row>
    <row r="32" spans="1:4" ht="18" customHeight="1" x14ac:dyDescent="0.2">
      <c r="A32" s="31">
        <v>22</v>
      </c>
      <c r="B32" s="27">
        <v>18</v>
      </c>
      <c r="C32" s="28">
        <v>19</v>
      </c>
      <c r="D32" s="29">
        <v>37</v>
      </c>
    </row>
    <row r="33" spans="1:4" ht="18" customHeight="1" x14ac:dyDescent="0.2">
      <c r="A33" s="31">
        <v>23</v>
      </c>
      <c r="B33" s="27">
        <v>9</v>
      </c>
      <c r="C33" s="28">
        <v>11</v>
      </c>
      <c r="D33" s="29">
        <v>20</v>
      </c>
    </row>
    <row r="34" spans="1:4" ht="18" customHeight="1" x14ac:dyDescent="0.2">
      <c r="A34" s="31">
        <v>24</v>
      </c>
      <c r="B34" s="27">
        <v>18</v>
      </c>
      <c r="C34" s="28">
        <v>17</v>
      </c>
      <c r="D34" s="29">
        <v>35</v>
      </c>
    </row>
    <row r="35" spans="1:4" ht="18" customHeight="1" x14ac:dyDescent="0.2">
      <c r="A35" s="31" t="s">
        <v>53</v>
      </c>
      <c r="B35" s="27">
        <v>72</v>
      </c>
      <c r="C35" s="28">
        <v>97</v>
      </c>
      <c r="D35" s="29">
        <v>169</v>
      </c>
    </row>
    <row r="36" spans="1:4" ht="18" customHeight="1" x14ac:dyDescent="0.2">
      <c r="A36" s="31">
        <v>25</v>
      </c>
      <c r="B36" s="27">
        <v>23</v>
      </c>
      <c r="C36" s="28">
        <v>14</v>
      </c>
      <c r="D36" s="29">
        <v>37</v>
      </c>
    </row>
    <row r="37" spans="1:4" ht="18" customHeight="1" x14ac:dyDescent="0.2">
      <c r="A37" s="31">
        <v>26</v>
      </c>
      <c r="B37" s="27">
        <v>16</v>
      </c>
      <c r="C37" s="28">
        <v>7</v>
      </c>
      <c r="D37" s="29">
        <v>23</v>
      </c>
    </row>
    <row r="38" spans="1:4" ht="18" customHeight="1" x14ac:dyDescent="0.2">
      <c r="A38" s="31">
        <v>27</v>
      </c>
      <c r="B38" s="27">
        <v>18</v>
      </c>
      <c r="C38" s="28">
        <v>17</v>
      </c>
      <c r="D38" s="29">
        <v>35</v>
      </c>
    </row>
    <row r="39" spans="1:4" ht="18" customHeight="1" x14ac:dyDescent="0.2">
      <c r="A39" s="31">
        <v>28</v>
      </c>
      <c r="B39" s="27">
        <v>14</v>
      </c>
      <c r="C39" s="28">
        <v>16</v>
      </c>
      <c r="D39" s="29">
        <v>30</v>
      </c>
    </row>
    <row r="40" spans="1:4" ht="18" customHeight="1" x14ac:dyDescent="0.2">
      <c r="A40" s="31">
        <v>29</v>
      </c>
      <c r="B40" s="27">
        <v>16</v>
      </c>
      <c r="C40" s="28">
        <v>12</v>
      </c>
      <c r="D40" s="29">
        <v>28</v>
      </c>
    </row>
    <row r="41" spans="1:4" ht="18" customHeight="1" x14ac:dyDescent="0.2">
      <c r="A41" s="31" t="s">
        <v>54</v>
      </c>
      <c r="B41" s="27">
        <v>87</v>
      </c>
      <c r="C41" s="28">
        <v>66</v>
      </c>
      <c r="D41" s="29">
        <v>153</v>
      </c>
    </row>
    <row r="42" spans="1:4" ht="18" customHeight="1" x14ac:dyDescent="0.2">
      <c r="A42" s="31">
        <v>30</v>
      </c>
      <c r="B42" s="27">
        <v>13</v>
      </c>
      <c r="C42" s="28">
        <v>12</v>
      </c>
      <c r="D42" s="29">
        <v>25</v>
      </c>
    </row>
    <row r="43" spans="1:4" ht="18" customHeight="1" x14ac:dyDescent="0.2">
      <c r="A43" s="31">
        <v>31</v>
      </c>
      <c r="B43" s="27">
        <v>23</v>
      </c>
      <c r="C43" s="28">
        <v>15</v>
      </c>
      <c r="D43" s="29">
        <v>38</v>
      </c>
    </row>
    <row r="44" spans="1:4" ht="18" customHeight="1" x14ac:dyDescent="0.2">
      <c r="A44" s="31">
        <v>32</v>
      </c>
      <c r="B44" s="27">
        <v>19</v>
      </c>
      <c r="C44" s="28">
        <v>20</v>
      </c>
      <c r="D44" s="29">
        <v>39</v>
      </c>
    </row>
    <row r="45" spans="1:4" ht="18" customHeight="1" x14ac:dyDescent="0.2">
      <c r="A45" s="31">
        <v>33</v>
      </c>
      <c r="B45" s="27">
        <v>30</v>
      </c>
      <c r="C45" s="28">
        <v>22</v>
      </c>
      <c r="D45" s="29">
        <v>52</v>
      </c>
    </row>
    <row r="46" spans="1:4" ht="18" customHeight="1" x14ac:dyDescent="0.2">
      <c r="A46" s="31">
        <v>34</v>
      </c>
      <c r="B46" s="27">
        <v>23</v>
      </c>
      <c r="C46" s="28">
        <v>20</v>
      </c>
      <c r="D46" s="29">
        <v>43</v>
      </c>
    </row>
    <row r="47" spans="1:4" ht="18" customHeight="1" x14ac:dyDescent="0.2">
      <c r="A47" s="31" t="s">
        <v>55</v>
      </c>
      <c r="B47" s="27">
        <v>108</v>
      </c>
      <c r="C47" s="28">
        <v>89</v>
      </c>
      <c r="D47" s="29">
        <v>197</v>
      </c>
    </row>
    <row r="48" spans="1:4" ht="18" customHeight="1" x14ac:dyDescent="0.2">
      <c r="A48" s="31">
        <v>35</v>
      </c>
      <c r="B48" s="27">
        <v>16</v>
      </c>
      <c r="C48" s="28">
        <v>16</v>
      </c>
      <c r="D48" s="29">
        <v>32</v>
      </c>
    </row>
    <row r="49" spans="1:4" ht="18" customHeight="1" x14ac:dyDescent="0.2">
      <c r="A49" s="31">
        <v>36</v>
      </c>
      <c r="B49" s="27">
        <v>21</v>
      </c>
      <c r="C49" s="28">
        <v>18</v>
      </c>
      <c r="D49" s="29">
        <v>39</v>
      </c>
    </row>
    <row r="50" spans="1:4" ht="18" customHeight="1" x14ac:dyDescent="0.2">
      <c r="A50" s="31">
        <v>37</v>
      </c>
      <c r="B50" s="27">
        <v>19</v>
      </c>
      <c r="C50" s="28">
        <v>23</v>
      </c>
      <c r="D50" s="29">
        <v>42</v>
      </c>
    </row>
    <row r="51" spans="1:4" ht="18" customHeight="1" x14ac:dyDescent="0.2">
      <c r="A51" s="31">
        <v>38</v>
      </c>
      <c r="B51" s="27">
        <v>21</v>
      </c>
      <c r="C51" s="28">
        <v>14</v>
      </c>
      <c r="D51" s="29">
        <v>35</v>
      </c>
    </row>
    <row r="52" spans="1:4" ht="18" customHeight="1" x14ac:dyDescent="0.2">
      <c r="A52" s="31">
        <v>39</v>
      </c>
      <c r="B52" s="27">
        <v>27</v>
      </c>
      <c r="C52" s="28">
        <v>24</v>
      </c>
      <c r="D52" s="29">
        <v>51</v>
      </c>
    </row>
    <row r="53" spans="1:4" ht="18" customHeight="1" x14ac:dyDescent="0.2">
      <c r="A53" s="31" t="s">
        <v>56</v>
      </c>
      <c r="B53" s="27">
        <v>104</v>
      </c>
      <c r="C53" s="28">
        <v>95</v>
      </c>
      <c r="D53" s="29">
        <v>199</v>
      </c>
    </row>
    <row r="54" spans="1:4" ht="18" customHeight="1" x14ac:dyDescent="0.2">
      <c r="A54" s="31">
        <v>40</v>
      </c>
      <c r="B54" s="27">
        <v>21</v>
      </c>
      <c r="C54" s="28">
        <v>25</v>
      </c>
      <c r="D54" s="29">
        <v>46</v>
      </c>
    </row>
    <row r="55" spans="1:4" ht="18" customHeight="1" x14ac:dyDescent="0.2">
      <c r="A55" s="31">
        <v>41</v>
      </c>
      <c r="B55" s="27">
        <v>25</v>
      </c>
      <c r="C55" s="28">
        <v>22</v>
      </c>
      <c r="D55" s="29">
        <v>47</v>
      </c>
    </row>
    <row r="56" spans="1:4" ht="18" customHeight="1" x14ac:dyDescent="0.2">
      <c r="A56" s="31">
        <v>42</v>
      </c>
      <c r="B56" s="27">
        <v>24</v>
      </c>
      <c r="C56" s="28">
        <v>24</v>
      </c>
      <c r="D56" s="29">
        <v>48</v>
      </c>
    </row>
    <row r="57" spans="1:4" ht="18" customHeight="1" x14ac:dyDescent="0.2">
      <c r="A57" s="31">
        <v>43</v>
      </c>
      <c r="B57" s="27">
        <v>23</v>
      </c>
      <c r="C57" s="28">
        <v>25</v>
      </c>
      <c r="D57" s="29">
        <v>48</v>
      </c>
    </row>
    <row r="58" spans="1:4" ht="18" customHeight="1" x14ac:dyDescent="0.2">
      <c r="A58" s="31">
        <v>44</v>
      </c>
      <c r="B58" s="27">
        <v>25</v>
      </c>
      <c r="C58" s="28">
        <v>32</v>
      </c>
      <c r="D58" s="29">
        <v>57</v>
      </c>
    </row>
    <row r="59" spans="1:4" ht="18" customHeight="1" x14ac:dyDescent="0.2">
      <c r="A59" s="31" t="s">
        <v>57</v>
      </c>
      <c r="B59" s="27">
        <v>118</v>
      </c>
      <c r="C59" s="28">
        <v>128</v>
      </c>
      <c r="D59" s="29">
        <v>246</v>
      </c>
    </row>
    <row r="60" spans="1:4" ht="18" customHeight="1" x14ac:dyDescent="0.2">
      <c r="A60" s="31">
        <v>45</v>
      </c>
      <c r="B60" s="27">
        <v>35</v>
      </c>
      <c r="C60" s="28">
        <v>43</v>
      </c>
      <c r="D60" s="29">
        <v>78</v>
      </c>
    </row>
    <row r="61" spans="1:4" ht="18" customHeight="1" x14ac:dyDescent="0.2">
      <c r="A61" s="31">
        <v>46</v>
      </c>
      <c r="B61" s="27">
        <v>20</v>
      </c>
      <c r="C61" s="28">
        <v>28</v>
      </c>
      <c r="D61" s="29">
        <v>48</v>
      </c>
    </row>
    <row r="62" spans="1:4" ht="18" customHeight="1" x14ac:dyDescent="0.2">
      <c r="A62" s="31">
        <v>47</v>
      </c>
      <c r="B62" s="27">
        <v>40</v>
      </c>
      <c r="C62" s="28">
        <v>23</v>
      </c>
      <c r="D62" s="29">
        <v>63</v>
      </c>
    </row>
    <row r="63" spans="1:4" ht="18" customHeight="1" x14ac:dyDescent="0.2">
      <c r="A63" s="31">
        <v>48</v>
      </c>
      <c r="B63" s="27">
        <v>20</v>
      </c>
      <c r="C63" s="28">
        <v>28</v>
      </c>
      <c r="D63" s="29">
        <v>48</v>
      </c>
    </row>
    <row r="64" spans="1:4" ht="18" customHeight="1" x14ac:dyDescent="0.2">
      <c r="A64" s="31">
        <v>49</v>
      </c>
      <c r="B64" s="27">
        <v>25</v>
      </c>
      <c r="C64" s="28">
        <v>28</v>
      </c>
      <c r="D64" s="29">
        <v>53</v>
      </c>
    </row>
    <row r="65" spans="1:4" ht="18" customHeight="1" x14ac:dyDescent="0.2">
      <c r="A65" s="31" t="s">
        <v>58</v>
      </c>
      <c r="B65" s="27">
        <v>140</v>
      </c>
      <c r="C65" s="28">
        <v>150</v>
      </c>
      <c r="D65" s="29">
        <v>290</v>
      </c>
    </row>
    <row r="66" spans="1:4" ht="18" customHeight="1" x14ac:dyDescent="0.2">
      <c r="A66" s="31">
        <v>50</v>
      </c>
      <c r="B66" s="27">
        <v>40</v>
      </c>
      <c r="C66" s="28">
        <v>29</v>
      </c>
      <c r="D66" s="29">
        <v>69</v>
      </c>
    </row>
    <row r="67" spans="1:4" ht="18" customHeight="1" x14ac:dyDescent="0.2">
      <c r="A67" s="31">
        <v>51</v>
      </c>
      <c r="B67" s="27">
        <v>19</v>
      </c>
      <c r="C67" s="28">
        <v>24</v>
      </c>
      <c r="D67" s="29">
        <v>43</v>
      </c>
    </row>
    <row r="68" spans="1:4" ht="18" customHeight="1" x14ac:dyDescent="0.2">
      <c r="A68" s="31">
        <v>52</v>
      </c>
      <c r="B68" s="27">
        <v>25</v>
      </c>
      <c r="C68" s="28">
        <v>32</v>
      </c>
      <c r="D68" s="29">
        <v>57</v>
      </c>
    </row>
    <row r="69" spans="1:4" ht="18" customHeight="1" x14ac:dyDescent="0.2">
      <c r="A69" s="31">
        <v>53</v>
      </c>
      <c r="B69" s="27">
        <v>35</v>
      </c>
      <c r="C69" s="28">
        <v>22</v>
      </c>
      <c r="D69" s="29">
        <v>57</v>
      </c>
    </row>
    <row r="70" spans="1:4" ht="18" customHeight="1" x14ac:dyDescent="0.2">
      <c r="A70" s="31">
        <v>54</v>
      </c>
      <c r="B70" s="27">
        <v>27</v>
      </c>
      <c r="C70" s="28">
        <v>28</v>
      </c>
      <c r="D70" s="29">
        <v>55</v>
      </c>
    </row>
    <row r="71" spans="1:4" ht="18" customHeight="1" x14ac:dyDescent="0.2">
      <c r="A71" s="31" t="s">
        <v>59</v>
      </c>
      <c r="B71" s="27">
        <v>146</v>
      </c>
      <c r="C71" s="28">
        <v>135</v>
      </c>
      <c r="D71" s="29">
        <v>281</v>
      </c>
    </row>
    <row r="72" spans="1:4" ht="18" customHeight="1" x14ac:dyDescent="0.2">
      <c r="A72" s="31">
        <v>55</v>
      </c>
      <c r="B72" s="27">
        <v>27</v>
      </c>
      <c r="C72" s="28">
        <v>22</v>
      </c>
      <c r="D72" s="29">
        <v>49</v>
      </c>
    </row>
    <row r="73" spans="1:4" ht="18" customHeight="1" x14ac:dyDescent="0.2">
      <c r="A73" s="31">
        <v>56</v>
      </c>
      <c r="B73" s="27">
        <v>24</v>
      </c>
      <c r="C73" s="28">
        <v>42</v>
      </c>
      <c r="D73" s="29">
        <v>66</v>
      </c>
    </row>
    <row r="74" spans="1:4" ht="18" customHeight="1" x14ac:dyDescent="0.2">
      <c r="A74" s="31">
        <v>57</v>
      </c>
      <c r="B74" s="27">
        <v>23</v>
      </c>
      <c r="C74" s="28">
        <v>25</v>
      </c>
      <c r="D74" s="29">
        <v>48</v>
      </c>
    </row>
    <row r="75" spans="1:4" ht="18" customHeight="1" x14ac:dyDescent="0.2">
      <c r="A75" s="31">
        <v>58</v>
      </c>
      <c r="B75" s="27">
        <v>26</v>
      </c>
      <c r="C75" s="28">
        <v>28</v>
      </c>
      <c r="D75" s="29">
        <v>54</v>
      </c>
    </row>
    <row r="76" spans="1:4" ht="18" customHeight="1" x14ac:dyDescent="0.2">
      <c r="A76" s="31">
        <v>59</v>
      </c>
      <c r="B76" s="27">
        <v>25</v>
      </c>
      <c r="C76" s="28">
        <v>17</v>
      </c>
      <c r="D76" s="29">
        <v>42</v>
      </c>
    </row>
    <row r="77" spans="1:4" ht="18" customHeight="1" x14ac:dyDescent="0.2">
      <c r="A77" s="31" t="s">
        <v>60</v>
      </c>
      <c r="B77" s="27">
        <v>125</v>
      </c>
      <c r="C77" s="28">
        <v>134</v>
      </c>
      <c r="D77" s="29">
        <v>259</v>
      </c>
    </row>
    <row r="78" spans="1:4" ht="18" customHeight="1" x14ac:dyDescent="0.2">
      <c r="A78" s="31">
        <v>60</v>
      </c>
      <c r="B78" s="27">
        <v>27</v>
      </c>
      <c r="C78" s="28">
        <v>25</v>
      </c>
      <c r="D78" s="29">
        <v>52</v>
      </c>
    </row>
    <row r="79" spans="1:4" ht="18" customHeight="1" x14ac:dyDescent="0.2">
      <c r="A79" s="31">
        <v>61</v>
      </c>
      <c r="B79" s="27">
        <v>20</v>
      </c>
      <c r="C79" s="28">
        <v>21</v>
      </c>
      <c r="D79" s="29">
        <v>41</v>
      </c>
    </row>
    <row r="80" spans="1:4" ht="18" customHeight="1" x14ac:dyDescent="0.2">
      <c r="A80" s="31">
        <v>62</v>
      </c>
      <c r="B80" s="27">
        <v>18</v>
      </c>
      <c r="C80" s="28">
        <v>38</v>
      </c>
      <c r="D80" s="29">
        <v>56</v>
      </c>
    </row>
    <row r="81" spans="1:4" ht="18" customHeight="1" x14ac:dyDescent="0.2">
      <c r="A81" s="31">
        <v>63</v>
      </c>
      <c r="B81" s="27">
        <v>31</v>
      </c>
      <c r="C81" s="28">
        <v>24</v>
      </c>
      <c r="D81" s="29">
        <v>55</v>
      </c>
    </row>
    <row r="82" spans="1:4" ht="18" customHeight="1" x14ac:dyDescent="0.2">
      <c r="A82" s="31">
        <v>64</v>
      </c>
      <c r="B82" s="27">
        <v>28</v>
      </c>
      <c r="C82" s="28">
        <v>34</v>
      </c>
      <c r="D82" s="29">
        <v>62</v>
      </c>
    </row>
    <row r="83" spans="1:4" ht="18" customHeight="1" x14ac:dyDescent="0.2">
      <c r="A83" s="31" t="s">
        <v>61</v>
      </c>
      <c r="B83" s="27">
        <v>124</v>
      </c>
      <c r="C83" s="28">
        <v>142</v>
      </c>
      <c r="D83" s="29">
        <v>266</v>
      </c>
    </row>
    <row r="84" spans="1:4" ht="18" customHeight="1" x14ac:dyDescent="0.2">
      <c r="A84" s="31" t="s">
        <v>62</v>
      </c>
      <c r="B84" s="27">
        <v>1128</v>
      </c>
      <c r="C84" s="28">
        <v>1133</v>
      </c>
      <c r="D84" s="29">
        <v>2261</v>
      </c>
    </row>
    <row r="85" spans="1:4" ht="18" customHeight="1" x14ac:dyDescent="0.2">
      <c r="A85" s="31">
        <v>65</v>
      </c>
      <c r="B85" s="27">
        <v>30</v>
      </c>
      <c r="C85" s="28">
        <v>23</v>
      </c>
      <c r="D85" s="29">
        <v>53</v>
      </c>
    </row>
    <row r="86" spans="1:4" ht="18" customHeight="1" x14ac:dyDescent="0.2">
      <c r="A86" s="31">
        <v>66</v>
      </c>
      <c r="B86" s="27">
        <v>17</v>
      </c>
      <c r="C86" s="28">
        <v>35</v>
      </c>
      <c r="D86" s="29">
        <v>52</v>
      </c>
    </row>
    <row r="87" spans="1:4" ht="18" customHeight="1" x14ac:dyDescent="0.2">
      <c r="A87" s="31">
        <v>67</v>
      </c>
      <c r="B87" s="27">
        <v>38</v>
      </c>
      <c r="C87" s="28">
        <v>27</v>
      </c>
      <c r="D87" s="29">
        <v>65</v>
      </c>
    </row>
    <row r="88" spans="1:4" ht="18" customHeight="1" x14ac:dyDescent="0.2">
      <c r="A88" s="31">
        <v>68</v>
      </c>
      <c r="B88" s="27">
        <v>31</v>
      </c>
      <c r="C88" s="28">
        <v>28</v>
      </c>
      <c r="D88" s="29">
        <v>59</v>
      </c>
    </row>
    <row r="89" spans="1:4" ht="18" customHeight="1" x14ac:dyDescent="0.2">
      <c r="A89" s="31">
        <v>69</v>
      </c>
      <c r="B89" s="27">
        <v>29</v>
      </c>
      <c r="C89" s="28">
        <v>34</v>
      </c>
      <c r="D89" s="29">
        <v>63</v>
      </c>
    </row>
    <row r="90" spans="1:4" ht="18" customHeight="1" x14ac:dyDescent="0.2">
      <c r="A90" s="31" t="s">
        <v>63</v>
      </c>
      <c r="B90" s="27">
        <v>145</v>
      </c>
      <c r="C90" s="28">
        <v>147</v>
      </c>
      <c r="D90" s="29">
        <v>292</v>
      </c>
    </row>
    <row r="91" spans="1:4" ht="18" customHeight="1" x14ac:dyDescent="0.2">
      <c r="A91" s="31">
        <v>70</v>
      </c>
      <c r="B91" s="27">
        <v>33</v>
      </c>
      <c r="C91" s="28">
        <v>48</v>
      </c>
      <c r="D91" s="29">
        <v>81</v>
      </c>
    </row>
    <row r="92" spans="1:4" ht="18" customHeight="1" x14ac:dyDescent="0.2">
      <c r="A92" s="31">
        <v>71</v>
      </c>
      <c r="B92" s="27">
        <v>39</v>
      </c>
      <c r="C92" s="28">
        <v>31</v>
      </c>
      <c r="D92" s="29">
        <v>70</v>
      </c>
    </row>
    <row r="93" spans="1:4" ht="18" customHeight="1" x14ac:dyDescent="0.2">
      <c r="A93" s="31">
        <v>72</v>
      </c>
      <c r="B93" s="27">
        <v>46</v>
      </c>
      <c r="C93" s="28">
        <v>37</v>
      </c>
      <c r="D93" s="29">
        <v>83</v>
      </c>
    </row>
    <row r="94" spans="1:4" ht="18" customHeight="1" x14ac:dyDescent="0.2">
      <c r="A94" s="31">
        <v>73</v>
      </c>
      <c r="B94" s="27">
        <v>23</v>
      </c>
      <c r="C94" s="28">
        <v>17</v>
      </c>
      <c r="D94" s="29">
        <v>40</v>
      </c>
    </row>
    <row r="95" spans="1:4" ht="18" customHeight="1" x14ac:dyDescent="0.2">
      <c r="A95" s="31">
        <v>74</v>
      </c>
      <c r="B95" s="27">
        <v>15</v>
      </c>
      <c r="C95" s="28">
        <v>22</v>
      </c>
      <c r="D95" s="29">
        <v>37</v>
      </c>
    </row>
    <row r="96" spans="1:4" ht="18" customHeight="1" x14ac:dyDescent="0.2">
      <c r="A96" s="31" t="s">
        <v>64</v>
      </c>
      <c r="B96" s="27">
        <v>156</v>
      </c>
      <c r="C96" s="28">
        <v>155</v>
      </c>
      <c r="D96" s="29">
        <v>311</v>
      </c>
    </row>
    <row r="97" spans="1:4" ht="18" customHeight="1" x14ac:dyDescent="0.2">
      <c r="A97" s="31">
        <v>75</v>
      </c>
      <c r="B97" s="27">
        <v>30</v>
      </c>
      <c r="C97" s="28">
        <v>33</v>
      </c>
      <c r="D97" s="29">
        <v>63</v>
      </c>
    </row>
    <row r="98" spans="1:4" ht="18" customHeight="1" x14ac:dyDescent="0.2">
      <c r="A98" s="31">
        <v>76</v>
      </c>
      <c r="B98" s="27">
        <v>11</v>
      </c>
      <c r="C98" s="28">
        <v>28</v>
      </c>
      <c r="D98" s="29">
        <v>39</v>
      </c>
    </row>
    <row r="99" spans="1:4" ht="18" customHeight="1" x14ac:dyDescent="0.2">
      <c r="A99" s="31">
        <v>77</v>
      </c>
      <c r="B99" s="27">
        <v>20</v>
      </c>
      <c r="C99" s="28">
        <v>37</v>
      </c>
      <c r="D99" s="29">
        <v>57</v>
      </c>
    </row>
    <row r="100" spans="1:4" ht="18" customHeight="1" x14ac:dyDescent="0.2">
      <c r="A100" s="31">
        <v>78</v>
      </c>
      <c r="B100" s="27">
        <v>22</v>
      </c>
      <c r="C100" s="28">
        <v>26</v>
      </c>
      <c r="D100" s="29">
        <v>48</v>
      </c>
    </row>
    <row r="101" spans="1:4" ht="18" customHeight="1" x14ac:dyDescent="0.2">
      <c r="A101" s="31">
        <v>79</v>
      </c>
      <c r="B101" s="27">
        <v>17</v>
      </c>
      <c r="C101" s="28">
        <v>17</v>
      </c>
      <c r="D101" s="29">
        <v>34</v>
      </c>
    </row>
    <row r="102" spans="1:4" ht="18" customHeight="1" x14ac:dyDescent="0.2">
      <c r="A102" s="31" t="s">
        <v>65</v>
      </c>
      <c r="B102" s="27">
        <v>100</v>
      </c>
      <c r="C102" s="28">
        <v>141</v>
      </c>
      <c r="D102" s="29">
        <v>241</v>
      </c>
    </row>
    <row r="103" spans="1:4" ht="18" customHeight="1" x14ac:dyDescent="0.2">
      <c r="A103" s="31">
        <v>80</v>
      </c>
      <c r="B103" s="27">
        <v>13</v>
      </c>
      <c r="C103" s="28">
        <v>13</v>
      </c>
      <c r="D103" s="29">
        <v>26</v>
      </c>
    </row>
    <row r="104" spans="1:4" ht="18" customHeight="1" x14ac:dyDescent="0.2">
      <c r="A104" s="31">
        <v>81</v>
      </c>
      <c r="B104" s="27">
        <v>12</v>
      </c>
      <c r="C104" s="28">
        <v>19</v>
      </c>
      <c r="D104" s="29">
        <v>31</v>
      </c>
    </row>
    <row r="105" spans="1:4" ht="18" customHeight="1" x14ac:dyDescent="0.2">
      <c r="A105" s="31">
        <v>82</v>
      </c>
      <c r="B105" s="27">
        <v>13</v>
      </c>
      <c r="C105" s="28">
        <v>14</v>
      </c>
      <c r="D105" s="29">
        <v>27</v>
      </c>
    </row>
    <row r="106" spans="1:4" ht="18" customHeight="1" x14ac:dyDescent="0.2">
      <c r="A106" s="31">
        <v>83</v>
      </c>
      <c r="B106" s="27">
        <v>14</v>
      </c>
      <c r="C106" s="28">
        <v>19</v>
      </c>
      <c r="D106" s="29">
        <v>33</v>
      </c>
    </row>
    <row r="107" spans="1:4" ht="18" customHeight="1" x14ac:dyDescent="0.2">
      <c r="A107" s="31">
        <v>84</v>
      </c>
      <c r="B107" s="27">
        <v>7</v>
      </c>
      <c r="C107" s="28">
        <v>16</v>
      </c>
      <c r="D107" s="29">
        <v>23</v>
      </c>
    </row>
    <row r="108" spans="1:4" ht="18" customHeight="1" x14ac:dyDescent="0.2">
      <c r="A108" s="31" t="s">
        <v>66</v>
      </c>
      <c r="B108" s="27">
        <v>59</v>
      </c>
      <c r="C108" s="28">
        <v>81</v>
      </c>
      <c r="D108" s="29">
        <v>140</v>
      </c>
    </row>
    <row r="109" spans="1:4" ht="18" customHeight="1" x14ac:dyDescent="0.2">
      <c r="A109" s="31">
        <v>85</v>
      </c>
      <c r="B109" s="27">
        <v>7</v>
      </c>
      <c r="C109" s="28">
        <v>21</v>
      </c>
      <c r="D109" s="29">
        <v>28</v>
      </c>
    </row>
    <row r="110" spans="1:4" ht="18" customHeight="1" x14ac:dyDescent="0.2">
      <c r="A110" s="31">
        <v>86</v>
      </c>
      <c r="B110" s="27">
        <v>14</v>
      </c>
      <c r="C110" s="28">
        <v>22</v>
      </c>
      <c r="D110" s="29">
        <v>36</v>
      </c>
    </row>
    <row r="111" spans="1:4" ht="18" customHeight="1" x14ac:dyDescent="0.2">
      <c r="A111" s="31">
        <v>87</v>
      </c>
      <c r="B111" s="27">
        <v>6</v>
      </c>
      <c r="C111" s="28">
        <v>20</v>
      </c>
      <c r="D111" s="29">
        <v>26</v>
      </c>
    </row>
    <row r="112" spans="1:4" ht="18" customHeight="1" x14ac:dyDescent="0.2">
      <c r="A112" s="31">
        <v>88</v>
      </c>
      <c r="B112" s="27">
        <v>4</v>
      </c>
      <c r="C112" s="28">
        <v>17</v>
      </c>
      <c r="D112" s="29">
        <v>21</v>
      </c>
    </row>
    <row r="113" spans="1:4" ht="18" customHeight="1" x14ac:dyDescent="0.2">
      <c r="A113" s="31">
        <v>89</v>
      </c>
      <c r="B113" s="27">
        <v>5</v>
      </c>
      <c r="C113" s="28">
        <v>12</v>
      </c>
      <c r="D113" s="29">
        <v>17</v>
      </c>
    </row>
    <row r="114" spans="1:4" ht="18" customHeight="1" x14ac:dyDescent="0.2">
      <c r="A114" s="31" t="s">
        <v>67</v>
      </c>
      <c r="B114" s="27">
        <v>36</v>
      </c>
      <c r="C114" s="28">
        <v>92</v>
      </c>
      <c r="D114" s="29">
        <v>128</v>
      </c>
    </row>
    <row r="115" spans="1:4" ht="18" customHeight="1" x14ac:dyDescent="0.2">
      <c r="A115" s="31">
        <v>90</v>
      </c>
      <c r="B115" s="27">
        <v>7</v>
      </c>
      <c r="C115" s="28">
        <v>11</v>
      </c>
      <c r="D115" s="29">
        <v>18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5</v>
      </c>
      <c r="C117" s="28">
        <v>15</v>
      </c>
      <c r="D117" s="29">
        <v>20</v>
      </c>
    </row>
    <row r="118" spans="1:4" ht="18" customHeight="1" x14ac:dyDescent="0.2">
      <c r="A118" s="31">
        <v>93</v>
      </c>
      <c r="B118" s="27">
        <v>7</v>
      </c>
      <c r="C118" s="28">
        <v>5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12</v>
      </c>
      <c r="D119" s="29">
        <v>15</v>
      </c>
    </row>
    <row r="120" spans="1:4" ht="18" customHeight="1" x14ac:dyDescent="0.2">
      <c r="A120" s="31" t="s">
        <v>68</v>
      </c>
      <c r="B120" s="27">
        <v>23</v>
      </c>
      <c r="C120" s="28">
        <v>51</v>
      </c>
      <c r="D120" s="29">
        <v>74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18</v>
      </c>
      <c r="D126" s="29">
        <v>2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521</v>
      </c>
      <c r="C130" s="5">
        <v>686</v>
      </c>
      <c r="D130" s="6">
        <v>1207</v>
      </c>
    </row>
    <row r="131" spans="1:4" ht="18" customHeight="1" x14ac:dyDescent="0.2">
      <c r="A131" s="33" t="s">
        <v>47</v>
      </c>
      <c r="B131" s="7">
        <v>1894</v>
      </c>
      <c r="C131" s="8">
        <v>2041</v>
      </c>
      <c r="D131" s="9">
        <v>39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10</v>
      </c>
      <c r="D5" s="13">
        <v>24</v>
      </c>
    </row>
    <row r="6" spans="1:4" ht="18" customHeight="1" x14ac:dyDescent="0.2">
      <c r="A6" s="14">
        <v>1</v>
      </c>
      <c r="B6" s="15">
        <v>10</v>
      </c>
      <c r="C6" s="16">
        <v>17</v>
      </c>
      <c r="D6" s="17">
        <v>27</v>
      </c>
    </row>
    <row r="7" spans="1:4" ht="18" customHeight="1" x14ac:dyDescent="0.2">
      <c r="A7" s="14">
        <v>2</v>
      </c>
      <c r="B7" s="15">
        <v>18</v>
      </c>
      <c r="C7" s="16">
        <v>15</v>
      </c>
      <c r="D7" s="17">
        <v>33</v>
      </c>
    </row>
    <row r="8" spans="1:4" ht="18" customHeight="1" x14ac:dyDescent="0.2">
      <c r="A8" s="14">
        <v>3</v>
      </c>
      <c r="B8" s="15">
        <v>9</v>
      </c>
      <c r="C8" s="16">
        <v>11</v>
      </c>
      <c r="D8" s="17">
        <v>20</v>
      </c>
    </row>
    <row r="9" spans="1:4" ht="18" customHeight="1" x14ac:dyDescent="0.2">
      <c r="A9" s="14">
        <v>4</v>
      </c>
      <c r="B9" s="15">
        <v>15</v>
      </c>
      <c r="C9" s="16">
        <v>21</v>
      </c>
      <c r="D9" s="17">
        <v>36</v>
      </c>
    </row>
    <row r="10" spans="1:4" ht="18" customHeight="1" x14ac:dyDescent="0.2">
      <c r="A10" s="18" t="s">
        <v>48</v>
      </c>
      <c r="B10" s="15">
        <v>66</v>
      </c>
      <c r="C10" s="16">
        <v>74</v>
      </c>
      <c r="D10" s="17">
        <v>140</v>
      </c>
    </row>
    <row r="11" spans="1:4" ht="18" customHeight="1" x14ac:dyDescent="0.2">
      <c r="A11" s="14">
        <v>5</v>
      </c>
      <c r="B11" s="15">
        <v>17</v>
      </c>
      <c r="C11" s="16">
        <v>16</v>
      </c>
      <c r="D11" s="17">
        <v>33</v>
      </c>
    </row>
    <row r="12" spans="1:4" ht="18" customHeight="1" x14ac:dyDescent="0.2">
      <c r="A12" s="14">
        <v>6</v>
      </c>
      <c r="B12" s="15">
        <v>14</v>
      </c>
      <c r="C12" s="16">
        <v>8</v>
      </c>
      <c r="D12" s="17">
        <v>22</v>
      </c>
    </row>
    <row r="13" spans="1:4" ht="18" customHeight="1" x14ac:dyDescent="0.2">
      <c r="A13" s="14">
        <v>7</v>
      </c>
      <c r="B13" s="15">
        <v>14</v>
      </c>
      <c r="C13" s="16">
        <v>10</v>
      </c>
      <c r="D13" s="17">
        <v>24</v>
      </c>
    </row>
    <row r="14" spans="1:4" ht="18" customHeight="1" x14ac:dyDescent="0.2">
      <c r="A14" s="14">
        <v>8</v>
      </c>
      <c r="B14" s="15">
        <v>22</v>
      </c>
      <c r="C14" s="16">
        <v>14</v>
      </c>
      <c r="D14" s="17">
        <v>36</v>
      </c>
    </row>
    <row r="15" spans="1:4" ht="18" customHeight="1" x14ac:dyDescent="0.2">
      <c r="A15" s="14">
        <v>9</v>
      </c>
      <c r="B15" s="15">
        <v>9</v>
      </c>
      <c r="C15" s="16">
        <v>12</v>
      </c>
      <c r="D15" s="17">
        <v>21</v>
      </c>
    </row>
    <row r="16" spans="1:4" ht="18" customHeight="1" x14ac:dyDescent="0.2">
      <c r="A16" s="18" t="s">
        <v>49</v>
      </c>
      <c r="B16" s="15">
        <v>76</v>
      </c>
      <c r="C16" s="16">
        <v>60</v>
      </c>
      <c r="D16" s="17">
        <v>136</v>
      </c>
    </row>
    <row r="17" spans="1:4" ht="18" customHeight="1" x14ac:dyDescent="0.2">
      <c r="A17" s="14">
        <v>10</v>
      </c>
      <c r="B17" s="15">
        <v>25</v>
      </c>
      <c r="C17" s="16">
        <v>12</v>
      </c>
      <c r="D17" s="17">
        <v>37</v>
      </c>
    </row>
    <row r="18" spans="1:4" ht="18" customHeight="1" x14ac:dyDescent="0.2">
      <c r="A18" s="14">
        <v>11</v>
      </c>
      <c r="B18" s="15">
        <v>20</v>
      </c>
      <c r="C18" s="16">
        <v>6</v>
      </c>
      <c r="D18" s="17">
        <v>26</v>
      </c>
    </row>
    <row r="19" spans="1:4" ht="18" customHeight="1" x14ac:dyDescent="0.2">
      <c r="A19" s="14">
        <v>12</v>
      </c>
      <c r="B19" s="15">
        <v>16</v>
      </c>
      <c r="C19" s="16">
        <v>15</v>
      </c>
      <c r="D19" s="17">
        <v>31</v>
      </c>
    </row>
    <row r="20" spans="1:4" ht="18" customHeight="1" x14ac:dyDescent="0.2">
      <c r="A20" s="14">
        <v>13</v>
      </c>
      <c r="B20" s="15">
        <v>12</v>
      </c>
      <c r="C20" s="16">
        <v>8</v>
      </c>
      <c r="D20" s="17">
        <v>20</v>
      </c>
    </row>
    <row r="21" spans="1:4" ht="18" customHeight="1" x14ac:dyDescent="0.2">
      <c r="A21" s="14">
        <v>14</v>
      </c>
      <c r="B21" s="15">
        <v>13</v>
      </c>
      <c r="C21" s="16">
        <v>10</v>
      </c>
      <c r="D21" s="17">
        <v>23</v>
      </c>
    </row>
    <row r="22" spans="1:4" ht="18" customHeight="1" x14ac:dyDescent="0.2">
      <c r="A22" s="18" t="s">
        <v>50</v>
      </c>
      <c r="B22" s="15">
        <v>86</v>
      </c>
      <c r="C22" s="16">
        <v>51</v>
      </c>
      <c r="D22" s="17">
        <v>137</v>
      </c>
    </row>
    <row r="23" spans="1:4" ht="18" customHeight="1" x14ac:dyDescent="0.2">
      <c r="A23" s="18" t="s">
        <v>51</v>
      </c>
      <c r="B23" s="15">
        <v>228</v>
      </c>
      <c r="C23" s="16">
        <v>185</v>
      </c>
      <c r="D23" s="17">
        <v>413</v>
      </c>
    </row>
    <row r="24" spans="1:4" ht="18" customHeight="1" x14ac:dyDescent="0.2">
      <c r="A24" s="14">
        <v>15</v>
      </c>
      <c r="B24" s="15">
        <v>20</v>
      </c>
      <c r="C24" s="16">
        <v>15</v>
      </c>
      <c r="D24" s="17">
        <v>35</v>
      </c>
    </row>
    <row r="25" spans="1:4" ht="18" customHeight="1" x14ac:dyDescent="0.2">
      <c r="A25" s="14">
        <v>16</v>
      </c>
      <c r="B25" s="15">
        <v>11</v>
      </c>
      <c r="C25" s="16">
        <v>15</v>
      </c>
      <c r="D25" s="17">
        <v>26</v>
      </c>
    </row>
    <row r="26" spans="1:4" ht="18" customHeight="1" x14ac:dyDescent="0.2">
      <c r="A26" s="14">
        <v>17</v>
      </c>
      <c r="B26" s="15">
        <v>14</v>
      </c>
      <c r="C26" s="16">
        <v>12</v>
      </c>
      <c r="D26" s="17">
        <v>26</v>
      </c>
    </row>
    <row r="27" spans="1:4" ht="18" customHeight="1" x14ac:dyDescent="0.2">
      <c r="A27" s="14">
        <v>18</v>
      </c>
      <c r="B27" s="15">
        <v>19</v>
      </c>
      <c r="C27" s="16">
        <v>20</v>
      </c>
      <c r="D27" s="17">
        <v>39</v>
      </c>
    </row>
    <row r="28" spans="1:4" ht="18" customHeight="1" x14ac:dyDescent="0.2">
      <c r="A28" s="14">
        <v>19</v>
      </c>
      <c r="B28" s="15">
        <v>10</v>
      </c>
      <c r="C28" s="16">
        <v>9</v>
      </c>
      <c r="D28" s="17">
        <v>19</v>
      </c>
    </row>
    <row r="29" spans="1:4" ht="18" customHeight="1" x14ac:dyDescent="0.2">
      <c r="A29" s="18" t="s">
        <v>52</v>
      </c>
      <c r="B29" s="15">
        <v>74</v>
      </c>
      <c r="C29" s="16">
        <v>71</v>
      </c>
      <c r="D29" s="17">
        <v>145</v>
      </c>
    </row>
    <row r="30" spans="1:4" ht="18" customHeight="1" x14ac:dyDescent="0.2">
      <c r="A30" s="14">
        <v>20</v>
      </c>
      <c r="B30" s="15">
        <v>17</v>
      </c>
      <c r="C30" s="16">
        <v>16</v>
      </c>
      <c r="D30" s="17">
        <v>33</v>
      </c>
    </row>
    <row r="31" spans="1:4" ht="18" customHeight="1" x14ac:dyDescent="0.2">
      <c r="A31" s="14">
        <v>21</v>
      </c>
      <c r="B31" s="15">
        <v>9</v>
      </c>
      <c r="C31" s="16">
        <v>22</v>
      </c>
      <c r="D31" s="17">
        <v>31</v>
      </c>
    </row>
    <row r="32" spans="1:4" ht="18" customHeight="1" x14ac:dyDescent="0.2">
      <c r="A32" s="14">
        <v>22</v>
      </c>
      <c r="B32" s="15">
        <v>12</v>
      </c>
      <c r="C32" s="16">
        <v>21</v>
      </c>
      <c r="D32" s="17">
        <v>33</v>
      </c>
    </row>
    <row r="33" spans="1:4" ht="18" customHeight="1" x14ac:dyDescent="0.2">
      <c r="A33" s="14">
        <v>23</v>
      </c>
      <c r="B33" s="15">
        <v>16</v>
      </c>
      <c r="C33" s="16">
        <v>16</v>
      </c>
      <c r="D33" s="17">
        <v>32</v>
      </c>
    </row>
    <row r="34" spans="1:4" ht="18" customHeight="1" x14ac:dyDescent="0.2">
      <c r="A34" s="14">
        <v>24</v>
      </c>
      <c r="B34" s="15">
        <v>21</v>
      </c>
      <c r="C34" s="16">
        <v>18</v>
      </c>
      <c r="D34" s="17">
        <v>39</v>
      </c>
    </row>
    <row r="35" spans="1:4" ht="18" customHeight="1" x14ac:dyDescent="0.2">
      <c r="A35" s="18" t="s">
        <v>53</v>
      </c>
      <c r="B35" s="15">
        <v>75</v>
      </c>
      <c r="C35" s="16">
        <v>93</v>
      </c>
      <c r="D35" s="17">
        <v>168</v>
      </c>
    </row>
    <row r="36" spans="1:4" ht="18" customHeight="1" x14ac:dyDescent="0.2">
      <c r="A36" s="14">
        <v>25</v>
      </c>
      <c r="B36" s="15">
        <v>13</v>
      </c>
      <c r="C36" s="16">
        <v>10</v>
      </c>
      <c r="D36" s="17">
        <v>23</v>
      </c>
    </row>
    <row r="37" spans="1:4" ht="18" customHeight="1" x14ac:dyDescent="0.2">
      <c r="A37" s="14">
        <v>26</v>
      </c>
      <c r="B37" s="15">
        <v>20</v>
      </c>
      <c r="C37" s="16">
        <v>11</v>
      </c>
      <c r="D37" s="17">
        <v>31</v>
      </c>
    </row>
    <row r="38" spans="1:4" ht="18" customHeight="1" x14ac:dyDescent="0.2">
      <c r="A38" s="14">
        <v>27</v>
      </c>
      <c r="B38" s="15">
        <v>14</v>
      </c>
      <c r="C38" s="16">
        <v>14</v>
      </c>
      <c r="D38" s="17">
        <v>28</v>
      </c>
    </row>
    <row r="39" spans="1:4" ht="18" customHeight="1" x14ac:dyDescent="0.2">
      <c r="A39" s="14">
        <v>28</v>
      </c>
      <c r="B39" s="15">
        <v>16</v>
      </c>
      <c r="C39" s="16">
        <v>15</v>
      </c>
      <c r="D39" s="17">
        <v>31</v>
      </c>
    </row>
    <row r="40" spans="1:4" ht="18" customHeight="1" x14ac:dyDescent="0.2">
      <c r="A40" s="14">
        <v>29</v>
      </c>
      <c r="B40" s="15">
        <v>13</v>
      </c>
      <c r="C40" s="16">
        <v>10</v>
      </c>
      <c r="D40" s="17">
        <v>23</v>
      </c>
    </row>
    <row r="41" spans="1:4" ht="18" customHeight="1" x14ac:dyDescent="0.2">
      <c r="A41" s="18" t="s">
        <v>54</v>
      </c>
      <c r="B41" s="15">
        <v>76</v>
      </c>
      <c r="C41" s="16">
        <v>60</v>
      </c>
      <c r="D41" s="17">
        <v>136</v>
      </c>
    </row>
    <row r="42" spans="1:4" ht="18" customHeight="1" x14ac:dyDescent="0.2">
      <c r="A42" s="14">
        <v>30</v>
      </c>
      <c r="B42" s="15">
        <v>20</v>
      </c>
      <c r="C42" s="16">
        <v>17</v>
      </c>
      <c r="D42" s="17">
        <v>37</v>
      </c>
    </row>
    <row r="43" spans="1:4" ht="18" customHeight="1" x14ac:dyDescent="0.2">
      <c r="A43" s="14">
        <v>31</v>
      </c>
      <c r="B43" s="15">
        <v>18</v>
      </c>
      <c r="C43" s="16">
        <v>21</v>
      </c>
      <c r="D43" s="17">
        <v>39</v>
      </c>
    </row>
    <row r="44" spans="1:4" ht="18" customHeight="1" x14ac:dyDescent="0.2">
      <c r="A44" s="14">
        <v>32</v>
      </c>
      <c r="B44" s="15">
        <v>24</v>
      </c>
      <c r="C44" s="16">
        <v>12</v>
      </c>
      <c r="D44" s="17">
        <v>36</v>
      </c>
    </row>
    <row r="45" spans="1:4" ht="18" customHeight="1" x14ac:dyDescent="0.2">
      <c r="A45" s="14">
        <v>33</v>
      </c>
      <c r="B45" s="15">
        <v>33</v>
      </c>
      <c r="C45" s="16">
        <v>20</v>
      </c>
      <c r="D45" s="17">
        <v>53</v>
      </c>
    </row>
    <row r="46" spans="1:4" ht="18" customHeight="1" x14ac:dyDescent="0.2">
      <c r="A46" s="14">
        <v>34</v>
      </c>
      <c r="B46" s="15">
        <v>22</v>
      </c>
      <c r="C46" s="16">
        <v>15</v>
      </c>
      <c r="D46" s="17">
        <v>37</v>
      </c>
    </row>
    <row r="47" spans="1:4" ht="18" customHeight="1" x14ac:dyDescent="0.2">
      <c r="A47" s="18" t="s">
        <v>55</v>
      </c>
      <c r="B47" s="15">
        <v>117</v>
      </c>
      <c r="C47" s="16">
        <v>85</v>
      </c>
      <c r="D47" s="17">
        <v>202</v>
      </c>
    </row>
    <row r="48" spans="1:4" ht="18" customHeight="1" x14ac:dyDescent="0.2">
      <c r="A48" s="14">
        <v>35</v>
      </c>
      <c r="B48" s="15">
        <v>17</v>
      </c>
      <c r="C48" s="16">
        <v>27</v>
      </c>
      <c r="D48" s="17">
        <v>44</v>
      </c>
    </row>
    <row r="49" spans="1:4" ht="18" customHeight="1" x14ac:dyDescent="0.2">
      <c r="A49" s="14">
        <v>36</v>
      </c>
      <c r="B49" s="15">
        <v>30</v>
      </c>
      <c r="C49" s="16">
        <v>17</v>
      </c>
      <c r="D49" s="17">
        <v>47</v>
      </c>
    </row>
    <row r="50" spans="1:4" ht="18" customHeight="1" x14ac:dyDescent="0.2">
      <c r="A50" s="14">
        <v>37</v>
      </c>
      <c r="B50" s="15">
        <v>32</v>
      </c>
      <c r="C50" s="16">
        <v>24</v>
      </c>
      <c r="D50" s="17">
        <v>56</v>
      </c>
    </row>
    <row r="51" spans="1:4" ht="18" customHeight="1" x14ac:dyDescent="0.2">
      <c r="A51" s="14">
        <v>38</v>
      </c>
      <c r="B51" s="15">
        <v>17</v>
      </c>
      <c r="C51" s="16">
        <v>21</v>
      </c>
      <c r="D51" s="17">
        <v>38</v>
      </c>
    </row>
    <row r="52" spans="1:4" ht="18" customHeight="1" x14ac:dyDescent="0.2">
      <c r="A52" s="14">
        <v>39</v>
      </c>
      <c r="B52" s="15">
        <v>29</v>
      </c>
      <c r="C52" s="16">
        <v>24</v>
      </c>
      <c r="D52" s="17">
        <v>53</v>
      </c>
    </row>
    <row r="53" spans="1:4" ht="18" customHeight="1" x14ac:dyDescent="0.2">
      <c r="A53" s="18" t="s">
        <v>56</v>
      </c>
      <c r="B53" s="15">
        <v>125</v>
      </c>
      <c r="C53" s="16">
        <v>113</v>
      </c>
      <c r="D53" s="17">
        <v>238</v>
      </c>
    </row>
    <row r="54" spans="1:4" ht="18" customHeight="1" x14ac:dyDescent="0.2">
      <c r="A54" s="14">
        <v>40</v>
      </c>
      <c r="B54" s="15">
        <v>25</v>
      </c>
      <c r="C54" s="16">
        <v>23</v>
      </c>
      <c r="D54" s="17">
        <v>48</v>
      </c>
    </row>
    <row r="55" spans="1:4" ht="18" customHeight="1" x14ac:dyDescent="0.2">
      <c r="A55" s="14">
        <v>41</v>
      </c>
      <c r="B55" s="15">
        <v>23</v>
      </c>
      <c r="C55" s="16">
        <v>22</v>
      </c>
      <c r="D55" s="17">
        <v>45</v>
      </c>
    </row>
    <row r="56" spans="1:4" ht="18" customHeight="1" x14ac:dyDescent="0.2">
      <c r="A56" s="14">
        <v>42</v>
      </c>
      <c r="B56" s="15">
        <v>19</v>
      </c>
      <c r="C56" s="16">
        <v>28</v>
      </c>
      <c r="D56" s="17">
        <v>47</v>
      </c>
    </row>
    <row r="57" spans="1:4" ht="18" customHeight="1" x14ac:dyDescent="0.2">
      <c r="A57" s="14">
        <v>43</v>
      </c>
      <c r="B57" s="15">
        <v>30</v>
      </c>
      <c r="C57" s="16">
        <v>29</v>
      </c>
      <c r="D57" s="17">
        <v>59</v>
      </c>
    </row>
    <row r="58" spans="1:4" ht="18" customHeight="1" x14ac:dyDescent="0.2">
      <c r="A58" s="14">
        <v>44</v>
      </c>
      <c r="B58" s="15">
        <v>38</v>
      </c>
      <c r="C58" s="16">
        <v>30</v>
      </c>
      <c r="D58" s="17">
        <v>68</v>
      </c>
    </row>
    <row r="59" spans="1:4" ht="18" customHeight="1" x14ac:dyDescent="0.2">
      <c r="A59" s="18" t="s">
        <v>57</v>
      </c>
      <c r="B59" s="15">
        <v>135</v>
      </c>
      <c r="C59" s="16">
        <v>132</v>
      </c>
      <c r="D59" s="17">
        <v>267</v>
      </c>
    </row>
    <row r="60" spans="1:4" ht="18" customHeight="1" x14ac:dyDescent="0.2">
      <c r="A60" s="14">
        <v>45</v>
      </c>
      <c r="B60" s="15">
        <v>34</v>
      </c>
      <c r="C60" s="16">
        <v>40</v>
      </c>
      <c r="D60" s="17">
        <v>74</v>
      </c>
    </row>
    <row r="61" spans="1:4" ht="18" customHeight="1" x14ac:dyDescent="0.2">
      <c r="A61" s="14">
        <v>46</v>
      </c>
      <c r="B61" s="15">
        <v>28</v>
      </c>
      <c r="C61" s="16">
        <v>25</v>
      </c>
      <c r="D61" s="17">
        <v>53</v>
      </c>
    </row>
    <row r="62" spans="1:4" ht="18" customHeight="1" x14ac:dyDescent="0.2">
      <c r="A62" s="14">
        <v>47</v>
      </c>
      <c r="B62" s="15">
        <v>26</v>
      </c>
      <c r="C62" s="16">
        <v>28</v>
      </c>
      <c r="D62" s="17">
        <v>54</v>
      </c>
    </row>
    <row r="63" spans="1:4" ht="18" customHeight="1" x14ac:dyDescent="0.2">
      <c r="A63" s="14">
        <v>48</v>
      </c>
      <c r="B63" s="15">
        <v>24</v>
      </c>
      <c r="C63" s="16">
        <v>38</v>
      </c>
      <c r="D63" s="17">
        <v>62</v>
      </c>
    </row>
    <row r="64" spans="1:4" ht="18" customHeight="1" x14ac:dyDescent="0.2">
      <c r="A64" s="14">
        <v>49</v>
      </c>
      <c r="B64" s="15">
        <v>25</v>
      </c>
      <c r="C64" s="16">
        <v>27</v>
      </c>
      <c r="D64" s="17">
        <v>52</v>
      </c>
    </row>
    <row r="65" spans="1:4" ht="18" customHeight="1" x14ac:dyDescent="0.2">
      <c r="A65" s="18" t="s">
        <v>58</v>
      </c>
      <c r="B65" s="15">
        <v>137</v>
      </c>
      <c r="C65" s="16">
        <v>158</v>
      </c>
      <c r="D65" s="17">
        <v>295</v>
      </c>
    </row>
    <row r="66" spans="1:4" ht="18" customHeight="1" x14ac:dyDescent="0.2">
      <c r="A66" s="14">
        <v>50</v>
      </c>
      <c r="B66" s="15">
        <v>26</v>
      </c>
      <c r="C66" s="16">
        <v>28</v>
      </c>
      <c r="D66" s="17">
        <v>54</v>
      </c>
    </row>
    <row r="67" spans="1:4" ht="18" customHeight="1" x14ac:dyDescent="0.2">
      <c r="A67" s="14">
        <v>51</v>
      </c>
      <c r="B67" s="15">
        <v>37</v>
      </c>
      <c r="C67" s="16">
        <v>28</v>
      </c>
      <c r="D67" s="17">
        <v>65</v>
      </c>
    </row>
    <row r="68" spans="1:4" ht="18" customHeight="1" x14ac:dyDescent="0.2">
      <c r="A68" s="14">
        <v>52</v>
      </c>
      <c r="B68" s="15">
        <v>33</v>
      </c>
      <c r="C68" s="16">
        <v>20</v>
      </c>
      <c r="D68" s="17">
        <v>53</v>
      </c>
    </row>
    <row r="69" spans="1:4" ht="18" customHeight="1" x14ac:dyDescent="0.2">
      <c r="A69" s="14">
        <v>53</v>
      </c>
      <c r="B69" s="15">
        <v>25</v>
      </c>
      <c r="C69" s="16">
        <v>28</v>
      </c>
      <c r="D69" s="17">
        <v>53</v>
      </c>
    </row>
    <row r="70" spans="1:4" ht="18" customHeight="1" x14ac:dyDescent="0.2">
      <c r="A70" s="14">
        <v>54</v>
      </c>
      <c r="B70" s="15">
        <v>26</v>
      </c>
      <c r="C70" s="16">
        <v>39</v>
      </c>
      <c r="D70" s="17">
        <v>65</v>
      </c>
    </row>
    <row r="71" spans="1:4" ht="18" customHeight="1" x14ac:dyDescent="0.2">
      <c r="A71" s="18" t="s">
        <v>59</v>
      </c>
      <c r="B71" s="15">
        <v>147</v>
      </c>
      <c r="C71" s="16">
        <v>143</v>
      </c>
      <c r="D71" s="17">
        <v>290</v>
      </c>
    </row>
    <row r="72" spans="1:4" ht="18" customHeight="1" x14ac:dyDescent="0.2">
      <c r="A72" s="14">
        <v>55</v>
      </c>
      <c r="B72" s="15">
        <v>24</v>
      </c>
      <c r="C72" s="16">
        <v>19</v>
      </c>
      <c r="D72" s="17">
        <v>43</v>
      </c>
    </row>
    <row r="73" spans="1:4" ht="18" customHeight="1" x14ac:dyDescent="0.2">
      <c r="A73" s="14">
        <v>56</v>
      </c>
      <c r="B73" s="15">
        <v>35</v>
      </c>
      <c r="C73" s="16">
        <v>18</v>
      </c>
      <c r="D73" s="17">
        <v>53</v>
      </c>
    </row>
    <row r="74" spans="1:4" ht="18" customHeight="1" x14ac:dyDescent="0.2">
      <c r="A74" s="14">
        <v>57</v>
      </c>
      <c r="B74" s="15">
        <v>26</v>
      </c>
      <c r="C74" s="16">
        <v>16</v>
      </c>
      <c r="D74" s="17">
        <v>42</v>
      </c>
    </row>
    <row r="75" spans="1:4" ht="18" customHeight="1" x14ac:dyDescent="0.2">
      <c r="A75" s="14">
        <v>58</v>
      </c>
      <c r="B75" s="15">
        <v>20</v>
      </c>
      <c r="C75" s="16">
        <v>38</v>
      </c>
      <c r="D75" s="17">
        <v>58</v>
      </c>
    </row>
    <row r="76" spans="1:4" ht="18" customHeight="1" x14ac:dyDescent="0.2">
      <c r="A76" s="14">
        <v>59</v>
      </c>
      <c r="B76" s="15">
        <v>36</v>
      </c>
      <c r="C76" s="16">
        <v>27</v>
      </c>
      <c r="D76" s="17">
        <v>63</v>
      </c>
    </row>
    <row r="77" spans="1:4" ht="18" customHeight="1" x14ac:dyDescent="0.2">
      <c r="A77" s="18" t="s">
        <v>60</v>
      </c>
      <c r="B77" s="15">
        <v>141</v>
      </c>
      <c r="C77" s="16">
        <v>118</v>
      </c>
      <c r="D77" s="17">
        <v>259</v>
      </c>
    </row>
    <row r="78" spans="1:4" ht="18" customHeight="1" x14ac:dyDescent="0.2">
      <c r="A78" s="14">
        <v>60</v>
      </c>
      <c r="B78" s="15">
        <v>25</v>
      </c>
      <c r="C78" s="16">
        <v>28</v>
      </c>
      <c r="D78" s="17">
        <v>53</v>
      </c>
    </row>
    <row r="79" spans="1:4" ht="18" customHeight="1" x14ac:dyDescent="0.2">
      <c r="A79" s="14">
        <v>61</v>
      </c>
      <c r="B79" s="15">
        <v>31</v>
      </c>
      <c r="C79" s="16">
        <v>15</v>
      </c>
      <c r="D79" s="17">
        <v>46</v>
      </c>
    </row>
    <row r="80" spans="1:4" ht="18" customHeight="1" x14ac:dyDescent="0.2">
      <c r="A80" s="14">
        <v>62</v>
      </c>
      <c r="B80" s="15">
        <v>26</v>
      </c>
      <c r="C80" s="16">
        <v>30</v>
      </c>
      <c r="D80" s="17">
        <v>56</v>
      </c>
    </row>
    <row r="81" spans="1:4" ht="18" customHeight="1" x14ac:dyDescent="0.2">
      <c r="A81" s="14">
        <v>63</v>
      </c>
      <c r="B81" s="15">
        <v>27</v>
      </c>
      <c r="C81" s="16">
        <v>41</v>
      </c>
      <c r="D81" s="17">
        <v>68</v>
      </c>
    </row>
    <row r="82" spans="1:4" ht="18" customHeight="1" x14ac:dyDescent="0.2">
      <c r="A82" s="14">
        <v>64</v>
      </c>
      <c r="B82" s="15">
        <v>31</v>
      </c>
      <c r="C82" s="16">
        <v>25</v>
      </c>
      <c r="D82" s="17">
        <v>56</v>
      </c>
    </row>
    <row r="83" spans="1:4" ht="18" customHeight="1" x14ac:dyDescent="0.2">
      <c r="A83" s="18" t="s">
        <v>61</v>
      </c>
      <c r="B83" s="15">
        <v>140</v>
      </c>
      <c r="C83" s="16">
        <v>139</v>
      </c>
      <c r="D83" s="17">
        <v>279</v>
      </c>
    </row>
    <row r="84" spans="1:4" ht="18" customHeight="1" x14ac:dyDescent="0.2">
      <c r="A84" s="18" t="s">
        <v>62</v>
      </c>
      <c r="B84" s="15">
        <v>1167</v>
      </c>
      <c r="C84" s="16">
        <v>1112</v>
      </c>
      <c r="D84" s="17">
        <v>2279</v>
      </c>
    </row>
    <row r="85" spans="1:4" ht="18" customHeight="1" x14ac:dyDescent="0.2">
      <c r="A85" s="14">
        <v>65</v>
      </c>
      <c r="B85" s="15">
        <v>29</v>
      </c>
      <c r="C85" s="16">
        <v>29</v>
      </c>
      <c r="D85" s="17">
        <v>58</v>
      </c>
    </row>
    <row r="86" spans="1:4" ht="18" customHeight="1" x14ac:dyDescent="0.2">
      <c r="A86" s="14">
        <v>66</v>
      </c>
      <c r="B86" s="15">
        <v>33</v>
      </c>
      <c r="C86" s="16">
        <v>30</v>
      </c>
      <c r="D86" s="17">
        <v>63</v>
      </c>
    </row>
    <row r="87" spans="1:4" ht="18" customHeight="1" x14ac:dyDescent="0.2">
      <c r="A87" s="14">
        <v>67</v>
      </c>
      <c r="B87" s="15">
        <v>32</v>
      </c>
      <c r="C87" s="16">
        <v>31</v>
      </c>
      <c r="D87" s="17">
        <v>63</v>
      </c>
    </row>
    <row r="88" spans="1:4" ht="18" customHeight="1" x14ac:dyDescent="0.2">
      <c r="A88" s="14">
        <v>68</v>
      </c>
      <c r="B88" s="15">
        <v>29</v>
      </c>
      <c r="C88" s="16">
        <v>27</v>
      </c>
      <c r="D88" s="17">
        <v>56</v>
      </c>
    </row>
    <row r="89" spans="1:4" ht="18" customHeight="1" x14ac:dyDescent="0.2">
      <c r="A89" s="14">
        <v>69</v>
      </c>
      <c r="B89" s="15">
        <v>42</v>
      </c>
      <c r="C89" s="16">
        <v>39</v>
      </c>
      <c r="D89" s="17">
        <v>81</v>
      </c>
    </row>
    <row r="90" spans="1:4" ht="18" customHeight="1" x14ac:dyDescent="0.2">
      <c r="A90" s="18" t="s">
        <v>63</v>
      </c>
      <c r="B90" s="15">
        <v>165</v>
      </c>
      <c r="C90" s="16">
        <v>156</v>
      </c>
      <c r="D90" s="17">
        <v>321</v>
      </c>
    </row>
    <row r="91" spans="1:4" ht="18" customHeight="1" x14ac:dyDescent="0.2">
      <c r="A91" s="14">
        <v>70</v>
      </c>
      <c r="B91" s="15">
        <v>39</v>
      </c>
      <c r="C91" s="16">
        <v>38</v>
      </c>
      <c r="D91" s="17">
        <v>77</v>
      </c>
    </row>
    <row r="92" spans="1:4" ht="18" customHeight="1" x14ac:dyDescent="0.2">
      <c r="A92" s="14">
        <v>71</v>
      </c>
      <c r="B92" s="15">
        <v>45</v>
      </c>
      <c r="C92" s="16">
        <v>46</v>
      </c>
      <c r="D92" s="17">
        <v>91</v>
      </c>
    </row>
    <row r="93" spans="1:4" ht="18" customHeight="1" x14ac:dyDescent="0.2">
      <c r="A93" s="14">
        <v>72</v>
      </c>
      <c r="B93" s="15">
        <v>36</v>
      </c>
      <c r="C93" s="16">
        <v>41</v>
      </c>
      <c r="D93" s="17">
        <v>77</v>
      </c>
    </row>
    <row r="94" spans="1:4" ht="18" customHeight="1" x14ac:dyDescent="0.2">
      <c r="A94" s="14">
        <v>73</v>
      </c>
      <c r="B94" s="15">
        <v>23</v>
      </c>
      <c r="C94" s="16">
        <v>28</v>
      </c>
      <c r="D94" s="17">
        <v>51</v>
      </c>
    </row>
    <row r="95" spans="1:4" ht="18" customHeight="1" x14ac:dyDescent="0.2">
      <c r="A95" s="14">
        <v>74</v>
      </c>
      <c r="B95" s="15">
        <v>20</v>
      </c>
      <c r="C95" s="16">
        <v>20</v>
      </c>
      <c r="D95" s="17">
        <v>40</v>
      </c>
    </row>
    <row r="96" spans="1:4" ht="18" customHeight="1" x14ac:dyDescent="0.2">
      <c r="A96" s="18" t="s">
        <v>64</v>
      </c>
      <c r="B96" s="15">
        <v>163</v>
      </c>
      <c r="C96" s="16">
        <v>173</v>
      </c>
      <c r="D96" s="17">
        <v>336</v>
      </c>
    </row>
    <row r="97" spans="1:4" ht="18" customHeight="1" x14ac:dyDescent="0.2">
      <c r="A97" s="14">
        <v>75</v>
      </c>
      <c r="B97" s="15">
        <v>23</v>
      </c>
      <c r="C97" s="16">
        <v>33</v>
      </c>
      <c r="D97" s="17">
        <v>56</v>
      </c>
    </row>
    <row r="98" spans="1:4" ht="18" customHeight="1" x14ac:dyDescent="0.2">
      <c r="A98" s="14">
        <v>76</v>
      </c>
      <c r="B98" s="15">
        <v>29</v>
      </c>
      <c r="C98" s="16">
        <v>41</v>
      </c>
      <c r="D98" s="17">
        <v>70</v>
      </c>
    </row>
    <row r="99" spans="1:4" ht="18" customHeight="1" x14ac:dyDescent="0.2">
      <c r="A99" s="14">
        <v>77</v>
      </c>
      <c r="B99" s="15">
        <v>21</v>
      </c>
      <c r="C99" s="16">
        <v>38</v>
      </c>
      <c r="D99" s="17">
        <v>59</v>
      </c>
    </row>
    <row r="100" spans="1:4" ht="18" customHeight="1" x14ac:dyDescent="0.2">
      <c r="A100" s="14">
        <v>78</v>
      </c>
      <c r="B100" s="15">
        <v>20</v>
      </c>
      <c r="C100" s="16">
        <v>29</v>
      </c>
      <c r="D100" s="17">
        <v>49</v>
      </c>
    </row>
    <row r="101" spans="1:4" ht="18" customHeight="1" x14ac:dyDescent="0.2">
      <c r="A101" s="14">
        <v>79</v>
      </c>
      <c r="B101" s="15">
        <v>13</v>
      </c>
      <c r="C101" s="16">
        <v>25</v>
      </c>
      <c r="D101" s="17">
        <v>38</v>
      </c>
    </row>
    <row r="102" spans="1:4" ht="18" customHeight="1" x14ac:dyDescent="0.2">
      <c r="A102" s="18" t="s">
        <v>65</v>
      </c>
      <c r="B102" s="15">
        <v>106</v>
      </c>
      <c r="C102" s="16">
        <v>166</v>
      </c>
      <c r="D102" s="17">
        <v>272</v>
      </c>
    </row>
    <row r="103" spans="1:4" ht="18" customHeight="1" x14ac:dyDescent="0.2">
      <c r="A103" s="14">
        <v>80</v>
      </c>
      <c r="B103" s="15">
        <v>23</v>
      </c>
      <c r="C103" s="16">
        <v>32</v>
      </c>
      <c r="D103" s="17">
        <v>55</v>
      </c>
    </row>
    <row r="104" spans="1:4" ht="18" customHeight="1" x14ac:dyDescent="0.2">
      <c r="A104" s="14">
        <v>81</v>
      </c>
      <c r="B104" s="15">
        <v>19</v>
      </c>
      <c r="C104" s="16">
        <v>27</v>
      </c>
      <c r="D104" s="17">
        <v>46</v>
      </c>
    </row>
    <row r="105" spans="1:4" ht="18" customHeight="1" x14ac:dyDescent="0.2">
      <c r="A105" s="14">
        <v>82</v>
      </c>
      <c r="B105" s="15">
        <v>21</v>
      </c>
      <c r="C105" s="16">
        <v>33</v>
      </c>
      <c r="D105" s="17">
        <v>54</v>
      </c>
    </row>
    <row r="106" spans="1:4" ht="18" customHeight="1" x14ac:dyDescent="0.2">
      <c r="A106" s="14">
        <v>83</v>
      </c>
      <c r="B106" s="15">
        <v>24</v>
      </c>
      <c r="C106" s="16">
        <v>35</v>
      </c>
      <c r="D106" s="17">
        <v>59</v>
      </c>
    </row>
    <row r="107" spans="1:4" ht="18" customHeight="1" x14ac:dyDescent="0.2">
      <c r="A107" s="14">
        <v>84</v>
      </c>
      <c r="B107" s="15">
        <v>19</v>
      </c>
      <c r="C107" s="16">
        <v>31</v>
      </c>
      <c r="D107" s="17">
        <v>50</v>
      </c>
    </row>
    <row r="108" spans="1:4" ht="18" customHeight="1" x14ac:dyDescent="0.2">
      <c r="A108" s="18" t="s">
        <v>66</v>
      </c>
      <c r="B108" s="15">
        <v>106</v>
      </c>
      <c r="C108" s="16">
        <v>158</v>
      </c>
      <c r="D108" s="17">
        <v>264</v>
      </c>
    </row>
    <row r="109" spans="1:4" ht="18" customHeight="1" x14ac:dyDescent="0.2">
      <c r="A109" s="14">
        <v>85</v>
      </c>
      <c r="B109" s="15">
        <v>22</v>
      </c>
      <c r="C109" s="16">
        <v>31</v>
      </c>
      <c r="D109" s="17">
        <v>53</v>
      </c>
    </row>
    <row r="110" spans="1:4" ht="18" customHeight="1" x14ac:dyDescent="0.2">
      <c r="A110" s="14">
        <v>86</v>
      </c>
      <c r="B110" s="15">
        <v>18</v>
      </c>
      <c r="C110" s="16">
        <v>25</v>
      </c>
      <c r="D110" s="17">
        <v>43</v>
      </c>
    </row>
    <row r="111" spans="1:4" ht="18" customHeight="1" x14ac:dyDescent="0.2">
      <c r="A111" s="14">
        <v>87</v>
      </c>
      <c r="B111" s="15">
        <v>16</v>
      </c>
      <c r="C111" s="16">
        <v>30</v>
      </c>
      <c r="D111" s="17">
        <v>46</v>
      </c>
    </row>
    <row r="112" spans="1:4" ht="18" customHeight="1" x14ac:dyDescent="0.2">
      <c r="A112" s="14">
        <v>88</v>
      </c>
      <c r="B112" s="15">
        <v>19</v>
      </c>
      <c r="C112" s="16">
        <v>25</v>
      </c>
      <c r="D112" s="17">
        <v>44</v>
      </c>
    </row>
    <row r="113" spans="1:4" ht="18" customHeight="1" x14ac:dyDescent="0.2">
      <c r="A113" s="14">
        <v>89</v>
      </c>
      <c r="B113" s="15">
        <v>6</v>
      </c>
      <c r="C113" s="16">
        <v>26</v>
      </c>
      <c r="D113" s="17">
        <v>32</v>
      </c>
    </row>
    <row r="114" spans="1:4" ht="18" customHeight="1" x14ac:dyDescent="0.2">
      <c r="A114" s="18" t="s">
        <v>67</v>
      </c>
      <c r="B114" s="15">
        <v>81</v>
      </c>
      <c r="C114" s="16">
        <v>137</v>
      </c>
      <c r="D114" s="17">
        <v>218</v>
      </c>
    </row>
    <row r="115" spans="1:4" ht="18" customHeight="1" x14ac:dyDescent="0.2">
      <c r="A115" s="14">
        <v>90</v>
      </c>
      <c r="B115" s="15">
        <v>11</v>
      </c>
      <c r="C115" s="16">
        <v>21</v>
      </c>
      <c r="D115" s="17">
        <v>32</v>
      </c>
    </row>
    <row r="116" spans="1:4" ht="18" customHeight="1" x14ac:dyDescent="0.2">
      <c r="A116" s="14">
        <v>91</v>
      </c>
      <c r="B116" s="15">
        <v>7</v>
      </c>
      <c r="C116" s="16">
        <v>17</v>
      </c>
      <c r="D116" s="17">
        <v>24</v>
      </c>
    </row>
    <row r="117" spans="1:4" ht="18" customHeight="1" x14ac:dyDescent="0.2">
      <c r="A117" s="14">
        <v>92</v>
      </c>
      <c r="B117" s="15">
        <v>5</v>
      </c>
      <c r="C117" s="16">
        <v>14</v>
      </c>
      <c r="D117" s="17">
        <v>19</v>
      </c>
    </row>
    <row r="118" spans="1:4" ht="18" customHeight="1" x14ac:dyDescent="0.2">
      <c r="A118" s="14">
        <v>93</v>
      </c>
      <c r="B118" s="15">
        <v>6</v>
      </c>
      <c r="C118" s="16">
        <v>11</v>
      </c>
      <c r="D118" s="17">
        <v>17</v>
      </c>
    </row>
    <row r="119" spans="1:4" ht="18" customHeight="1" x14ac:dyDescent="0.2">
      <c r="A119" s="14">
        <v>94</v>
      </c>
      <c r="B119" s="15">
        <v>1</v>
      </c>
      <c r="C119" s="16">
        <v>13</v>
      </c>
      <c r="D119" s="17">
        <v>14</v>
      </c>
    </row>
    <row r="120" spans="1:4" ht="18" customHeight="1" x14ac:dyDescent="0.2">
      <c r="A120" s="18" t="s">
        <v>68</v>
      </c>
      <c r="B120" s="15">
        <v>30</v>
      </c>
      <c r="C120" s="16">
        <v>76</v>
      </c>
      <c r="D120" s="17">
        <v>106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655</v>
      </c>
      <c r="C130" s="5">
        <v>888</v>
      </c>
      <c r="D130" s="6">
        <v>1543</v>
      </c>
    </row>
    <row r="131" spans="1:4" ht="18" customHeight="1" x14ac:dyDescent="0.2">
      <c r="A131" s="20" t="s">
        <v>47</v>
      </c>
      <c r="B131" s="7">
        <v>2050</v>
      </c>
      <c r="C131" s="8">
        <v>2185</v>
      </c>
      <c r="D131" s="9">
        <v>42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3</v>
      </c>
      <c r="C6" s="28">
        <v>3</v>
      </c>
      <c r="D6" s="29">
        <v>6</v>
      </c>
    </row>
    <row r="7" spans="1:4" ht="18" customHeight="1" x14ac:dyDescent="0.2">
      <c r="A7" s="31">
        <v>2</v>
      </c>
      <c r="B7" s="35">
        <v>5</v>
      </c>
      <c r="C7" s="28">
        <v>2</v>
      </c>
      <c r="D7" s="29">
        <v>7</v>
      </c>
    </row>
    <row r="8" spans="1:4" ht="18" customHeight="1" x14ac:dyDescent="0.2">
      <c r="A8" s="31">
        <v>3</v>
      </c>
      <c r="B8" s="35">
        <v>5</v>
      </c>
      <c r="C8" s="28">
        <v>3</v>
      </c>
      <c r="D8" s="29">
        <v>8</v>
      </c>
    </row>
    <row r="9" spans="1:4" ht="18" customHeight="1" x14ac:dyDescent="0.2">
      <c r="A9" s="31">
        <v>4</v>
      </c>
      <c r="B9" s="36">
        <v>1</v>
      </c>
      <c r="C9" s="38">
        <v>5</v>
      </c>
      <c r="D9" s="40">
        <v>6</v>
      </c>
    </row>
    <row r="10" spans="1:4" ht="18" customHeight="1" x14ac:dyDescent="0.2">
      <c r="A10" s="31" t="s">
        <v>48</v>
      </c>
      <c r="B10" s="27">
        <v>15</v>
      </c>
      <c r="C10" s="28">
        <v>14</v>
      </c>
      <c r="D10" s="29">
        <v>29</v>
      </c>
    </row>
    <row r="11" spans="1:4" ht="18" customHeight="1" x14ac:dyDescent="0.2">
      <c r="A11" s="31">
        <v>5</v>
      </c>
      <c r="B11" s="35">
        <v>7</v>
      </c>
      <c r="C11" s="28">
        <v>10</v>
      </c>
      <c r="D11" s="29">
        <v>17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9</v>
      </c>
      <c r="C13" s="28">
        <v>6</v>
      </c>
      <c r="D13" s="29">
        <v>15</v>
      </c>
    </row>
    <row r="14" spans="1:4" ht="18" customHeight="1" x14ac:dyDescent="0.2">
      <c r="A14" s="31">
        <v>8</v>
      </c>
      <c r="B14" s="35">
        <v>6</v>
      </c>
      <c r="C14" s="28">
        <v>7</v>
      </c>
      <c r="D14" s="29">
        <v>13</v>
      </c>
    </row>
    <row r="15" spans="1:4" ht="18" customHeight="1" x14ac:dyDescent="0.2">
      <c r="A15" s="31">
        <v>9</v>
      </c>
      <c r="B15" s="35">
        <v>5</v>
      </c>
      <c r="C15" s="28">
        <v>10</v>
      </c>
      <c r="D15" s="29">
        <v>15</v>
      </c>
    </row>
    <row r="16" spans="1:4" ht="18" customHeight="1" x14ac:dyDescent="0.2">
      <c r="A16" s="31" t="s">
        <v>49</v>
      </c>
      <c r="B16" s="27">
        <v>29</v>
      </c>
      <c r="C16" s="28">
        <v>36</v>
      </c>
      <c r="D16" s="29">
        <v>65</v>
      </c>
    </row>
    <row r="17" spans="1:4" ht="18" customHeight="1" x14ac:dyDescent="0.2">
      <c r="A17" s="31">
        <v>10</v>
      </c>
      <c r="B17" s="27">
        <v>8</v>
      </c>
      <c r="C17" s="28">
        <v>4</v>
      </c>
      <c r="D17" s="29">
        <v>12</v>
      </c>
    </row>
    <row r="18" spans="1:4" ht="18" customHeight="1" x14ac:dyDescent="0.2">
      <c r="A18" s="31">
        <v>11</v>
      </c>
      <c r="B18" s="27">
        <v>4</v>
      </c>
      <c r="C18" s="28">
        <v>6</v>
      </c>
      <c r="D18" s="29">
        <v>10</v>
      </c>
    </row>
    <row r="19" spans="1:4" ht="18" customHeight="1" x14ac:dyDescent="0.2">
      <c r="A19" s="31">
        <v>12</v>
      </c>
      <c r="B19" s="27">
        <v>9</v>
      </c>
      <c r="C19" s="28">
        <v>5</v>
      </c>
      <c r="D19" s="29">
        <v>14</v>
      </c>
    </row>
    <row r="20" spans="1:4" ht="18" customHeight="1" x14ac:dyDescent="0.2">
      <c r="A20" s="31">
        <v>13</v>
      </c>
      <c r="B20" s="27">
        <v>8</v>
      </c>
      <c r="C20" s="28">
        <v>4</v>
      </c>
      <c r="D20" s="29">
        <v>12</v>
      </c>
    </row>
    <row r="21" spans="1:4" ht="18" customHeight="1" x14ac:dyDescent="0.2">
      <c r="A21" s="31">
        <v>14</v>
      </c>
      <c r="B21" s="27">
        <v>6</v>
      </c>
      <c r="C21" s="28">
        <v>3</v>
      </c>
      <c r="D21" s="29">
        <v>9</v>
      </c>
    </row>
    <row r="22" spans="1:4" ht="18" customHeight="1" x14ac:dyDescent="0.2">
      <c r="A22" s="31" t="s">
        <v>50</v>
      </c>
      <c r="B22" s="27">
        <v>35</v>
      </c>
      <c r="C22" s="28">
        <v>22</v>
      </c>
      <c r="D22" s="29">
        <v>57</v>
      </c>
    </row>
    <row r="23" spans="1:4" ht="18" customHeight="1" x14ac:dyDescent="0.2">
      <c r="A23" s="31" t="s">
        <v>51</v>
      </c>
      <c r="B23" s="27">
        <v>79</v>
      </c>
      <c r="C23" s="28">
        <v>72</v>
      </c>
      <c r="D23" s="29">
        <v>151</v>
      </c>
    </row>
    <row r="24" spans="1:4" ht="18" customHeight="1" x14ac:dyDescent="0.2">
      <c r="A24" s="31">
        <v>15</v>
      </c>
      <c r="B24" s="27">
        <v>7</v>
      </c>
      <c r="C24" s="28">
        <v>11</v>
      </c>
      <c r="D24" s="29">
        <v>18</v>
      </c>
    </row>
    <row r="25" spans="1:4" ht="18" customHeight="1" x14ac:dyDescent="0.2">
      <c r="A25" s="31">
        <v>16</v>
      </c>
      <c r="B25" s="27">
        <v>4</v>
      </c>
      <c r="C25" s="28">
        <v>1</v>
      </c>
      <c r="D25" s="29">
        <v>5</v>
      </c>
    </row>
    <row r="26" spans="1:4" ht="18" customHeight="1" x14ac:dyDescent="0.2">
      <c r="A26" s="31">
        <v>17</v>
      </c>
      <c r="B26" s="27">
        <v>2</v>
      </c>
      <c r="C26" s="28">
        <v>6</v>
      </c>
      <c r="D26" s="29">
        <v>8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6</v>
      </c>
      <c r="C28" s="28">
        <v>1</v>
      </c>
      <c r="D28" s="29">
        <v>7</v>
      </c>
    </row>
    <row r="29" spans="1:4" ht="18" customHeight="1" x14ac:dyDescent="0.2">
      <c r="A29" s="31" t="s">
        <v>52</v>
      </c>
      <c r="B29" s="27">
        <v>24</v>
      </c>
      <c r="C29" s="28">
        <v>21</v>
      </c>
      <c r="D29" s="29">
        <v>45</v>
      </c>
    </row>
    <row r="30" spans="1:4" ht="18" customHeight="1" x14ac:dyDescent="0.2">
      <c r="A30" s="31">
        <v>20</v>
      </c>
      <c r="B30" s="27">
        <v>5</v>
      </c>
      <c r="C30" s="28">
        <v>6</v>
      </c>
      <c r="D30" s="29">
        <v>11</v>
      </c>
    </row>
    <row r="31" spans="1:4" ht="18" customHeight="1" x14ac:dyDescent="0.2">
      <c r="A31" s="31">
        <v>21</v>
      </c>
      <c r="B31" s="27">
        <v>5</v>
      </c>
      <c r="C31" s="28">
        <v>4</v>
      </c>
      <c r="D31" s="29">
        <v>9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7</v>
      </c>
      <c r="C33" s="28">
        <v>4</v>
      </c>
      <c r="D33" s="29">
        <v>11</v>
      </c>
    </row>
    <row r="34" spans="1:4" ht="18" customHeight="1" x14ac:dyDescent="0.2">
      <c r="A34" s="31">
        <v>24</v>
      </c>
      <c r="B34" s="27">
        <v>5</v>
      </c>
      <c r="C34" s="28">
        <v>6</v>
      </c>
      <c r="D34" s="29">
        <v>11</v>
      </c>
    </row>
    <row r="35" spans="1:4" ht="18" customHeight="1" x14ac:dyDescent="0.2">
      <c r="A35" s="31" t="s">
        <v>53</v>
      </c>
      <c r="B35" s="27">
        <v>28</v>
      </c>
      <c r="C35" s="28">
        <v>26</v>
      </c>
      <c r="D35" s="29">
        <v>54</v>
      </c>
    </row>
    <row r="36" spans="1:4" ht="18" customHeight="1" x14ac:dyDescent="0.2">
      <c r="A36" s="31">
        <v>25</v>
      </c>
      <c r="B36" s="27">
        <v>6</v>
      </c>
      <c r="C36" s="28">
        <v>3</v>
      </c>
      <c r="D36" s="29">
        <v>9</v>
      </c>
    </row>
    <row r="37" spans="1:4" ht="18" customHeight="1" x14ac:dyDescent="0.2">
      <c r="A37" s="31">
        <v>26</v>
      </c>
      <c r="B37" s="27">
        <v>9</v>
      </c>
      <c r="C37" s="28">
        <v>7</v>
      </c>
      <c r="D37" s="29">
        <v>16</v>
      </c>
    </row>
    <row r="38" spans="1:4" ht="18" customHeight="1" x14ac:dyDescent="0.2">
      <c r="A38" s="31">
        <v>27</v>
      </c>
      <c r="B38" s="27">
        <v>6</v>
      </c>
      <c r="C38" s="28">
        <v>5</v>
      </c>
      <c r="D38" s="29">
        <v>11</v>
      </c>
    </row>
    <row r="39" spans="1:4" ht="18" customHeight="1" x14ac:dyDescent="0.2">
      <c r="A39" s="31">
        <v>28</v>
      </c>
      <c r="B39" s="27">
        <v>4</v>
      </c>
      <c r="C39" s="28">
        <v>4</v>
      </c>
      <c r="D39" s="29">
        <v>8</v>
      </c>
    </row>
    <row r="40" spans="1:4" ht="18" customHeight="1" x14ac:dyDescent="0.2">
      <c r="A40" s="31">
        <v>29</v>
      </c>
      <c r="B40" s="27">
        <v>9</v>
      </c>
      <c r="C40" s="28">
        <v>3</v>
      </c>
      <c r="D40" s="29">
        <v>12</v>
      </c>
    </row>
    <row r="41" spans="1:4" ht="18" customHeight="1" x14ac:dyDescent="0.2">
      <c r="A41" s="31" t="s">
        <v>54</v>
      </c>
      <c r="B41" s="27">
        <v>34</v>
      </c>
      <c r="C41" s="28">
        <v>22</v>
      </c>
      <c r="D41" s="29">
        <v>56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5</v>
      </c>
      <c r="C43" s="28">
        <v>2</v>
      </c>
      <c r="D43" s="29">
        <v>7</v>
      </c>
    </row>
    <row r="44" spans="1:4" ht="18" customHeight="1" x14ac:dyDescent="0.2">
      <c r="A44" s="31">
        <v>32</v>
      </c>
      <c r="B44" s="27">
        <v>5</v>
      </c>
      <c r="C44" s="28">
        <v>4</v>
      </c>
      <c r="D44" s="29">
        <v>9</v>
      </c>
    </row>
    <row r="45" spans="1:4" ht="18" customHeight="1" x14ac:dyDescent="0.2">
      <c r="A45" s="31">
        <v>33</v>
      </c>
      <c r="B45" s="27">
        <v>3</v>
      </c>
      <c r="C45" s="28">
        <v>4</v>
      </c>
      <c r="D45" s="29">
        <v>7</v>
      </c>
    </row>
    <row r="46" spans="1:4" ht="18" customHeight="1" x14ac:dyDescent="0.2">
      <c r="A46" s="31">
        <v>34</v>
      </c>
      <c r="B46" s="27">
        <v>3</v>
      </c>
      <c r="C46" s="28">
        <v>4</v>
      </c>
      <c r="D46" s="29">
        <v>7</v>
      </c>
    </row>
    <row r="47" spans="1:4" ht="18" customHeight="1" x14ac:dyDescent="0.2">
      <c r="A47" s="31" t="s">
        <v>55</v>
      </c>
      <c r="B47" s="27">
        <v>21</v>
      </c>
      <c r="C47" s="28">
        <v>19</v>
      </c>
      <c r="D47" s="29">
        <v>40</v>
      </c>
    </row>
    <row r="48" spans="1:4" ht="18" customHeight="1" x14ac:dyDescent="0.2">
      <c r="A48" s="31">
        <v>35</v>
      </c>
      <c r="B48" s="27">
        <v>6</v>
      </c>
      <c r="C48" s="28">
        <v>8</v>
      </c>
      <c r="D48" s="29">
        <v>14</v>
      </c>
    </row>
    <row r="49" spans="1:4" ht="18" customHeight="1" x14ac:dyDescent="0.2">
      <c r="A49" s="31">
        <v>36</v>
      </c>
      <c r="B49" s="27">
        <v>7</v>
      </c>
      <c r="C49" s="28">
        <v>9</v>
      </c>
      <c r="D49" s="29">
        <v>16</v>
      </c>
    </row>
    <row r="50" spans="1:4" ht="18" customHeight="1" x14ac:dyDescent="0.2">
      <c r="A50" s="31">
        <v>37</v>
      </c>
      <c r="B50" s="27">
        <v>8</v>
      </c>
      <c r="C50" s="28">
        <v>4</v>
      </c>
      <c r="D50" s="29">
        <v>12</v>
      </c>
    </row>
    <row r="51" spans="1:4" ht="18" customHeight="1" x14ac:dyDescent="0.2">
      <c r="A51" s="31">
        <v>38</v>
      </c>
      <c r="B51" s="27">
        <v>7</v>
      </c>
      <c r="C51" s="28">
        <v>5</v>
      </c>
      <c r="D51" s="29">
        <v>12</v>
      </c>
    </row>
    <row r="52" spans="1:4" ht="18" customHeight="1" x14ac:dyDescent="0.2">
      <c r="A52" s="31">
        <v>39</v>
      </c>
      <c r="B52" s="27">
        <v>6</v>
      </c>
      <c r="C52" s="28">
        <v>9</v>
      </c>
      <c r="D52" s="29">
        <v>15</v>
      </c>
    </row>
    <row r="53" spans="1:4" ht="18" customHeight="1" x14ac:dyDescent="0.2">
      <c r="A53" s="31" t="s">
        <v>56</v>
      </c>
      <c r="B53" s="27">
        <v>34</v>
      </c>
      <c r="C53" s="28">
        <v>35</v>
      </c>
      <c r="D53" s="29">
        <v>69</v>
      </c>
    </row>
    <row r="54" spans="1:4" ht="18" customHeight="1" x14ac:dyDescent="0.2">
      <c r="A54" s="31">
        <v>40</v>
      </c>
      <c r="B54" s="27">
        <v>6</v>
      </c>
      <c r="C54" s="28">
        <v>11</v>
      </c>
      <c r="D54" s="29">
        <v>17</v>
      </c>
    </row>
    <row r="55" spans="1:4" ht="18" customHeight="1" x14ac:dyDescent="0.2">
      <c r="A55" s="31">
        <v>41</v>
      </c>
      <c r="B55" s="27">
        <v>16</v>
      </c>
      <c r="C55" s="28">
        <v>5</v>
      </c>
      <c r="D55" s="29">
        <v>21</v>
      </c>
    </row>
    <row r="56" spans="1:4" ht="18" customHeight="1" x14ac:dyDescent="0.2">
      <c r="A56" s="31">
        <v>42</v>
      </c>
      <c r="B56" s="27">
        <v>9</v>
      </c>
      <c r="C56" s="28">
        <v>6</v>
      </c>
      <c r="D56" s="29">
        <v>15</v>
      </c>
    </row>
    <row r="57" spans="1:4" ht="18" customHeight="1" x14ac:dyDescent="0.2">
      <c r="A57" s="31">
        <v>43</v>
      </c>
      <c r="B57" s="27">
        <v>5</v>
      </c>
      <c r="C57" s="28">
        <v>9</v>
      </c>
      <c r="D57" s="29">
        <v>14</v>
      </c>
    </row>
    <row r="58" spans="1:4" ht="18" customHeight="1" x14ac:dyDescent="0.2">
      <c r="A58" s="31">
        <v>44</v>
      </c>
      <c r="B58" s="27">
        <v>10</v>
      </c>
      <c r="C58" s="28">
        <v>6</v>
      </c>
      <c r="D58" s="29">
        <v>16</v>
      </c>
    </row>
    <row r="59" spans="1:4" ht="18" customHeight="1" x14ac:dyDescent="0.2">
      <c r="A59" s="31" t="s">
        <v>57</v>
      </c>
      <c r="B59" s="27">
        <v>46</v>
      </c>
      <c r="C59" s="28">
        <v>37</v>
      </c>
      <c r="D59" s="29">
        <v>83</v>
      </c>
    </row>
    <row r="60" spans="1:4" ht="18" customHeight="1" x14ac:dyDescent="0.2">
      <c r="A60" s="31">
        <v>45</v>
      </c>
      <c r="B60" s="27">
        <v>15</v>
      </c>
      <c r="C60" s="28">
        <v>7</v>
      </c>
      <c r="D60" s="29">
        <v>22</v>
      </c>
    </row>
    <row r="61" spans="1:4" ht="18" customHeight="1" x14ac:dyDescent="0.2">
      <c r="A61" s="31">
        <v>46</v>
      </c>
      <c r="B61" s="27">
        <v>13</v>
      </c>
      <c r="C61" s="28">
        <v>10</v>
      </c>
      <c r="D61" s="29">
        <v>23</v>
      </c>
    </row>
    <row r="62" spans="1:4" ht="18" customHeight="1" x14ac:dyDescent="0.2">
      <c r="A62" s="31">
        <v>47</v>
      </c>
      <c r="B62" s="27">
        <v>6</v>
      </c>
      <c r="C62" s="28">
        <v>6</v>
      </c>
      <c r="D62" s="29">
        <v>12</v>
      </c>
    </row>
    <row r="63" spans="1:4" ht="18" customHeight="1" x14ac:dyDescent="0.2">
      <c r="A63" s="31">
        <v>48</v>
      </c>
      <c r="B63" s="27">
        <v>6</v>
      </c>
      <c r="C63" s="28">
        <v>3</v>
      </c>
      <c r="D63" s="29">
        <v>9</v>
      </c>
    </row>
    <row r="64" spans="1:4" ht="18" customHeight="1" x14ac:dyDescent="0.2">
      <c r="A64" s="31">
        <v>49</v>
      </c>
      <c r="B64" s="27">
        <v>6</v>
      </c>
      <c r="C64" s="28">
        <v>7</v>
      </c>
      <c r="D64" s="29">
        <v>13</v>
      </c>
    </row>
    <row r="65" spans="1:4" ht="18" customHeight="1" x14ac:dyDescent="0.2">
      <c r="A65" s="31" t="s">
        <v>58</v>
      </c>
      <c r="B65" s="27">
        <v>46</v>
      </c>
      <c r="C65" s="28">
        <v>33</v>
      </c>
      <c r="D65" s="29">
        <v>79</v>
      </c>
    </row>
    <row r="66" spans="1:4" ht="18" customHeight="1" x14ac:dyDescent="0.2">
      <c r="A66" s="31">
        <v>50</v>
      </c>
      <c r="B66" s="27">
        <v>8</v>
      </c>
      <c r="C66" s="28">
        <v>7</v>
      </c>
      <c r="D66" s="29">
        <v>15</v>
      </c>
    </row>
    <row r="67" spans="1:4" ht="18" customHeight="1" x14ac:dyDescent="0.2">
      <c r="A67" s="31">
        <v>51</v>
      </c>
      <c r="B67" s="27">
        <v>7</v>
      </c>
      <c r="C67" s="28">
        <v>12</v>
      </c>
      <c r="D67" s="29">
        <v>19</v>
      </c>
    </row>
    <row r="68" spans="1:4" ht="18" customHeight="1" x14ac:dyDescent="0.2">
      <c r="A68" s="31">
        <v>52</v>
      </c>
      <c r="B68" s="27">
        <v>8</v>
      </c>
      <c r="C68" s="28">
        <v>12</v>
      </c>
      <c r="D68" s="29">
        <v>20</v>
      </c>
    </row>
    <row r="69" spans="1:4" ht="18" customHeight="1" x14ac:dyDescent="0.2">
      <c r="A69" s="31">
        <v>53</v>
      </c>
      <c r="B69" s="27">
        <v>8</v>
      </c>
      <c r="C69" s="28">
        <v>14</v>
      </c>
      <c r="D69" s="29">
        <v>22</v>
      </c>
    </row>
    <row r="70" spans="1:4" ht="18" customHeight="1" x14ac:dyDescent="0.2">
      <c r="A70" s="31">
        <v>54</v>
      </c>
      <c r="B70" s="27">
        <v>11</v>
      </c>
      <c r="C70" s="28">
        <v>11</v>
      </c>
      <c r="D70" s="29">
        <v>22</v>
      </c>
    </row>
    <row r="71" spans="1:4" ht="18" customHeight="1" x14ac:dyDescent="0.2">
      <c r="A71" s="31" t="s">
        <v>59</v>
      </c>
      <c r="B71" s="27">
        <v>42</v>
      </c>
      <c r="C71" s="28">
        <v>56</v>
      </c>
      <c r="D71" s="29">
        <v>98</v>
      </c>
    </row>
    <row r="72" spans="1:4" ht="18" customHeight="1" x14ac:dyDescent="0.2">
      <c r="A72" s="31">
        <v>55</v>
      </c>
      <c r="B72" s="27">
        <v>5</v>
      </c>
      <c r="C72" s="28">
        <v>8</v>
      </c>
      <c r="D72" s="29">
        <v>13</v>
      </c>
    </row>
    <row r="73" spans="1:4" ht="18" customHeight="1" x14ac:dyDescent="0.2">
      <c r="A73" s="31">
        <v>56</v>
      </c>
      <c r="B73" s="27">
        <v>8</v>
      </c>
      <c r="C73" s="28">
        <v>11</v>
      </c>
      <c r="D73" s="29">
        <v>19</v>
      </c>
    </row>
    <row r="74" spans="1:4" ht="18" customHeight="1" x14ac:dyDescent="0.2">
      <c r="A74" s="31">
        <v>57</v>
      </c>
      <c r="B74" s="27">
        <v>8</v>
      </c>
      <c r="C74" s="28">
        <v>11</v>
      </c>
      <c r="D74" s="29">
        <v>19</v>
      </c>
    </row>
    <row r="75" spans="1:4" ht="18" customHeight="1" x14ac:dyDescent="0.2">
      <c r="A75" s="31">
        <v>58</v>
      </c>
      <c r="B75" s="27">
        <v>9</v>
      </c>
      <c r="C75" s="28">
        <v>6</v>
      </c>
      <c r="D75" s="29">
        <v>15</v>
      </c>
    </row>
    <row r="76" spans="1:4" ht="18" customHeight="1" x14ac:dyDescent="0.2">
      <c r="A76" s="31">
        <v>59</v>
      </c>
      <c r="B76" s="27">
        <v>10</v>
      </c>
      <c r="C76" s="28">
        <v>5</v>
      </c>
      <c r="D76" s="29">
        <v>15</v>
      </c>
    </row>
    <row r="77" spans="1:4" ht="18" customHeight="1" x14ac:dyDescent="0.2">
      <c r="A77" s="31" t="s">
        <v>60</v>
      </c>
      <c r="B77" s="27">
        <v>40</v>
      </c>
      <c r="C77" s="28">
        <v>41</v>
      </c>
      <c r="D77" s="29">
        <v>81</v>
      </c>
    </row>
    <row r="78" spans="1:4" ht="18" customHeight="1" x14ac:dyDescent="0.2">
      <c r="A78" s="31">
        <v>60</v>
      </c>
      <c r="B78" s="27">
        <v>12</v>
      </c>
      <c r="C78" s="28">
        <v>7</v>
      </c>
      <c r="D78" s="29">
        <v>19</v>
      </c>
    </row>
    <row r="79" spans="1:4" ht="18" customHeight="1" x14ac:dyDescent="0.2">
      <c r="A79" s="31">
        <v>61</v>
      </c>
      <c r="B79" s="27">
        <v>8</v>
      </c>
      <c r="C79" s="28">
        <v>10</v>
      </c>
      <c r="D79" s="29">
        <v>18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5</v>
      </c>
      <c r="C81" s="28">
        <v>5</v>
      </c>
      <c r="D81" s="29">
        <v>10</v>
      </c>
    </row>
    <row r="82" spans="1:4" ht="18" customHeight="1" x14ac:dyDescent="0.2">
      <c r="A82" s="31">
        <v>64</v>
      </c>
      <c r="B82" s="27">
        <v>9</v>
      </c>
      <c r="C82" s="28">
        <v>9</v>
      </c>
      <c r="D82" s="29">
        <v>18</v>
      </c>
    </row>
    <row r="83" spans="1:4" ht="18" customHeight="1" x14ac:dyDescent="0.2">
      <c r="A83" s="31" t="s">
        <v>61</v>
      </c>
      <c r="B83" s="27">
        <v>40</v>
      </c>
      <c r="C83" s="28">
        <v>38</v>
      </c>
      <c r="D83" s="29">
        <v>78</v>
      </c>
    </row>
    <row r="84" spans="1:4" ht="18" customHeight="1" x14ac:dyDescent="0.2">
      <c r="A84" s="31" t="s">
        <v>62</v>
      </c>
      <c r="B84" s="27">
        <v>355</v>
      </c>
      <c r="C84" s="28">
        <v>328</v>
      </c>
      <c r="D84" s="29">
        <v>683</v>
      </c>
    </row>
    <row r="85" spans="1:4" ht="18" customHeight="1" x14ac:dyDescent="0.2">
      <c r="A85" s="31">
        <v>65</v>
      </c>
      <c r="B85" s="27">
        <v>18</v>
      </c>
      <c r="C85" s="28">
        <v>13</v>
      </c>
      <c r="D85" s="29">
        <v>31</v>
      </c>
    </row>
    <row r="86" spans="1:4" ht="18" customHeight="1" x14ac:dyDescent="0.2">
      <c r="A86" s="31">
        <v>66</v>
      </c>
      <c r="B86" s="27">
        <v>13</v>
      </c>
      <c r="C86" s="28">
        <v>16</v>
      </c>
      <c r="D86" s="29">
        <v>29</v>
      </c>
    </row>
    <row r="87" spans="1:4" ht="18" customHeight="1" x14ac:dyDescent="0.2">
      <c r="A87" s="31">
        <v>67</v>
      </c>
      <c r="B87" s="27">
        <v>8</v>
      </c>
      <c r="C87" s="28">
        <v>21</v>
      </c>
      <c r="D87" s="29">
        <v>29</v>
      </c>
    </row>
    <row r="88" spans="1:4" ht="18" customHeight="1" x14ac:dyDescent="0.2">
      <c r="A88" s="31">
        <v>68</v>
      </c>
      <c r="B88" s="27">
        <v>12</v>
      </c>
      <c r="C88" s="28">
        <v>11</v>
      </c>
      <c r="D88" s="29">
        <v>23</v>
      </c>
    </row>
    <row r="89" spans="1:4" ht="18" customHeight="1" x14ac:dyDescent="0.2">
      <c r="A89" s="31">
        <v>69</v>
      </c>
      <c r="B89" s="27">
        <v>13</v>
      </c>
      <c r="C89" s="28">
        <v>13</v>
      </c>
      <c r="D89" s="29">
        <v>26</v>
      </c>
    </row>
    <row r="90" spans="1:4" ht="18" customHeight="1" x14ac:dyDescent="0.2">
      <c r="A90" s="31" t="s">
        <v>63</v>
      </c>
      <c r="B90" s="27">
        <v>64</v>
      </c>
      <c r="C90" s="28">
        <v>74</v>
      </c>
      <c r="D90" s="29">
        <v>138</v>
      </c>
    </row>
    <row r="91" spans="1:4" ht="18" customHeight="1" x14ac:dyDescent="0.2">
      <c r="A91" s="31">
        <v>70</v>
      </c>
      <c r="B91" s="27">
        <v>17</v>
      </c>
      <c r="C91" s="28">
        <v>16</v>
      </c>
      <c r="D91" s="29">
        <v>33</v>
      </c>
    </row>
    <row r="92" spans="1:4" ht="18" customHeight="1" x14ac:dyDescent="0.2">
      <c r="A92" s="31">
        <v>71</v>
      </c>
      <c r="B92" s="27">
        <v>24</v>
      </c>
      <c r="C92" s="28">
        <v>18</v>
      </c>
      <c r="D92" s="29">
        <v>42</v>
      </c>
    </row>
    <row r="93" spans="1:4" ht="18" customHeight="1" x14ac:dyDescent="0.2">
      <c r="A93" s="31">
        <v>72</v>
      </c>
      <c r="B93" s="27">
        <v>15</v>
      </c>
      <c r="C93" s="28">
        <v>10</v>
      </c>
      <c r="D93" s="29">
        <v>25</v>
      </c>
    </row>
    <row r="94" spans="1:4" ht="18" customHeight="1" x14ac:dyDescent="0.2">
      <c r="A94" s="31">
        <v>73</v>
      </c>
      <c r="B94" s="27">
        <v>11</v>
      </c>
      <c r="C94" s="28">
        <v>4</v>
      </c>
      <c r="D94" s="29">
        <v>15</v>
      </c>
    </row>
    <row r="95" spans="1:4" ht="18" customHeight="1" x14ac:dyDescent="0.2">
      <c r="A95" s="31">
        <v>74</v>
      </c>
      <c r="B95" s="27">
        <v>9</v>
      </c>
      <c r="C95" s="28">
        <v>5</v>
      </c>
      <c r="D95" s="29">
        <v>14</v>
      </c>
    </row>
    <row r="96" spans="1:4" ht="18" customHeight="1" x14ac:dyDescent="0.2">
      <c r="A96" s="31" t="s">
        <v>64</v>
      </c>
      <c r="B96" s="27">
        <v>76</v>
      </c>
      <c r="C96" s="28">
        <v>53</v>
      </c>
      <c r="D96" s="29">
        <v>129</v>
      </c>
    </row>
    <row r="97" spans="1:4" ht="18" customHeight="1" x14ac:dyDescent="0.2">
      <c r="A97" s="31">
        <v>75</v>
      </c>
      <c r="B97" s="27">
        <v>8</v>
      </c>
      <c r="C97" s="28">
        <v>10</v>
      </c>
      <c r="D97" s="29">
        <v>18</v>
      </c>
    </row>
    <row r="98" spans="1:4" ht="18" customHeight="1" x14ac:dyDescent="0.2">
      <c r="A98" s="31">
        <v>76</v>
      </c>
      <c r="B98" s="27">
        <v>2</v>
      </c>
      <c r="C98" s="28">
        <v>7</v>
      </c>
      <c r="D98" s="29">
        <v>9</v>
      </c>
    </row>
    <row r="99" spans="1:4" ht="18" customHeight="1" x14ac:dyDescent="0.2">
      <c r="A99" s="31">
        <v>77</v>
      </c>
      <c r="B99" s="27">
        <v>8</v>
      </c>
      <c r="C99" s="28">
        <v>12</v>
      </c>
      <c r="D99" s="29">
        <v>20</v>
      </c>
    </row>
    <row r="100" spans="1:4" ht="18" customHeight="1" x14ac:dyDescent="0.2">
      <c r="A100" s="31">
        <v>78</v>
      </c>
      <c r="B100" s="27">
        <v>6</v>
      </c>
      <c r="C100" s="28">
        <v>8</v>
      </c>
      <c r="D100" s="29">
        <v>14</v>
      </c>
    </row>
    <row r="101" spans="1:4" ht="18" customHeight="1" x14ac:dyDescent="0.2">
      <c r="A101" s="31">
        <v>79</v>
      </c>
      <c r="B101" s="27">
        <v>4</v>
      </c>
      <c r="C101" s="28">
        <v>8</v>
      </c>
      <c r="D101" s="29">
        <v>12</v>
      </c>
    </row>
    <row r="102" spans="1:4" ht="18" customHeight="1" x14ac:dyDescent="0.2">
      <c r="A102" s="31" t="s">
        <v>65</v>
      </c>
      <c r="B102" s="27">
        <v>28</v>
      </c>
      <c r="C102" s="28">
        <v>45</v>
      </c>
      <c r="D102" s="29">
        <v>73</v>
      </c>
    </row>
    <row r="103" spans="1:4" ht="18" customHeight="1" x14ac:dyDescent="0.2">
      <c r="A103" s="31">
        <v>80</v>
      </c>
      <c r="B103" s="27">
        <v>8</v>
      </c>
      <c r="C103" s="28">
        <v>8</v>
      </c>
      <c r="D103" s="29">
        <v>16</v>
      </c>
    </row>
    <row r="104" spans="1:4" ht="18" customHeight="1" x14ac:dyDescent="0.2">
      <c r="A104" s="31">
        <v>81</v>
      </c>
      <c r="B104" s="27">
        <v>5</v>
      </c>
      <c r="C104" s="28">
        <v>10</v>
      </c>
      <c r="D104" s="29">
        <v>15</v>
      </c>
    </row>
    <row r="105" spans="1:4" ht="18" customHeight="1" x14ac:dyDescent="0.2">
      <c r="A105" s="31">
        <v>82</v>
      </c>
      <c r="B105" s="27">
        <v>9</v>
      </c>
      <c r="C105" s="28">
        <v>14</v>
      </c>
      <c r="D105" s="29">
        <v>23</v>
      </c>
    </row>
    <row r="106" spans="1:4" ht="18" customHeight="1" x14ac:dyDescent="0.2">
      <c r="A106" s="31">
        <v>83</v>
      </c>
      <c r="B106" s="27">
        <v>12</v>
      </c>
      <c r="C106" s="28">
        <v>19</v>
      </c>
      <c r="D106" s="29">
        <v>31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66</v>
      </c>
      <c r="B108" s="27">
        <v>40</v>
      </c>
      <c r="C108" s="28">
        <v>60</v>
      </c>
      <c r="D108" s="29">
        <v>100</v>
      </c>
    </row>
    <row r="109" spans="1:4" ht="18" customHeight="1" x14ac:dyDescent="0.2">
      <c r="A109" s="31">
        <v>85</v>
      </c>
      <c r="B109" s="27">
        <v>5</v>
      </c>
      <c r="C109" s="28">
        <v>7</v>
      </c>
      <c r="D109" s="29">
        <v>12</v>
      </c>
    </row>
    <row r="110" spans="1:4" ht="18" customHeight="1" x14ac:dyDescent="0.2">
      <c r="A110" s="31">
        <v>86</v>
      </c>
      <c r="B110" s="27">
        <v>4</v>
      </c>
      <c r="C110" s="28">
        <v>10</v>
      </c>
      <c r="D110" s="29">
        <v>14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10</v>
      </c>
      <c r="D113" s="29">
        <v>11</v>
      </c>
    </row>
    <row r="114" spans="1:4" ht="18" customHeight="1" x14ac:dyDescent="0.2">
      <c r="A114" s="31" t="s">
        <v>67</v>
      </c>
      <c r="B114" s="27">
        <v>17</v>
      </c>
      <c r="C114" s="28">
        <v>40</v>
      </c>
      <c r="D114" s="29">
        <v>57</v>
      </c>
    </row>
    <row r="115" spans="1:4" ht="18" customHeight="1" x14ac:dyDescent="0.2">
      <c r="A115" s="31">
        <v>90</v>
      </c>
      <c r="B115" s="27">
        <v>3</v>
      </c>
      <c r="C115" s="28">
        <v>8</v>
      </c>
      <c r="D115" s="29">
        <v>11</v>
      </c>
    </row>
    <row r="116" spans="1:4" ht="18" customHeight="1" x14ac:dyDescent="0.2">
      <c r="A116" s="31">
        <v>91</v>
      </c>
      <c r="B116" s="27">
        <v>2</v>
      </c>
      <c r="C116" s="28">
        <v>10</v>
      </c>
      <c r="D116" s="29">
        <v>12</v>
      </c>
    </row>
    <row r="117" spans="1:4" ht="18" customHeight="1" x14ac:dyDescent="0.2">
      <c r="A117" s="31">
        <v>92</v>
      </c>
      <c r="B117" s="27">
        <v>2</v>
      </c>
      <c r="C117" s="28">
        <v>7</v>
      </c>
      <c r="D117" s="29">
        <v>9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9</v>
      </c>
      <c r="C120" s="28">
        <v>38</v>
      </c>
      <c r="D120" s="29">
        <v>4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7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35</v>
      </c>
      <c r="C130" s="5">
        <v>319</v>
      </c>
      <c r="D130" s="6">
        <v>554</v>
      </c>
    </row>
    <row r="131" spans="1:4" ht="18" customHeight="1" x14ac:dyDescent="0.2">
      <c r="A131" s="33" t="s">
        <v>47</v>
      </c>
      <c r="B131" s="7">
        <v>669</v>
      </c>
      <c r="C131" s="8">
        <v>719</v>
      </c>
      <c r="D131" s="9">
        <v>13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</v>
      </c>
      <c r="C5" s="37">
        <v>9</v>
      </c>
      <c r="D5" s="39">
        <v>21</v>
      </c>
    </row>
    <row r="6" spans="1:4" ht="18" customHeight="1" x14ac:dyDescent="0.2">
      <c r="A6" s="31">
        <v>1</v>
      </c>
      <c r="B6" s="35">
        <v>23</v>
      </c>
      <c r="C6" s="28">
        <v>18</v>
      </c>
      <c r="D6" s="29">
        <v>41</v>
      </c>
    </row>
    <row r="7" spans="1:4" ht="18" customHeight="1" x14ac:dyDescent="0.2">
      <c r="A7" s="31">
        <v>2</v>
      </c>
      <c r="B7" s="35">
        <v>19</v>
      </c>
      <c r="C7" s="28">
        <v>16</v>
      </c>
      <c r="D7" s="29">
        <v>35</v>
      </c>
    </row>
    <row r="8" spans="1:4" ht="18" customHeight="1" x14ac:dyDescent="0.2">
      <c r="A8" s="31">
        <v>3</v>
      </c>
      <c r="B8" s="35">
        <v>23</v>
      </c>
      <c r="C8" s="28">
        <v>16</v>
      </c>
      <c r="D8" s="29">
        <v>39</v>
      </c>
    </row>
    <row r="9" spans="1:4" ht="18" customHeight="1" x14ac:dyDescent="0.2">
      <c r="A9" s="31">
        <v>4</v>
      </c>
      <c r="B9" s="36">
        <v>20</v>
      </c>
      <c r="C9" s="38">
        <v>9</v>
      </c>
      <c r="D9" s="40">
        <v>29</v>
      </c>
    </row>
    <row r="10" spans="1:4" ht="18" customHeight="1" x14ac:dyDescent="0.2">
      <c r="A10" s="31" t="s">
        <v>48</v>
      </c>
      <c r="B10" s="27">
        <v>97</v>
      </c>
      <c r="C10" s="28">
        <v>68</v>
      </c>
      <c r="D10" s="29">
        <v>165</v>
      </c>
    </row>
    <row r="11" spans="1:4" ht="18" customHeight="1" x14ac:dyDescent="0.2">
      <c r="A11" s="31">
        <v>5</v>
      </c>
      <c r="B11" s="35">
        <v>24</v>
      </c>
      <c r="C11" s="28">
        <v>20</v>
      </c>
      <c r="D11" s="29">
        <v>44</v>
      </c>
    </row>
    <row r="12" spans="1:4" ht="18" customHeight="1" x14ac:dyDescent="0.2">
      <c r="A12" s="31">
        <v>6</v>
      </c>
      <c r="B12" s="35">
        <v>25</v>
      </c>
      <c r="C12" s="28">
        <v>19</v>
      </c>
      <c r="D12" s="29">
        <v>44</v>
      </c>
    </row>
    <row r="13" spans="1:4" ht="18" customHeight="1" x14ac:dyDescent="0.2">
      <c r="A13" s="31">
        <v>7</v>
      </c>
      <c r="B13" s="35">
        <v>17</v>
      </c>
      <c r="C13" s="28">
        <v>14</v>
      </c>
      <c r="D13" s="29">
        <v>31</v>
      </c>
    </row>
    <row r="14" spans="1:4" ht="18" customHeight="1" x14ac:dyDescent="0.2">
      <c r="A14" s="31">
        <v>8</v>
      </c>
      <c r="B14" s="35">
        <v>24</v>
      </c>
      <c r="C14" s="28">
        <v>34</v>
      </c>
      <c r="D14" s="29">
        <v>58</v>
      </c>
    </row>
    <row r="15" spans="1:4" ht="18" customHeight="1" x14ac:dyDescent="0.2">
      <c r="A15" s="31">
        <v>9</v>
      </c>
      <c r="B15" s="35">
        <v>17</v>
      </c>
      <c r="C15" s="28">
        <v>12</v>
      </c>
      <c r="D15" s="29">
        <v>29</v>
      </c>
    </row>
    <row r="16" spans="1:4" ht="18" customHeight="1" x14ac:dyDescent="0.2">
      <c r="A16" s="31" t="s">
        <v>49</v>
      </c>
      <c r="B16" s="27">
        <v>107</v>
      </c>
      <c r="C16" s="28">
        <v>99</v>
      </c>
      <c r="D16" s="29">
        <v>206</v>
      </c>
    </row>
    <row r="17" spans="1:4" ht="18" customHeight="1" x14ac:dyDescent="0.2">
      <c r="A17" s="31">
        <v>10</v>
      </c>
      <c r="B17" s="27">
        <v>35</v>
      </c>
      <c r="C17" s="28">
        <v>13</v>
      </c>
      <c r="D17" s="29">
        <v>48</v>
      </c>
    </row>
    <row r="18" spans="1:4" ht="18" customHeight="1" x14ac:dyDescent="0.2">
      <c r="A18" s="31">
        <v>11</v>
      </c>
      <c r="B18" s="27">
        <v>19</v>
      </c>
      <c r="C18" s="28">
        <v>20</v>
      </c>
      <c r="D18" s="29">
        <v>39</v>
      </c>
    </row>
    <row r="19" spans="1:4" ht="18" customHeight="1" x14ac:dyDescent="0.2">
      <c r="A19" s="31">
        <v>12</v>
      </c>
      <c r="B19" s="27">
        <v>18</v>
      </c>
      <c r="C19" s="28">
        <v>24</v>
      </c>
      <c r="D19" s="29">
        <v>42</v>
      </c>
    </row>
    <row r="20" spans="1:4" ht="18" customHeight="1" x14ac:dyDescent="0.2">
      <c r="A20" s="31">
        <v>13</v>
      </c>
      <c r="B20" s="27">
        <v>20</v>
      </c>
      <c r="C20" s="28">
        <v>20</v>
      </c>
      <c r="D20" s="29">
        <v>40</v>
      </c>
    </row>
    <row r="21" spans="1:4" ht="18" customHeight="1" x14ac:dyDescent="0.2">
      <c r="A21" s="31">
        <v>14</v>
      </c>
      <c r="B21" s="27">
        <v>23</v>
      </c>
      <c r="C21" s="28">
        <v>18</v>
      </c>
      <c r="D21" s="29">
        <v>41</v>
      </c>
    </row>
    <row r="22" spans="1:4" ht="18" customHeight="1" x14ac:dyDescent="0.2">
      <c r="A22" s="31" t="s">
        <v>50</v>
      </c>
      <c r="B22" s="27">
        <v>115</v>
      </c>
      <c r="C22" s="28">
        <v>95</v>
      </c>
      <c r="D22" s="29">
        <v>210</v>
      </c>
    </row>
    <row r="23" spans="1:4" ht="18" customHeight="1" x14ac:dyDescent="0.2">
      <c r="A23" s="31" t="s">
        <v>51</v>
      </c>
      <c r="B23" s="27">
        <v>319</v>
      </c>
      <c r="C23" s="28">
        <v>262</v>
      </c>
      <c r="D23" s="29">
        <v>581</v>
      </c>
    </row>
    <row r="24" spans="1:4" ht="18" customHeight="1" x14ac:dyDescent="0.2">
      <c r="A24" s="31">
        <v>15</v>
      </c>
      <c r="B24" s="27">
        <v>22</v>
      </c>
      <c r="C24" s="28">
        <v>31</v>
      </c>
      <c r="D24" s="29">
        <v>53</v>
      </c>
    </row>
    <row r="25" spans="1:4" ht="18" customHeight="1" x14ac:dyDescent="0.2">
      <c r="A25" s="31">
        <v>16</v>
      </c>
      <c r="B25" s="27">
        <v>26</v>
      </c>
      <c r="C25" s="28">
        <v>15</v>
      </c>
      <c r="D25" s="29">
        <v>41</v>
      </c>
    </row>
    <row r="26" spans="1:4" ht="18" customHeight="1" x14ac:dyDescent="0.2">
      <c r="A26" s="31">
        <v>17</v>
      </c>
      <c r="B26" s="27">
        <v>24</v>
      </c>
      <c r="C26" s="28">
        <v>30</v>
      </c>
      <c r="D26" s="29">
        <v>54</v>
      </c>
    </row>
    <row r="27" spans="1:4" ht="18" customHeight="1" x14ac:dyDescent="0.2">
      <c r="A27" s="31">
        <v>18</v>
      </c>
      <c r="B27" s="27">
        <v>32</v>
      </c>
      <c r="C27" s="28">
        <v>24</v>
      </c>
      <c r="D27" s="29">
        <v>56</v>
      </c>
    </row>
    <row r="28" spans="1:4" ht="18" customHeight="1" x14ac:dyDescent="0.2">
      <c r="A28" s="31">
        <v>19</v>
      </c>
      <c r="B28" s="27">
        <v>34</v>
      </c>
      <c r="C28" s="28">
        <v>22</v>
      </c>
      <c r="D28" s="29">
        <v>56</v>
      </c>
    </row>
    <row r="29" spans="1:4" ht="18" customHeight="1" x14ac:dyDescent="0.2">
      <c r="A29" s="31" t="s">
        <v>52</v>
      </c>
      <c r="B29" s="27">
        <v>138</v>
      </c>
      <c r="C29" s="28">
        <v>122</v>
      </c>
      <c r="D29" s="29">
        <v>260</v>
      </c>
    </row>
    <row r="30" spans="1:4" ht="18" customHeight="1" x14ac:dyDescent="0.2">
      <c r="A30" s="31">
        <v>20</v>
      </c>
      <c r="B30" s="27">
        <v>24</v>
      </c>
      <c r="C30" s="28">
        <v>28</v>
      </c>
      <c r="D30" s="29">
        <v>52</v>
      </c>
    </row>
    <row r="31" spans="1:4" ht="18" customHeight="1" x14ac:dyDescent="0.2">
      <c r="A31" s="31">
        <v>21</v>
      </c>
      <c r="B31" s="27">
        <v>31</v>
      </c>
      <c r="C31" s="28">
        <v>26</v>
      </c>
      <c r="D31" s="29">
        <v>57</v>
      </c>
    </row>
    <row r="32" spans="1:4" ht="18" customHeight="1" x14ac:dyDescent="0.2">
      <c r="A32" s="31">
        <v>22</v>
      </c>
      <c r="B32" s="27">
        <v>24</v>
      </c>
      <c r="C32" s="28">
        <v>29</v>
      </c>
      <c r="D32" s="29">
        <v>53</v>
      </c>
    </row>
    <row r="33" spans="1:4" ht="18" customHeight="1" x14ac:dyDescent="0.2">
      <c r="A33" s="31">
        <v>23</v>
      </c>
      <c r="B33" s="27">
        <v>30</v>
      </c>
      <c r="C33" s="28">
        <v>23</v>
      </c>
      <c r="D33" s="29">
        <v>53</v>
      </c>
    </row>
    <row r="34" spans="1:4" ht="18" customHeight="1" x14ac:dyDescent="0.2">
      <c r="A34" s="31">
        <v>24</v>
      </c>
      <c r="B34" s="27">
        <v>16</v>
      </c>
      <c r="C34" s="28">
        <v>23</v>
      </c>
      <c r="D34" s="29">
        <v>39</v>
      </c>
    </row>
    <row r="35" spans="1:4" ht="18" customHeight="1" x14ac:dyDescent="0.2">
      <c r="A35" s="31" t="s">
        <v>53</v>
      </c>
      <c r="B35" s="27">
        <v>125</v>
      </c>
      <c r="C35" s="28">
        <v>129</v>
      </c>
      <c r="D35" s="29">
        <v>254</v>
      </c>
    </row>
    <row r="36" spans="1:4" ht="18" customHeight="1" x14ac:dyDescent="0.2">
      <c r="A36" s="31">
        <v>25</v>
      </c>
      <c r="B36" s="27">
        <v>12</v>
      </c>
      <c r="C36" s="28">
        <v>25</v>
      </c>
      <c r="D36" s="29">
        <v>37</v>
      </c>
    </row>
    <row r="37" spans="1:4" ht="18" customHeight="1" x14ac:dyDescent="0.2">
      <c r="A37" s="31">
        <v>26</v>
      </c>
      <c r="B37" s="27">
        <v>19</v>
      </c>
      <c r="C37" s="28">
        <v>19</v>
      </c>
      <c r="D37" s="29">
        <v>38</v>
      </c>
    </row>
    <row r="38" spans="1:4" ht="18" customHeight="1" x14ac:dyDescent="0.2">
      <c r="A38" s="31">
        <v>27</v>
      </c>
      <c r="B38" s="27">
        <v>31</v>
      </c>
      <c r="C38" s="28">
        <v>18</v>
      </c>
      <c r="D38" s="29">
        <v>49</v>
      </c>
    </row>
    <row r="39" spans="1:4" ht="18" customHeight="1" x14ac:dyDescent="0.2">
      <c r="A39" s="31">
        <v>28</v>
      </c>
      <c r="B39" s="27">
        <v>22</v>
      </c>
      <c r="C39" s="28">
        <v>23</v>
      </c>
      <c r="D39" s="29">
        <v>45</v>
      </c>
    </row>
    <row r="40" spans="1:4" ht="18" customHeight="1" x14ac:dyDescent="0.2">
      <c r="A40" s="31">
        <v>29</v>
      </c>
      <c r="B40" s="27">
        <v>19</v>
      </c>
      <c r="C40" s="28">
        <v>21</v>
      </c>
      <c r="D40" s="29">
        <v>40</v>
      </c>
    </row>
    <row r="41" spans="1:4" ht="18" customHeight="1" x14ac:dyDescent="0.2">
      <c r="A41" s="31" t="s">
        <v>54</v>
      </c>
      <c r="B41" s="27">
        <v>103</v>
      </c>
      <c r="C41" s="28">
        <v>106</v>
      </c>
      <c r="D41" s="29">
        <v>209</v>
      </c>
    </row>
    <row r="42" spans="1:4" ht="18" customHeight="1" x14ac:dyDescent="0.2">
      <c r="A42" s="31">
        <v>30</v>
      </c>
      <c r="B42" s="27">
        <v>33</v>
      </c>
      <c r="C42" s="28">
        <v>18</v>
      </c>
      <c r="D42" s="29">
        <v>51</v>
      </c>
    </row>
    <row r="43" spans="1:4" ht="18" customHeight="1" x14ac:dyDescent="0.2">
      <c r="A43" s="31">
        <v>31</v>
      </c>
      <c r="B43" s="27">
        <v>17</v>
      </c>
      <c r="C43" s="28">
        <v>28</v>
      </c>
      <c r="D43" s="29">
        <v>45</v>
      </c>
    </row>
    <row r="44" spans="1:4" ht="18" customHeight="1" x14ac:dyDescent="0.2">
      <c r="A44" s="31">
        <v>32</v>
      </c>
      <c r="B44" s="27">
        <v>22</v>
      </c>
      <c r="C44" s="28">
        <v>23</v>
      </c>
      <c r="D44" s="29">
        <v>45</v>
      </c>
    </row>
    <row r="45" spans="1:4" ht="18" customHeight="1" x14ac:dyDescent="0.2">
      <c r="A45" s="31">
        <v>33</v>
      </c>
      <c r="B45" s="27">
        <v>17</v>
      </c>
      <c r="C45" s="28">
        <v>24</v>
      </c>
      <c r="D45" s="29">
        <v>41</v>
      </c>
    </row>
    <row r="46" spans="1:4" ht="18" customHeight="1" x14ac:dyDescent="0.2">
      <c r="A46" s="31">
        <v>34</v>
      </c>
      <c r="B46" s="27">
        <v>28</v>
      </c>
      <c r="C46" s="28">
        <v>29</v>
      </c>
      <c r="D46" s="29">
        <v>57</v>
      </c>
    </row>
    <row r="47" spans="1:4" ht="18" customHeight="1" x14ac:dyDescent="0.2">
      <c r="A47" s="31" t="s">
        <v>55</v>
      </c>
      <c r="B47" s="27">
        <v>117</v>
      </c>
      <c r="C47" s="28">
        <v>122</v>
      </c>
      <c r="D47" s="29">
        <v>239</v>
      </c>
    </row>
    <row r="48" spans="1:4" ht="18" customHeight="1" x14ac:dyDescent="0.2">
      <c r="A48" s="31">
        <v>35</v>
      </c>
      <c r="B48" s="27">
        <v>28</v>
      </c>
      <c r="C48" s="28">
        <v>26</v>
      </c>
      <c r="D48" s="29">
        <v>54</v>
      </c>
    </row>
    <row r="49" spans="1:4" ht="18" customHeight="1" x14ac:dyDescent="0.2">
      <c r="A49" s="31">
        <v>36</v>
      </c>
      <c r="B49" s="27">
        <v>27</v>
      </c>
      <c r="C49" s="28">
        <v>17</v>
      </c>
      <c r="D49" s="29">
        <v>44</v>
      </c>
    </row>
    <row r="50" spans="1:4" ht="18" customHeight="1" x14ac:dyDescent="0.2">
      <c r="A50" s="31">
        <v>37</v>
      </c>
      <c r="B50" s="27">
        <v>30</v>
      </c>
      <c r="C50" s="28">
        <v>18</v>
      </c>
      <c r="D50" s="29">
        <v>48</v>
      </c>
    </row>
    <row r="51" spans="1:4" ht="18" customHeight="1" x14ac:dyDescent="0.2">
      <c r="A51" s="31">
        <v>38</v>
      </c>
      <c r="B51" s="27">
        <v>28</v>
      </c>
      <c r="C51" s="28">
        <v>31</v>
      </c>
      <c r="D51" s="29">
        <v>59</v>
      </c>
    </row>
    <row r="52" spans="1:4" ht="18" customHeight="1" x14ac:dyDescent="0.2">
      <c r="A52" s="31">
        <v>39</v>
      </c>
      <c r="B52" s="27">
        <v>24</v>
      </c>
      <c r="C52" s="28">
        <v>23</v>
      </c>
      <c r="D52" s="29">
        <v>47</v>
      </c>
    </row>
    <row r="53" spans="1:4" ht="18" customHeight="1" x14ac:dyDescent="0.2">
      <c r="A53" s="31" t="s">
        <v>56</v>
      </c>
      <c r="B53" s="27">
        <v>137</v>
      </c>
      <c r="C53" s="28">
        <v>115</v>
      </c>
      <c r="D53" s="29">
        <v>252</v>
      </c>
    </row>
    <row r="54" spans="1:4" ht="18" customHeight="1" x14ac:dyDescent="0.2">
      <c r="A54" s="31">
        <v>40</v>
      </c>
      <c r="B54" s="27">
        <v>29</v>
      </c>
      <c r="C54" s="28">
        <v>22</v>
      </c>
      <c r="D54" s="29">
        <v>51</v>
      </c>
    </row>
    <row r="55" spans="1:4" ht="18" customHeight="1" x14ac:dyDescent="0.2">
      <c r="A55" s="31">
        <v>41</v>
      </c>
      <c r="B55" s="27">
        <v>33</v>
      </c>
      <c r="C55" s="28">
        <v>35</v>
      </c>
      <c r="D55" s="29">
        <v>68</v>
      </c>
    </row>
    <row r="56" spans="1:4" ht="18" customHeight="1" x14ac:dyDescent="0.2">
      <c r="A56" s="31">
        <v>42</v>
      </c>
      <c r="B56" s="27">
        <v>32</v>
      </c>
      <c r="C56" s="28">
        <v>36</v>
      </c>
      <c r="D56" s="29">
        <v>68</v>
      </c>
    </row>
    <row r="57" spans="1:4" ht="18" customHeight="1" x14ac:dyDescent="0.2">
      <c r="A57" s="31">
        <v>43</v>
      </c>
      <c r="B57" s="27">
        <v>47</v>
      </c>
      <c r="C57" s="28">
        <v>28</v>
      </c>
      <c r="D57" s="29">
        <v>75</v>
      </c>
    </row>
    <row r="58" spans="1:4" ht="18" customHeight="1" x14ac:dyDescent="0.2">
      <c r="A58" s="31">
        <v>44</v>
      </c>
      <c r="B58" s="27">
        <v>30</v>
      </c>
      <c r="C58" s="28">
        <v>38</v>
      </c>
      <c r="D58" s="29">
        <v>68</v>
      </c>
    </row>
    <row r="59" spans="1:4" ht="18" customHeight="1" x14ac:dyDescent="0.2">
      <c r="A59" s="31" t="s">
        <v>57</v>
      </c>
      <c r="B59" s="27">
        <v>171</v>
      </c>
      <c r="C59" s="28">
        <v>159</v>
      </c>
      <c r="D59" s="29">
        <v>330</v>
      </c>
    </row>
    <row r="60" spans="1:4" ht="18" customHeight="1" x14ac:dyDescent="0.2">
      <c r="A60" s="31">
        <v>45</v>
      </c>
      <c r="B60" s="27">
        <v>31</v>
      </c>
      <c r="C60" s="28">
        <v>38</v>
      </c>
      <c r="D60" s="29">
        <v>69</v>
      </c>
    </row>
    <row r="61" spans="1:4" ht="18" customHeight="1" x14ac:dyDescent="0.2">
      <c r="A61" s="31">
        <v>46</v>
      </c>
      <c r="B61" s="27">
        <v>38</v>
      </c>
      <c r="C61" s="28">
        <v>34</v>
      </c>
      <c r="D61" s="29">
        <v>72</v>
      </c>
    </row>
    <row r="62" spans="1:4" ht="18" customHeight="1" x14ac:dyDescent="0.2">
      <c r="A62" s="31">
        <v>47</v>
      </c>
      <c r="B62" s="27">
        <v>43</v>
      </c>
      <c r="C62" s="28">
        <v>37</v>
      </c>
      <c r="D62" s="29">
        <v>80</v>
      </c>
    </row>
    <row r="63" spans="1:4" ht="18" customHeight="1" x14ac:dyDescent="0.2">
      <c r="A63" s="31">
        <v>48</v>
      </c>
      <c r="B63" s="27">
        <v>35</v>
      </c>
      <c r="C63" s="28">
        <v>42</v>
      </c>
      <c r="D63" s="29">
        <v>77</v>
      </c>
    </row>
    <row r="64" spans="1:4" ht="18" customHeight="1" x14ac:dyDescent="0.2">
      <c r="A64" s="31">
        <v>49</v>
      </c>
      <c r="B64" s="27">
        <v>32</v>
      </c>
      <c r="C64" s="28">
        <v>21</v>
      </c>
      <c r="D64" s="29">
        <v>53</v>
      </c>
    </row>
    <row r="65" spans="1:4" ht="18" customHeight="1" x14ac:dyDescent="0.2">
      <c r="A65" s="31" t="s">
        <v>58</v>
      </c>
      <c r="B65" s="27">
        <v>179</v>
      </c>
      <c r="C65" s="28">
        <v>172</v>
      </c>
      <c r="D65" s="29">
        <v>351</v>
      </c>
    </row>
    <row r="66" spans="1:4" ht="18" customHeight="1" x14ac:dyDescent="0.2">
      <c r="A66" s="31">
        <v>50</v>
      </c>
      <c r="B66" s="27">
        <v>43</v>
      </c>
      <c r="C66" s="28">
        <v>52</v>
      </c>
      <c r="D66" s="29">
        <v>95</v>
      </c>
    </row>
    <row r="67" spans="1:4" ht="18" customHeight="1" x14ac:dyDescent="0.2">
      <c r="A67" s="31">
        <v>51</v>
      </c>
      <c r="B67" s="27">
        <v>33</v>
      </c>
      <c r="C67" s="28">
        <v>33</v>
      </c>
      <c r="D67" s="29">
        <v>66</v>
      </c>
    </row>
    <row r="68" spans="1:4" ht="18" customHeight="1" x14ac:dyDescent="0.2">
      <c r="A68" s="31">
        <v>52</v>
      </c>
      <c r="B68" s="27">
        <v>46</v>
      </c>
      <c r="C68" s="28">
        <v>49</v>
      </c>
      <c r="D68" s="29">
        <v>95</v>
      </c>
    </row>
    <row r="69" spans="1:4" ht="18" customHeight="1" x14ac:dyDescent="0.2">
      <c r="A69" s="31">
        <v>53</v>
      </c>
      <c r="B69" s="27">
        <v>27</v>
      </c>
      <c r="C69" s="28">
        <v>33</v>
      </c>
      <c r="D69" s="29">
        <v>60</v>
      </c>
    </row>
    <row r="70" spans="1:4" ht="18" customHeight="1" x14ac:dyDescent="0.2">
      <c r="A70" s="31">
        <v>54</v>
      </c>
      <c r="B70" s="27">
        <v>39</v>
      </c>
      <c r="C70" s="28">
        <v>37</v>
      </c>
      <c r="D70" s="29">
        <v>76</v>
      </c>
    </row>
    <row r="71" spans="1:4" ht="18" customHeight="1" x14ac:dyDescent="0.2">
      <c r="A71" s="31" t="s">
        <v>59</v>
      </c>
      <c r="B71" s="27">
        <v>188</v>
      </c>
      <c r="C71" s="28">
        <v>204</v>
      </c>
      <c r="D71" s="29">
        <v>392</v>
      </c>
    </row>
    <row r="72" spans="1:4" ht="18" customHeight="1" x14ac:dyDescent="0.2">
      <c r="A72" s="31">
        <v>55</v>
      </c>
      <c r="B72" s="27">
        <v>33</v>
      </c>
      <c r="C72" s="28">
        <v>29</v>
      </c>
      <c r="D72" s="29">
        <v>62</v>
      </c>
    </row>
    <row r="73" spans="1:4" ht="18" customHeight="1" x14ac:dyDescent="0.2">
      <c r="A73" s="31">
        <v>56</v>
      </c>
      <c r="B73" s="27">
        <v>30</v>
      </c>
      <c r="C73" s="28">
        <v>33</v>
      </c>
      <c r="D73" s="29">
        <v>63</v>
      </c>
    </row>
    <row r="74" spans="1:4" ht="18" customHeight="1" x14ac:dyDescent="0.2">
      <c r="A74" s="31">
        <v>57</v>
      </c>
      <c r="B74" s="27">
        <v>37</v>
      </c>
      <c r="C74" s="28">
        <v>24</v>
      </c>
      <c r="D74" s="29">
        <v>61</v>
      </c>
    </row>
    <row r="75" spans="1:4" ht="18" customHeight="1" x14ac:dyDescent="0.2">
      <c r="A75" s="31">
        <v>58</v>
      </c>
      <c r="B75" s="27">
        <v>35</v>
      </c>
      <c r="C75" s="28">
        <v>25</v>
      </c>
      <c r="D75" s="29">
        <v>60</v>
      </c>
    </row>
    <row r="76" spans="1:4" ht="18" customHeight="1" x14ac:dyDescent="0.2">
      <c r="A76" s="31">
        <v>59</v>
      </c>
      <c r="B76" s="27">
        <v>27</v>
      </c>
      <c r="C76" s="28">
        <v>37</v>
      </c>
      <c r="D76" s="29">
        <v>64</v>
      </c>
    </row>
    <row r="77" spans="1:4" ht="18" customHeight="1" x14ac:dyDescent="0.2">
      <c r="A77" s="31" t="s">
        <v>60</v>
      </c>
      <c r="B77" s="27">
        <v>162</v>
      </c>
      <c r="C77" s="28">
        <v>148</v>
      </c>
      <c r="D77" s="29">
        <v>310</v>
      </c>
    </row>
    <row r="78" spans="1:4" ht="18" customHeight="1" x14ac:dyDescent="0.2">
      <c r="A78" s="31">
        <v>60</v>
      </c>
      <c r="B78" s="27">
        <v>39</v>
      </c>
      <c r="C78" s="28">
        <v>29</v>
      </c>
      <c r="D78" s="29">
        <v>68</v>
      </c>
    </row>
    <row r="79" spans="1:4" ht="18" customHeight="1" x14ac:dyDescent="0.2">
      <c r="A79" s="31">
        <v>61</v>
      </c>
      <c r="B79" s="27">
        <v>22</v>
      </c>
      <c r="C79" s="28">
        <v>35</v>
      </c>
      <c r="D79" s="29">
        <v>57</v>
      </c>
    </row>
    <row r="80" spans="1:4" ht="18" customHeight="1" x14ac:dyDescent="0.2">
      <c r="A80" s="31">
        <v>62</v>
      </c>
      <c r="B80" s="27">
        <v>26</v>
      </c>
      <c r="C80" s="28">
        <v>30</v>
      </c>
      <c r="D80" s="29">
        <v>56</v>
      </c>
    </row>
    <row r="81" spans="1:4" ht="18" customHeight="1" x14ac:dyDescent="0.2">
      <c r="A81" s="31">
        <v>63</v>
      </c>
      <c r="B81" s="27">
        <v>27</v>
      </c>
      <c r="C81" s="28">
        <v>37</v>
      </c>
      <c r="D81" s="29">
        <v>64</v>
      </c>
    </row>
    <row r="82" spans="1:4" ht="18" customHeight="1" x14ac:dyDescent="0.2">
      <c r="A82" s="31">
        <v>64</v>
      </c>
      <c r="B82" s="27">
        <v>35</v>
      </c>
      <c r="C82" s="28">
        <v>39</v>
      </c>
      <c r="D82" s="29">
        <v>74</v>
      </c>
    </row>
    <row r="83" spans="1:4" ht="18" customHeight="1" x14ac:dyDescent="0.2">
      <c r="A83" s="31" t="s">
        <v>61</v>
      </c>
      <c r="B83" s="27">
        <v>149</v>
      </c>
      <c r="C83" s="28">
        <v>170</v>
      </c>
      <c r="D83" s="29">
        <v>319</v>
      </c>
    </row>
    <row r="84" spans="1:4" ht="18" customHeight="1" x14ac:dyDescent="0.2">
      <c r="A84" s="31" t="s">
        <v>62</v>
      </c>
      <c r="B84" s="27">
        <v>1469</v>
      </c>
      <c r="C84" s="28">
        <v>1447</v>
      </c>
      <c r="D84" s="29">
        <v>2916</v>
      </c>
    </row>
    <row r="85" spans="1:4" ht="18" customHeight="1" x14ac:dyDescent="0.2">
      <c r="A85" s="31">
        <v>65</v>
      </c>
      <c r="B85" s="27">
        <v>34</v>
      </c>
      <c r="C85" s="28">
        <v>35</v>
      </c>
      <c r="D85" s="29">
        <v>69</v>
      </c>
    </row>
    <row r="86" spans="1:4" ht="18" customHeight="1" x14ac:dyDescent="0.2">
      <c r="A86" s="31">
        <v>66</v>
      </c>
      <c r="B86" s="27">
        <v>31</v>
      </c>
      <c r="C86" s="28">
        <v>34</v>
      </c>
      <c r="D86" s="29">
        <v>65</v>
      </c>
    </row>
    <row r="87" spans="1:4" ht="18" customHeight="1" x14ac:dyDescent="0.2">
      <c r="A87" s="31">
        <v>67</v>
      </c>
      <c r="B87" s="27">
        <v>35</v>
      </c>
      <c r="C87" s="28">
        <v>34</v>
      </c>
      <c r="D87" s="29">
        <v>69</v>
      </c>
    </row>
    <row r="88" spans="1:4" ht="18" customHeight="1" x14ac:dyDescent="0.2">
      <c r="A88" s="31">
        <v>68</v>
      </c>
      <c r="B88" s="27">
        <v>36</v>
      </c>
      <c r="C88" s="28">
        <v>45</v>
      </c>
      <c r="D88" s="29">
        <v>81</v>
      </c>
    </row>
    <row r="89" spans="1:4" ht="18" customHeight="1" x14ac:dyDescent="0.2">
      <c r="A89" s="31">
        <v>69</v>
      </c>
      <c r="B89" s="27">
        <v>31</v>
      </c>
      <c r="C89" s="28">
        <v>34</v>
      </c>
      <c r="D89" s="29">
        <v>65</v>
      </c>
    </row>
    <row r="90" spans="1:4" ht="18" customHeight="1" x14ac:dyDescent="0.2">
      <c r="A90" s="31" t="s">
        <v>63</v>
      </c>
      <c r="B90" s="27">
        <v>167</v>
      </c>
      <c r="C90" s="28">
        <v>182</v>
      </c>
      <c r="D90" s="29">
        <v>349</v>
      </c>
    </row>
    <row r="91" spans="1:4" ht="18" customHeight="1" x14ac:dyDescent="0.2">
      <c r="A91" s="31">
        <v>70</v>
      </c>
      <c r="B91" s="27">
        <v>41</v>
      </c>
      <c r="C91" s="28">
        <v>33</v>
      </c>
      <c r="D91" s="29">
        <v>74</v>
      </c>
    </row>
    <row r="92" spans="1:4" ht="18" customHeight="1" x14ac:dyDescent="0.2">
      <c r="A92" s="31">
        <v>71</v>
      </c>
      <c r="B92" s="27">
        <v>40</v>
      </c>
      <c r="C92" s="28">
        <v>34</v>
      </c>
      <c r="D92" s="29">
        <v>74</v>
      </c>
    </row>
    <row r="93" spans="1:4" ht="18" customHeight="1" x14ac:dyDescent="0.2">
      <c r="A93" s="31">
        <v>72</v>
      </c>
      <c r="B93" s="27">
        <v>44</v>
      </c>
      <c r="C93" s="28">
        <v>41</v>
      </c>
      <c r="D93" s="29">
        <v>85</v>
      </c>
    </row>
    <row r="94" spans="1:4" ht="18" customHeight="1" x14ac:dyDescent="0.2">
      <c r="A94" s="31">
        <v>73</v>
      </c>
      <c r="B94" s="27">
        <v>22</v>
      </c>
      <c r="C94" s="28">
        <v>29</v>
      </c>
      <c r="D94" s="29">
        <v>51</v>
      </c>
    </row>
    <row r="95" spans="1:4" ht="18" customHeight="1" x14ac:dyDescent="0.2">
      <c r="A95" s="31">
        <v>74</v>
      </c>
      <c r="B95" s="27">
        <v>22</v>
      </c>
      <c r="C95" s="28">
        <v>16</v>
      </c>
      <c r="D95" s="29">
        <v>38</v>
      </c>
    </row>
    <row r="96" spans="1:4" ht="18" customHeight="1" x14ac:dyDescent="0.2">
      <c r="A96" s="31" t="s">
        <v>64</v>
      </c>
      <c r="B96" s="27">
        <v>169</v>
      </c>
      <c r="C96" s="28">
        <v>153</v>
      </c>
      <c r="D96" s="29">
        <v>322</v>
      </c>
    </row>
    <row r="97" spans="1:4" ht="18" customHeight="1" x14ac:dyDescent="0.2">
      <c r="A97" s="31">
        <v>75</v>
      </c>
      <c r="B97" s="27">
        <v>23</v>
      </c>
      <c r="C97" s="28">
        <v>37</v>
      </c>
      <c r="D97" s="29">
        <v>60</v>
      </c>
    </row>
    <row r="98" spans="1:4" ht="18" customHeight="1" x14ac:dyDescent="0.2">
      <c r="A98" s="31">
        <v>76</v>
      </c>
      <c r="B98" s="27">
        <v>14</v>
      </c>
      <c r="C98" s="28">
        <v>30</v>
      </c>
      <c r="D98" s="29">
        <v>44</v>
      </c>
    </row>
    <row r="99" spans="1:4" ht="18" customHeight="1" x14ac:dyDescent="0.2">
      <c r="A99" s="31">
        <v>77</v>
      </c>
      <c r="B99" s="27">
        <v>27</v>
      </c>
      <c r="C99" s="28">
        <v>38</v>
      </c>
      <c r="D99" s="29">
        <v>65</v>
      </c>
    </row>
    <row r="100" spans="1:4" ht="18" customHeight="1" x14ac:dyDescent="0.2">
      <c r="A100" s="31">
        <v>78</v>
      </c>
      <c r="B100" s="27">
        <v>20</v>
      </c>
      <c r="C100" s="28">
        <v>33</v>
      </c>
      <c r="D100" s="29">
        <v>53</v>
      </c>
    </row>
    <row r="101" spans="1:4" ht="18" customHeight="1" x14ac:dyDescent="0.2">
      <c r="A101" s="31">
        <v>79</v>
      </c>
      <c r="B101" s="27">
        <v>16</v>
      </c>
      <c r="C101" s="28">
        <v>25</v>
      </c>
      <c r="D101" s="29">
        <v>41</v>
      </c>
    </row>
    <row r="102" spans="1:4" ht="18" customHeight="1" x14ac:dyDescent="0.2">
      <c r="A102" s="31" t="s">
        <v>65</v>
      </c>
      <c r="B102" s="27">
        <v>100</v>
      </c>
      <c r="C102" s="28">
        <v>163</v>
      </c>
      <c r="D102" s="29">
        <v>263</v>
      </c>
    </row>
    <row r="103" spans="1:4" ht="18" customHeight="1" x14ac:dyDescent="0.2">
      <c r="A103" s="31">
        <v>80</v>
      </c>
      <c r="B103" s="27">
        <v>19</v>
      </c>
      <c r="C103" s="28">
        <v>24</v>
      </c>
      <c r="D103" s="29">
        <v>43</v>
      </c>
    </row>
    <row r="104" spans="1:4" ht="18" customHeight="1" x14ac:dyDescent="0.2">
      <c r="A104" s="31">
        <v>81</v>
      </c>
      <c r="B104" s="27">
        <v>28</v>
      </c>
      <c r="C104" s="28">
        <v>27</v>
      </c>
      <c r="D104" s="29">
        <v>55</v>
      </c>
    </row>
    <row r="105" spans="1:4" ht="18" customHeight="1" x14ac:dyDescent="0.2">
      <c r="A105" s="31">
        <v>82</v>
      </c>
      <c r="B105" s="27">
        <v>20</v>
      </c>
      <c r="C105" s="28">
        <v>28</v>
      </c>
      <c r="D105" s="29">
        <v>48</v>
      </c>
    </row>
    <row r="106" spans="1:4" ht="18" customHeight="1" x14ac:dyDescent="0.2">
      <c r="A106" s="31">
        <v>83</v>
      </c>
      <c r="B106" s="27">
        <v>24</v>
      </c>
      <c r="C106" s="28">
        <v>22</v>
      </c>
      <c r="D106" s="29">
        <v>46</v>
      </c>
    </row>
    <row r="107" spans="1:4" ht="18" customHeight="1" x14ac:dyDescent="0.2">
      <c r="A107" s="31">
        <v>84</v>
      </c>
      <c r="B107" s="27">
        <v>11</v>
      </c>
      <c r="C107" s="28">
        <v>27</v>
      </c>
      <c r="D107" s="29">
        <v>38</v>
      </c>
    </row>
    <row r="108" spans="1:4" ht="18" customHeight="1" x14ac:dyDescent="0.2">
      <c r="A108" s="31" t="s">
        <v>66</v>
      </c>
      <c r="B108" s="27">
        <v>102</v>
      </c>
      <c r="C108" s="28">
        <v>128</v>
      </c>
      <c r="D108" s="29">
        <v>230</v>
      </c>
    </row>
    <row r="109" spans="1:4" ht="18" customHeight="1" x14ac:dyDescent="0.2">
      <c r="A109" s="31">
        <v>85</v>
      </c>
      <c r="B109" s="27">
        <v>14</v>
      </c>
      <c r="C109" s="28">
        <v>21</v>
      </c>
      <c r="D109" s="29">
        <v>35</v>
      </c>
    </row>
    <row r="110" spans="1:4" ht="18" customHeight="1" x14ac:dyDescent="0.2">
      <c r="A110" s="31">
        <v>86</v>
      </c>
      <c r="B110" s="27">
        <v>15</v>
      </c>
      <c r="C110" s="28">
        <v>23</v>
      </c>
      <c r="D110" s="29">
        <v>38</v>
      </c>
    </row>
    <row r="111" spans="1:4" ht="18" customHeight="1" x14ac:dyDescent="0.2">
      <c r="A111" s="31">
        <v>87</v>
      </c>
      <c r="B111" s="27">
        <v>11</v>
      </c>
      <c r="C111" s="28">
        <v>30</v>
      </c>
      <c r="D111" s="29">
        <v>41</v>
      </c>
    </row>
    <row r="112" spans="1:4" ht="18" customHeight="1" x14ac:dyDescent="0.2">
      <c r="A112" s="31">
        <v>88</v>
      </c>
      <c r="B112" s="27">
        <v>8</v>
      </c>
      <c r="C112" s="28">
        <v>17</v>
      </c>
      <c r="D112" s="29">
        <v>25</v>
      </c>
    </row>
    <row r="113" spans="1:4" ht="18" customHeight="1" x14ac:dyDescent="0.2">
      <c r="A113" s="31">
        <v>89</v>
      </c>
      <c r="B113" s="27">
        <v>11</v>
      </c>
      <c r="C113" s="28">
        <v>18</v>
      </c>
      <c r="D113" s="29">
        <v>29</v>
      </c>
    </row>
    <row r="114" spans="1:4" ht="18" customHeight="1" x14ac:dyDescent="0.2">
      <c r="A114" s="31" t="s">
        <v>67</v>
      </c>
      <c r="B114" s="27">
        <v>59</v>
      </c>
      <c r="C114" s="28">
        <v>109</v>
      </c>
      <c r="D114" s="29">
        <v>168</v>
      </c>
    </row>
    <row r="115" spans="1:4" ht="18" customHeight="1" x14ac:dyDescent="0.2">
      <c r="A115" s="31">
        <v>90</v>
      </c>
      <c r="B115" s="27">
        <v>6</v>
      </c>
      <c r="C115" s="28">
        <v>17</v>
      </c>
      <c r="D115" s="29">
        <v>23</v>
      </c>
    </row>
    <row r="116" spans="1:4" ht="18" customHeight="1" x14ac:dyDescent="0.2">
      <c r="A116" s="31">
        <v>91</v>
      </c>
      <c r="B116" s="27">
        <v>7</v>
      </c>
      <c r="C116" s="28">
        <v>12</v>
      </c>
      <c r="D116" s="29">
        <v>19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4</v>
      </c>
      <c r="C118" s="28">
        <v>3</v>
      </c>
      <c r="D118" s="29">
        <v>7</v>
      </c>
    </row>
    <row r="119" spans="1:4" ht="18" customHeight="1" x14ac:dyDescent="0.2">
      <c r="A119" s="31">
        <v>94</v>
      </c>
      <c r="B119" s="27">
        <v>3</v>
      </c>
      <c r="C119" s="28">
        <v>4</v>
      </c>
      <c r="D119" s="29">
        <v>7</v>
      </c>
    </row>
    <row r="120" spans="1:4" ht="18" customHeight="1" x14ac:dyDescent="0.2">
      <c r="A120" s="31" t="s">
        <v>68</v>
      </c>
      <c r="B120" s="27">
        <v>20</v>
      </c>
      <c r="C120" s="28">
        <v>42</v>
      </c>
      <c r="D120" s="29">
        <v>62</v>
      </c>
    </row>
    <row r="121" spans="1:4" ht="18" customHeight="1" x14ac:dyDescent="0.2">
      <c r="A121" s="31">
        <v>95</v>
      </c>
      <c r="B121" s="27">
        <v>2</v>
      </c>
      <c r="C121" s="28">
        <v>4</v>
      </c>
      <c r="D121" s="29">
        <v>6</v>
      </c>
    </row>
    <row r="122" spans="1:4" ht="18" customHeight="1" x14ac:dyDescent="0.2">
      <c r="A122" s="31">
        <v>96</v>
      </c>
      <c r="B122" s="27">
        <v>2</v>
      </c>
      <c r="C122" s="28">
        <v>6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7</v>
      </c>
      <c r="D124" s="29">
        <v>7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5</v>
      </c>
      <c r="C126" s="28">
        <v>20</v>
      </c>
      <c r="D126" s="29">
        <v>2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622</v>
      </c>
      <c r="C130" s="5">
        <v>799</v>
      </c>
      <c r="D130" s="6">
        <v>1421</v>
      </c>
    </row>
    <row r="131" spans="1:4" ht="18" customHeight="1" x14ac:dyDescent="0.2">
      <c r="A131" s="33" t="s">
        <v>47</v>
      </c>
      <c r="B131" s="7">
        <v>2410</v>
      </c>
      <c r="C131" s="8">
        <v>2508</v>
      </c>
      <c r="D131" s="9">
        <v>49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7</v>
      </c>
      <c r="C5" s="37">
        <v>142</v>
      </c>
      <c r="D5" s="39">
        <v>299</v>
      </c>
    </row>
    <row r="6" spans="1:4" ht="18" customHeight="1" x14ac:dyDescent="0.2">
      <c r="A6" s="31">
        <v>1</v>
      </c>
      <c r="B6" s="35">
        <v>187</v>
      </c>
      <c r="C6" s="28">
        <v>170</v>
      </c>
      <c r="D6" s="29">
        <v>357</v>
      </c>
    </row>
    <row r="7" spans="1:4" ht="18" customHeight="1" x14ac:dyDescent="0.2">
      <c r="A7" s="31">
        <v>2</v>
      </c>
      <c r="B7" s="35">
        <v>167</v>
      </c>
      <c r="C7" s="28">
        <v>188</v>
      </c>
      <c r="D7" s="29">
        <v>355</v>
      </c>
    </row>
    <row r="8" spans="1:4" ht="18" customHeight="1" x14ac:dyDescent="0.2">
      <c r="A8" s="31">
        <v>3</v>
      </c>
      <c r="B8" s="35">
        <v>218</v>
      </c>
      <c r="C8" s="28">
        <v>165</v>
      </c>
      <c r="D8" s="29">
        <v>383</v>
      </c>
    </row>
    <row r="9" spans="1:4" ht="18" customHeight="1" x14ac:dyDescent="0.2">
      <c r="A9" s="31">
        <v>4</v>
      </c>
      <c r="B9" s="36">
        <v>199</v>
      </c>
      <c r="C9" s="38">
        <v>154</v>
      </c>
      <c r="D9" s="40">
        <v>353</v>
      </c>
    </row>
    <row r="10" spans="1:4" ht="18" customHeight="1" x14ac:dyDescent="0.2">
      <c r="A10" s="31" t="s">
        <v>48</v>
      </c>
      <c r="B10" s="27">
        <v>928</v>
      </c>
      <c r="C10" s="28">
        <v>819</v>
      </c>
      <c r="D10" s="29">
        <v>1747</v>
      </c>
    </row>
    <row r="11" spans="1:4" ht="18" customHeight="1" x14ac:dyDescent="0.2">
      <c r="A11" s="31">
        <v>5</v>
      </c>
      <c r="B11" s="35">
        <v>192</v>
      </c>
      <c r="C11" s="28">
        <v>188</v>
      </c>
      <c r="D11" s="29">
        <v>380</v>
      </c>
    </row>
    <row r="12" spans="1:4" ht="18" customHeight="1" x14ac:dyDescent="0.2">
      <c r="A12" s="31">
        <v>6</v>
      </c>
      <c r="B12" s="35">
        <v>200</v>
      </c>
      <c r="C12" s="28">
        <v>203</v>
      </c>
      <c r="D12" s="29">
        <v>403</v>
      </c>
    </row>
    <row r="13" spans="1:4" ht="18" customHeight="1" x14ac:dyDescent="0.2">
      <c r="A13" s="31">
        <v>7</v>
      </c>
      <c r="B13" s="35">
        <v>205</v>
      </c>
      <c r="C13" s="28">
        <v>194</v>
      </c>
      <c r="D13" s="29">
        <v>399</v>
      </c>
    </row>
    <row r="14" spans="1:4" ht="18" customHeight="1" x14ac:dyDescent="0.2">
      <c r="A14" s="31">
        <v>8</v>
      </c>
      <c r="B14" s="35">
        <v>210</v>
      </c>
      <c r="C14" s="28">
        <v>217</v>
      </c>
      <c r="D14" s="29">
        <v>427</v>
      </c>
    </row>
    <row r="15" spans="1:4" ht="18" customHeight="1" x14ac:dyDescent="0.2">
      <c r="A15" s="31">
        <v>9</v>
      </c>
      <c r="B15" s="35">
        <v>215</v>
      </c>
      <c r="C15" s="28">
        <v>224</v>
      </c>
      <c r="D15" s="29">
        <v>439</v>
      </c>
    </row>
    <row r="16" spans="1:4" ht="18" customHeight="1" x14ac:dyDescent="0.2">
      <c r="A16" s="31" t="s">
        <v>49</v>
      </c>
      <c r="B16" s="27">
        <v>1022</v>
      </c>
      <c r="C16" s="28">
        <v>1026</v>
      </c>
      <c r="D16" s="29">
        <v>2048</v>
      </c>
    </row>
    <row r="17" spans="1:4" ht="18" customHeight="1" x14ac:dyDescent="0.2">
      <c r="A17" s="31">
        <v>10</v>
      </c>
      <c r="B17" s="27">
        <v>245</v>
      </c>
      <c r="C17" s="28">
        <v>214</v>
      </c>
      <c r="D17" s="29">
        <v>459</v>
      </c>
    </row>
    <row r="18" spans="1:4" ht="18" customHeight="1" x14ac:dyDescent="0.2">
      <c r="A18" s="31">
        <v>11</v>
      </c>
      <c r="B18" s="27">
        <v>244</v>
      </c>
      <c r="C18" s="28">
        <v>226</v>
      </c>
      <c r="D18" s="29">
        <v>470</v>
      </c>
    </row>
    <row r="19" spans="1:4" ht="18" customHeight="1" x14ac:dyDescent="0.2">
      <c r="A19" s="31">
        <v>12</v>
      </c>
      <c r="B19" s="27">
        <v>235</v>
      </c>
      <c r="C19" s="28">
        <v>225</v>
      </c>
      <c r="D19" s="29">
        <v>460</v>
      </c>
    </row>
    <row r="20" spans="1:4" ht="18" customHeight="1" x14ac:dyDescent="0.2">
      <c r="A20" s="31">
        <v>13</v>
      </c>
      <c r="B20" s="27">
        <v>231</v>
      </c>
      <c r="C20" s="28">
        <v>213</v>
      </c>
      <c r="D20" s="29">
        <v>444</v>
      </c>
    </row>
    <row r="21" spans="1:4" ht="18" customHeight="1" x14ac:dyDescent="0.2">
      <c r="A21" s="31">
        <v>14</v>
      </c>
      <c r="B21" s="27">
        <v>252</v>
      </c>
      <c r="C21" s="28">
        <v>206</v>
      </c>
      <c r="D21" s="29">
        <v>458</v>
      </c>
    </row>
    <row r="22" spans="1:4" ht="18" customHeight="1" x14ac:dyDescent="0.2">
      <c r="A22" s="31" t="s">
        <v>50</v>
      </c>
      <c r="B22" s="27">
        <v>1207</v>
      </c>
      <c r="C22" s="28">
        <v>1084</v>
      </c>
      <c r="D22" s="29">
        <v>2291</v>
      </c>
    </row>
    <row r="23" spans="1:4" ht="18" customHeight="1" x14ac:dyDescent="0.2">
      <c r="A23" s="31" t="s">
        <v>51</v>
      </c>
      <c r="B23" s="27">
        <v>3157</v>
      </c>
      <c r="C23" s="28">
        <v>2929</v>
      </c>
      <c r="D23" s="29">
        <v>6086</v>
      </c>
    </row>
    <row r="24" spans="1:4" ht="18" customHeight="1" x14ac:dyDescent="0.2">
      <c r="A24" s="31">
        <v>15</v>
      </c>
      <c r="B24" s="27">
        <v>242</v>
      </c>
      <c r="C24" s="28">
        <v>249</v>
      </c>
      <c r="D24" s="29">
        <v>491</v>
      </c>
    </row>
    <row r="25" spans="1:4" ht="18" customHeight="1" x14ac:dyDescent="0.2">
      <c r="A25" s="31">
        <v>16</v>
      </c>
      <c r="B25" s="27">
        <v>231</v>
      </c>
      <c r="C25" s="28">
        <v>193</v>
      </c>
      <c r="D25" s="29">
        <v>424</v>
      </c>
    </row>
    <row r="26" spans="1:4" ht="18" customHeight="1" x14ac:dyDescent="0.2">
      <c r="A26" s="31">
        <v>17</v>
      </c>
      <c r="B26" s="27">
        <v>227</v>
      </c>
      <c r="C26" s="28">
        <v>228</v>
      </c>
      <c r="D26" s="29">
        <v>455</v>
      </c>
    </row>
    <row r="27" spans="1:4" ht="18" customHeight="1" x14ac:dyDescent="0.2">
      <c r="A27" s="31">
        <v>18</v>
      </c>
      <c r="B27" s="27">
        <v>213</v>
      </c>
      <c r="C27" s="28">
        <v>194</v>
      </c>
      <c r="D27" s="29">
        <v>407</v>
      </c>
    </row>
    <row r="28" spans="1:4" ht="18" customHeight="1" x14ac:dyDescent="0.2">
      <c r="A28" s="31">
        <v>19</v>
      </c>
      <c r="B28" s="27">
        <v>221</v>
      </c>
      <c r="C28" s="28">
        <v>210</v>
      </c>
      <c r="D28" s="29">
        <v>431</v>
      </c>
    </row>
    <row r="29" spans="1:4" ht="18" customHeight="1" x14ac:dyDescent="0.2">
      <c r="A29" s="31" t="s">
        <v>52</v>
      </c>
      <c r="B29" s="27">
        <v>1134</v>
      </c>
      <c r="C29" s="28">
        <v>1074</v>
      </c>
      <c r="D29" s="29">
        <v>2208</v>
      </c>
    </row>
    <row r="30" spans="1:4" ht="18" customHeight="1" x14ac:dyDescent="0.2">
      <c r="A30" s="31">
        <v>20</v>
      </c>
      <c r="B30" s="27">
        <v>185</v>
      </c>
      <c r="C30" s="28">
        <v>211</v>
      </c>
      <c r="D30" s="29">
        <v>396</v>
      </c>
    </row>
    <row r="31" spans="1:4" ht="18" customHeight="1" x14ac:dyDescent="0.2">
      <c r="A31" s="31">
        <v>21</v>
      </c>
      <c r="B31" s="27">
        <v>195</v>
      </c>
      <c r="C31" s="28">
        <v>205</v>
      </c>
      <c r="D31" s="29">
        <v>400</v>
      </c>
    </row>
    <row r="32" spans="1:4" ht="18" customHeight="1" x14ac:dyDescent="0.2">
      <c r="A32" s="31">
        <v>22</v>
      </c>
      <c r="B32" s="27">
        <v>199</v>
      </c>
      <c r="C32" s="28">
        <v>204</v>
      </c>
      <c r="D32" s="29">
        <v>403</v>
      </c>
    </row>
    <row r="33" spans="1:4" ht="18" customHeight="1" x14ac:dyDescent="0.2">
      <c r="A33" s="31">
        <v>23</v>
      </c>
      <c r="B33" s="27">
        <v>197</v>
      </c>
      <c r="C33" s="28">
        <v>180</v>
      </c>
      <c r="D33" s="29">
        <v>377</v>
      </c>
    </row>
    <row r="34" spans="1:4" ht="18" customHeight="1" x14ac:dyDescent="0.2">
      <c r="A34" s="31">
        <v>24</v>
      </c>
      <c r="B34" s="27">
        <v>219</v>
      </c>
      <c r="C34" s="28">
        <v>212</v>
      </c>
      <c r="D34" s="29">
        <v>431</v>
      </c>
    </row>
    <row r="35" spans="1:4" ht="18" customHeight="1" x14ac:dyDescent="0.2">
      <c r="A35" s="31" t="s">
        <v>53</v>
      </c>
      <c r="B35" s="27">
        <v>995</v>
      </c>
      <c r="C35" s="28">
        <v>1012</v>
      </c>
      <c r="D35" s="29">
        <v>2007</v>
      </c>
    </row>
    <row r="36" spans="1:4" ht="18" customHeight="1" x14ac:dyDescent="0.2">
      <c r="A36" s="31">
        <v>25</v>
      </c>
      <c r="B36" s="27">
        <v>207</v>
      </c>
      <c r="C36" s="28">
        <v>212</v>
      </c>
      <c r="D36" s="29">
        <v>419</v>
      </c>
    </row>
    <row r="37" spans="1:4" ht="18" customHeight="1" x14ac:dyDescent="0.2">
      <c r="A37" s="31">
        <v>26</v>
      </c>
      <c r="B37" s="27">
        <v>221</v>
      </c>
      <c r="C37" s="28">
        <v>203</v>
      </c>
      <c r="D37" s="29">
        <v>424</v>
      </c>
    </row>
    <row r="38" spans="1:4" ht="18" customHeight="1" x14ac:dyDescent="0.2">
      <c r="A38" s="31">
        <v>27</v>
      </c>
      <c r="B38" s="27">
        <v>211</v>
      </c>
      <c r="C38" s="28">
        <v>190</v>
      </c>
      <c r="D38" s="29">
        <v>401</v>
      </c>
    </row>
    <row r="39" spans="1:4" ht="18" customHeight="1" x14ac:dyDescent="0.2">
      <c r="A39" s="31">
        <v>28</v>
      </c>
      <c r="B39" s="27">
        <v>228</v>
      </c>
      <c r="C39" s="28">
        <v>201</v>
      </c>
      <c r="D39" s="29">
        <v>429</v>
      </c>
    </row>
    <row r="40" spans="1:4" ht="18" customHeight="1" x14ac:dyDescent="0.2">
      <c r="A40" s="31">
        <v>29</v>
      </c>
      <c r="B40" s="27">
        <v>245</v>
      </c>
      <c r="C40" s="28">
        <v>188</v>
      </c>
      <c r="D40" s="29">
        <v>433</v>
      </c>
    </row>
    <row r="41" spans="1:4" ht="18" customHeight="1" x14ac:dyDescent="0.2">
      <c r="A41" s="31" t="s">
        <v>54</v>
      </c>
      <c r="B41" s="27">
        <v>1112</v>
      </c>
      <c r="C41" s="28">
        <v>994</v>
      </c>
      <c r="D41" s="29">
        <v>2106</v>
      </c>
    </row>
    <row r="42" spans="1:4" ht="18" customHeight="1" x14ac:dyDescent="0.2">
      <c r="A42" s="31">
        <v>30</v>
      </c>
      <c r="B42" s="27">
        <v>248</v>
      </c>
      <c r="C42" s="28">
        <v>183</v>
      </c>
      <c r="D42" s="29">
        <v>431</v>
      </c>
    </row>
    <row r="43" spans="1:4" ht="18" customHeight="1" x14ac:dyDescent="0.2">
      <c r="A43" s="31">
        <v>31</v>
      </c>
      <c r="B43" s="27">
        <v>218</v>
      </c>
      <c r="C43" s="28">
        <v>194</v>
      </c>
      <c r="D43" s="29">
        <v>412</v>
      </c>
    </row>
    <row r="44" spans="1:4" ht="18" customHeight="1" x14ac:dyDescent="0.2">
      <c r="A44" s="31">
        <v>32</v>
      </c>
      <c r="B44" s="27">
        <v>234</v>
      </c>
      <c r="C44" s="28">
        <v>236</v>
      </c>
      <c r="D44" s="29">
        <v>470</v>
      </c>
    </row>
    <row r="45" spans="1:4" ht="18" customHeight="1" x14ac:dyDescent="0.2">
      <c r="A45" s="31">
        <v>33</v>
      </c>
      <c r="B45" s="27">
        <v>248</v>
      </c>
      <c r="C45" s="28">
        <v>239</v>
      </c>
      <c r="D45" s="29">
        <v>487</v>
      </c>
    </row>
    <row r="46" spans="1:4" ht="18" customHeight="1" x14ac:dyDescent="0.2">
      <c r="A46" s="31">
        <v>34</v>
      </c>
      <c r="B46" s="27">
        <v>239</v>
      </c>
      <c r="C46" s="28">
        <v>252</v>
      </c>
      <c r="D46" s="29">
        <v>491</v>
      </c>
    </row>
    <row r="47" spans="1:4" ht="18" customHeight="1" x14ac:dyDescent="0.2">
      <c r="A47" s="31" t="s">
        <v>55</v>
      </c>
      <c r="B47" s="27">
        <v>1187</v>
      </c>
      <c r="C47" s="28">
        <v>1104</v>
      </c>
      <c r="D47" s="29">
        <v>2291</v>
      </c>
    </row>
    <row r="48" spans="1:4" ht="18" customHeight="1" x14ac:dyDescent="0.2">
      <c r="A48" s="31">
        <v>35</v>
      </c>
      <c r="B48" s="27">
        <v>239</v>
      </c>
      <c r="C48" s="28">
        <v>260</v>
      </c>
      <c r="D48" s="29">
        <v>499</v>
      </c>
    </row>
    <row r="49" spans="1:4" ht="18" customHeight="1" x14ac:dyDescent="0.2">
      <c r="A49" s="31">
        <v>36</v>
      </c>
      <c r="B49" s="27">
        <v>270</v>
      </c>
      <c r="C49" s="28">
        <v>239</v>
      </c>
      <c r="D49" s="29">
        <v>509</v>
      </c>
    </row>
    <row r="50" spans="1:4" ht="18" customHeight="1" x14ac:dyDescent="0.2">
      <c r="A50" s="31">
        <v>37</v>
      </c>
      <c r="B50" s="27">
        <v>247</v>
      </c>
      <c r="C50" s="28">
        <v>275</v>
      </c>
      <c r="D50" s="29">
        <v>522</v>
      </c>
    </row>
    <row r="51" spans="1:4" ht="18" customHeight="1" x14ac:dyDescent="0.2">
      <c r="A51" s="31">
        <v>38</v>
      </c>
      <c r="B51" s="27">
        <v>256</v>
      </c>
      <c r="C51" s="28">
        <v>252</v>
      </c>
      <c r="D51" s="29">
        <v>508</v>
      </c>
    </row>
    <row r="52" spans="1:4" ht="18" customHeight="1" x14ac:dyDescent="0.2">
      <c r="A52" s="31">
        <v>39</v>
      </c>
      <c r="B52" s="27">
        <v>297</v>
      </c>
      <c r="C52" s="28">
        <v>286</v>
      </c>
      <c r="D52" s="29">
        <v>583</v>
      </c>
    </row>
    <row r="53" spans="1:4" ht="18" customHeight="1" x14ac:dyDescent="0.2">
      <c r="A53" s="31" t="s">
        <v>56</v>
      </c>
      <c r="B53" s="27">
        <v>1309</v>
      </c>
      <c r="C53" s="28">
        <v>1312</v>
      </c>
      <c r="D53" s="29">
        <v>2621</v>
      </c>
    </row>
    <row r="54" spans="1:4" ht="18" customHeight="1" x14ac:dyDescent="0.2">
      <c r="A54" s="31">
        <v>40</v>
      </c>
      <c r="B54" s="27">
        <v>291</v>
      </c>
      <c r="C54" s="28">
        <v>291</v>
      </c>
      <c r="D54" s="29">
        <v>582</v>
      </c>
    </row>
    <row r="55" spans="1:4" ht="18" customHeight="1" x14ac:dyDescent="0.2">
      <c r="A55" s="31">
        <v>41</v>
      </c>
      <c r="B55" s="27">
        <v>359</v>
      </c>
      <c r="C55" s="28">
        <v>298</v>
      </c>
      <c r="D55" s="29">
        <v>657</v>
      </c>
    </row>
    <row r="56" spans="1:4" ht="18" customHeight="1" x14ac:dyDescent="0.2">
      <c r="A56" s="31">
        <v>42</v>
      </c>
      <c r="B56" s="27">
        <v>338</v>
      </c>
      <c r="C56" s="28">
        <v>346</v>
      </c>
      <c r="D56" s="29">
        <v>684</v>
      </c>
    </row>
    <row r="57" spans="1:4" ht="18" customHeight="1" x14ac:dyDescent="0.2">
      <c r="A57" s="31">
        <v>43</v>
      </c>
      <c r="B57" s="27">
        <v>355</v>
      </c>
      <c r="C57" s="28">
        <v>323</v>
      </c>
      <c r="D57" s="29">
        <v>678</v>
      </c>
    </row>
    <row r="58" spans="1:4" ht="18" customHeight="1" x14ac:dyDescent="0.2">
      <c r="A58" s="31">
        <v>44</v>
      </c>
      <c r="B58" s="27">
        <v>343</v>
      </c>
      <c r="C58" s="28">
        <v>350</v>
      </c>
      <c r="D58" s="29">
        <v>693</v>
      </c>
    </row>
    <row r="59" spans="1:4" ht="18" customHeight="1" x14ac:dyDescent="0.2">
      <c r="A59" s="31" t="s">
        <v>57</v>
      </c>
      <c r="B59" s="27">
        <v>1686</v>
      </c>
      <c r="C59" s="28">
        <v>1608</v>
      </c>
      <c r="D59" s="29">
        <v>3294</v>
      </c>
    </row>
    <row r="60" spans="1:4" ht="18" customHeight="1" x14ac:dyDescent="0.2">
      <c r="A60" s="31">
        <v>45</v>
      </c>
      <c r="B60" s="27">
        <v>386</v>
      </c>
      <c r="C60" s="28">
        <v>364</v>
      </c>
      <c r="D60" s="29">
        <v>750</v>
      </c>
    </row>
    <row r="61" spans="1:4" ht="18" customHeight="1" x14ac:dyDescent="0.2">
      <c r="A61" s="31">
        <v>46</v>
      </c>
      <c r="B61" s="27">
        <v>373</v>
      </c>
      <c r="C61" s="28">
        <v>364</v>
      </c>
      <c r="D61" s="29">
        <v>737</v>
      </c>
    </row>
    <row r="62" spans="1:4" ht="18" customHeight="1" x14ac:dyDescent="0.2">
      <c r="A62" s="31">
        <v>47</v>
      </c>
      <c r="B62" s="27">
        <v>353</v>
      </c>
      <c r="C62" s="28">
        <v>353</v>
      </c>
      <c r="D62" s="29">
        <v>706</v>
      </c>
    </row>
    <row r="63" spans="1:4" ht="18" customHeight="1" x14ac:dyDescent="0.2">
      <c r="A63" s="31">
        <v>48</v>
      </c>
      <c r="B63" s="27">
        <v>312</v>
      </c>
      <c r="C63" s="28">
        <v>322</v>
      </c>
      <c r="D63" s="29">
        <v>634</v>
      </c>
    </row>
    <row r="64" spans="1:4" ht="18" customHeight="1" x14ac:dyDescent="0.2">
      <c r="A64" s="31">
        <v>49</v>
      </c>
      <c r="B64" s="27">
        <v>319</v>
      </c>
      <c r="C64" s="28">
        <v>293</v>
      </c>
      <c r="D64" s="29">
        <v>612</v>
      </c>
    </row>
    <row r="65" spans="1:4" ht="18" customHeight="1" x14ac:dyDescent="0.2">
      <c r="A65" s="31" t="s">
        <v>58</v>
      </c>
      <c r="B65" s="27">
        <v>1743</v>
      </c>
      <c r="C65" s="28">
        <v>1696</v>
      </c>
      <c r="D65" s="29">
        <v>3439</v>
      </c>
    </row>
    <row r="66" spans="1:4" ht="18" customHeight="1" x14ac:dyDescent="0.2">
      <c r="A66" s="31">
        <v>50</v>
      </c>
      <c r="B66" s="27">
        <v>330</v>
      </c>
      <c r="C66" s="28">
        <v>300</v>
      </c>
      <c r="D66" s="29">
        <v>630</v>
      </c>
    </row>
    <row r="67" spans="1:4" ht="18" customHeight="1" x14ac:dyDescent="0.2">
      <c r="A67" s="31">
        <v>51</v>
      </c>
      <c r="B67" s="27">
        <v>268</v>
      </c>
      <c r="C67" s="28">
        <v>305</v>
      </c>
      <c r="D67" s="29">
        <v>573</v>
      </c>
    </row>
    <row r="68" spans="1:4" ht="18" customHeight="1" x14ac:dyDescent="0.2">
      <c r="A68" s="31">
        <v>52</v>
      </c>
      <c r="B68" s="27">
        <v>268</v>
      </c>
      <c r="C68" s="28">
        <v>282</v>
      </c>
      <c r="D68" s="29">
        <v>550</v>
      </c>
    </row>
    <row r="69" spans="1:4" ht="18" customHeight="1" x14ac:dyDescent="0.2">
      <c r="A69" s="31">
        <v>53</v>
      </c>
      <c r="B69" s="27">
        <v>219</v>
      </c>
      <c r="C69" s="28">
        <v>195</v>
      </c>
      <c r="D69" s="29">
        <v>414</v>
      </c>
    </row>
    <row r="70" spans="1:4" ht="18" customHeight="1" x14ac:dyDescent="0.2">
      <c r="A70" s="31">
        <v>54</v>
      </c>
      <c r="B70" s="27">
        <v>253</v>
      </c>
      <c r="C70" s="28">
        <v>291</v>
      </c>
      <c r="D70" s="29">
        <v>544</v>
      </c>
    </row>
    <row r="71" spans="1:4" ht="18" customHeight="1" x14ac:dyDescent="0.2">
      <c r="A71" s="31" t="s">
        <v>59</v>
      </c>
      <c r="B71" s="27">
        <v>1338</v>
      </c>
      <c r="C71" s="28">
        <v>1373</v>
      </c>
      <c r="D71" s="29">
        <v>2711</v>
      </c>
    </row>
    <row r="72" spans="1:4" ht="18" customHeight="1" x14ac:dyDescent="0.2">
      <c r="A72" s="31">
        <v>55</v>
      </c>
      <c r="B72" s="27">
        <v>242</v>
      </c>
      <c r="C72" s="28">
        <v>241</v>
      </c>
      <c r="D72" s="29">
        <v>483</v>
      </c>
    </row>
    <row r="73" spans="1:4" ht="18" customHeight="1" x14ac:dyDescent="0.2">
      <c r="A73" s="31">
        <v>56</v>
      </c>
      <c r="B73" s="27">
        <v>242</v>
      </c>
      <c r="C73" s="28">
        <v>274</v>
      </c>
      <c r="D73" s="29">
        <v>516</v>
      </c>
    </row>
    <row r="74" spans="1:4" ht="18" customHeight="1" x14ac:dyDescent="0.2">
      <c r="A74" s="31">
        <v>57</v>
      </c>
      <c r="B74" s="27">
        <v>233</v>
      </c>
      <c r="C74" s="28">
        <v>237</v>
      </c>
      <c r="D74" s="29">
        <v>470</v>
      </c>
    </row>
    <row r="75" spans="1:4" ht="18" customHeight="1" x14ac:dyDescent="0.2">
      <c r="A75" s="31">
        <v>58</v>
      </c>
      <c r="B75" s="27">
        <v>221</v>
      </c>
      <c r="C75" s="28">
        <v>257</v>
      </c>
      <c r="D75" s="29">
        <v>478</v>
      </c>
    </row>
    <row r="76" spans="1:4" ht="18" customHeight="1" x14ac:dyDescent="0.2">
      <c r="A76" s="31">
        <v>59</v>
      </c>
      <c r="B76" s="27">
        <v>226</v>
      </c>
      <c r="C76" s="28">
        <v>243</v>
      </c>
      <c r="D76" s="29">
        <v>469</v>
      </c>
    </row>
    <row r="77" spans="1:4" ht="18" customHeight="1" x14ac:dyDescent="0.2">
      <c r="A77" s="31" t="s">
        <v>60</v>
      </c>
      <c r="B77" s="27">
        <v>1164</v>
      </c>
      <c r="C77" s="28">
        <v>1252</v>
      </c>
      <c r="D77" s="29">
        <v>2416</v>
      </c>
    </row>
    <row r="78" spans="1:4" ht="18" customHeight="1" x14ac:dyDescent="0.2">
      <c r="A78" s="31">
        <v>60</v>
      </c>
      <c r="B78" s="27">
        <v>251</v>
      </c>
      <c r="C78" s="28">
        <v>217</v>
      </c>
      <c r="D78" s="29">
        <v>468</v>
      </c>
    </row>
    <row r="79" spans="1:4" ht="18" customHeight="1" x14ac:dyDescent="0.2">
      <c r="A79" s="31">
        <v>61</v>
      </c>
      <c r="B79" s="27">
        <v>191</v>
      </c>
      <c r="C79" s="28">
        <v>222</v>
      </c>
      <c r="D79" s="29">
        <v>413</v>
      </c>
    </row>
    <row r="80" spans="1:4" ht="18" customHeight="1" x14ac:dyDescent="0.2">
      <c r="A80" s="31">
        <v>62</v>
      </c>
      <c r="B80" s="27">
        <v>202</v>
      </c>
      <c r="C80" s="28">
        <v>226</v>
      </c>
      <c r="D80" s="29">
        <v>428</v>
      </c>
    </row>
    <row r="81" spans="1:4" ht="18" customHeight="1" x14ac:dyDescent="0.2">
      <c r="A81" s="31">
        <v>63</v>
      </c>
      <c r="B81" s="27">
        <v>218</v>
      </c>
      <c r="C81" s="28">
        <v>232</v>
      </c>
      <c r="D81" s="29">
        <v>450</v>
      </c>
    </row>
    <row r="82" spans="1:4" ht="18" customHeight="1" x14ac:dyDescent="0.2">
      <c r="A82" s="31">
        <v>64</v>
      </c>
      <c r="B82" s="27">
        <v>252</v>
      </c>
      <c r="C82" s="28">
        <v>275</v>
      </c>
      <c r="D82" s="29">
        <v>527</v>
      </c>
    </row>
    <row r="83" spans="1:4" ht="18" customHeight="1" x14ac:dyDescent="0.2">
      <c r="A83" s="31" t="s">
        <v>61</v>
      </c>
      <c r="B83" s="27">
        <v>1114</v>
      </c>
      <c r="C83" s="28">
        <v>1172</v>
      </c>
      <c r="D83" s="29">
        <v>2286</v>
      </c>
    </row>
    <row r="84" spans="1:4" ht="18" customHeight="1" x14ac:dyDescent="0.2">
      <c r="A84" s="31" t="s">
        <v>62</v>
      </c>
      <c r="B84" s="27">
        <v>12782</v>
      </c>
      <c r="C84" s="28">
        <v>12597</v>
      </c>
      <c r="D84" s="29">
        <v>25379</v>
      </c>
    </row>
    <row r="85" spans="1:4" ht="18" customHeight="1" x14ac:dyDescent="0.2">
      <c r="A85" s="31">
        <v>65</v>
      </c>
      <c r="B85" s="27">
        <v>236</v>
      </c>
      <c r="C85" s="28">
        <v>240</v>
      </c>
      <c r="D85" s="29">
        <v>476</v>
      </c>
    </row>
    <row r="86" spans="1:4" ht="18" customHeight="1" x14ac:dyDescent="0.2">
      <c r="A86" s="31">
        <v>66</v>
      </c>
      <c r="B86" s="27">
        <v>260</v>
      </c>
      <c r="C86" s="28">
        <v>267</v>
      </c>
      <c r="D86" s="29">
        <v>527</v>
      </c>
    </row>
    <row r="87" spans="1:4" ht="18" customHeight="1" x14ac:dyDescent="0.2">
      <c r="A87" s="31">
        <v>67</v>
      </c>
      <c r="B87" s="27">
        <v>257</v>
      </c>
      <c r="C87" s="28">
        <v>271</v>
      </c>
      <c r="D87" s="29">
        <v>528</v>
      </c>
    </row>
    <row r="88" spans="1:4" ht="18" customHeight="1" x14ac:dyDescent="0.2">
      <c r="A88" s="31">
        <v>68</v>
      </c>
      <c r="B88" s="27">
        <v>250</v>
      </c>
      <c r="C88" s="28">
        <v>286</v>
      </c>
      <c r="D88" s="29">
        <v>536</v>
      </c>
    </row>
    <row r="89" spans="1:4" ht="18" customHeight="1" x14ac:dyDescent="0.2">
      <c r="A89" s="31">
        <v>69</v>
      </c>
      <c r="B89" s="27">
        <v>270</v>
      </c>
      <c r="C89" s="28">
        <v>293</v>
      </c>
      <c r="D89" s="29">
        <v>563</v>
      </c>
    </row>
    <row r="90" spans="1:4" ht="18" customHeight="1" x14ac:dyDescent="0.2">
      <c r="A90" s="31" t="s">
        <v>63</v>
      </c>
      <c r="B90" s="27">
        <v>1273</v>
      </c>
      <c r="C90" s="28">
        <v>1357</v>
      </c>
      <c r="D90" s="29">
        <v>2630</v>
      </c>
    </row>
    <row r="91" spans="1:4" ht="18" customHeight="1" x14ac:dyDescent="0.2">
      <c r="A91" s="31">
        <v>70</v>
      </c>
      <c r="B91" s="27">
        <v>306</v>
      </c>
      <c r="C91" s="28">
        <v>312</v>
      </c>
      <c r="D91" s="29">
        <v>618</v>
      </c>
    </row>
    <row r="92" spans="1:4" ht="18" customHeight="1" x14ac:dyDescent="0.2">
      <c r="A92" s="31">
        <v>71</v>
      </c>
      <c r="B92" s="27">
        <v>326</v>
      </c>
      <c r="C92" s="28">
        <v>314</v>
      </c>
      <c r="D92" s="29">
        <v>640</v>
      </c>
    </row>
    <row r="93" spans="1:4" ht="18" customHeight="1" x14ac:dyDescent="0.2">
      <c r="A93" s="31">
        <v>72</v>
      </c>
      <c r="B93" s="27">
        <v>299</v>
      </c>
      <c r="C93" s="28">
        <v>348</v>
      </c>
      <c r="D93" s="29">
        <v>647</v>
      </c>
    </row>
    <row r="94" spans="1:4" ht="18" customHeight="1" x14ac:dyDescent="0.2">
      <c r="A94" s="31">
        <v>73</v>
      </c>
      <c r="B94" s="27">
        <v>151</v>
      </c>
      <c r="C94" s="28">
        <v>157</v>
      </c>
      <c r="D94" s="29">
        <v>308</v>
      </c>
    </row>
    <row r="95" spans="1:4" ht="18" customHeight="1" x14ac:dyDescent="0.2">
      <c r="A95" s="31">
        <v>74</v>
      </c>
      <c r="B95" s="27">
        <v>162</v>
      </c>
      <c r="C95" s="28">
        <v>148</v>
      </c>
      <c r="D95" s="29">
        <v>310</v>
      </c>
    </row>
    <row r="96" spans="1:4" ht="18" customHeight="1" x14ac:dyDescent="0.2">
      <c r="A96" s="31" t="s">
        <v>64</v>
      </c>
      <c r="B96" s="27">
        <v>1244</v>
      </c>
      <c r="C96" s="28">
        <v>1279</v>
      </c>
      <c r="D96" s="29">
        <v>2523</v>
      </c>
    </row>
    <row r="97" spans="1:4" ht="18" customHeight="1" x14ac:dyDescent="0.2">
      <c r="A97" s="31">
        <v>75</v>
      </c>
      <c r="B97" s="27">
        <v>179</v>
      </c>
      <c r="C97" s="28">
        <v>227</v>
      </c>
      <c r="D97" s="29">
        <v>406</v>
      </c>
    </row>
    <row r="98" spans="1:4" ht="18" customHeight="1" x14ac:dyDescent="0.2">
      <c r="A98" s="31">
        <v>76</v>
      </c>
      <c r="B98" s="27">
        <v>173</v>
      </c>
      <c r="C98" s="28">
        <v>224</v>
      </c>
      <c r="D98" s="29">
        <v>397</v>
      </c>
    </row>
    <row r="99" spans="1:4" ht="18" customHeight="1" x14ac:dyDescent="0.2">
      <c r="A99" s="31">
        <v>77</v>
      </c>
      <c r="B99" s="27">
        <v>190</v>
      </c>
      <c r="C99" s="28">
        <v>204</v>
      </c>
      <c r="D99" s="29">
        <v>394</v>
      </c>
    </row>
    <row r="100" spans="1:4" ht="18" customHeight="1" x14ac:dyDescent="0.2">
      <c r="A100" s="31">
        <v>78</v>
      </c>
      <c r="B100" s="27">
        <v>169</v>
      </c>
      <c r="C100" s="28">
        <v>208</v>
      </c>
      <c r="D100" s="29">
        <v>377</v>
      </c>
    </row>
    <row r="101" spans="1:4" ht="18" customHeight="1" x14ac:dyDescent="0.2">
      <c r="A101" s="31">
        <v>79</v>
      </c>
      <c r="B101" s="27">
        <v>134</v>
      </c>
      <c r="C101" s="28">
        <v>171</v>
      </c>
      <c r="D101" s="29">
        <v>305</v>
      </c>
    </row>
    <row r="102" spans="1:4" ht="18" customHeight="1" x14ac:dyDescent="0.2">
      <c r="A102" s="31" t="s">
        <v>65</v>
      </c>
      <c r="B102" s="27">
        <v>845</v>
      </c>
      <c r="C102" s="28">
        <v>1034</v>
      </c>
      <c r="D102" s="29">
        <v>1879</v>
      </c>
    </row>
    <row r="103" spans="1:4" ht="18" customHeight="1" x14ac:dyDescent="0.2">
      <c r="A103" s="31">
        <v>80</v>
      </c>
      <c r="B103" s="27">
        <v>101</v>
      </c>
      <c r="C103" s="28">
        <v>158</v>
      </c>
      <c r="D103" s="29">
        <v>259</v>
      </c>
    </row>
    <row r="104" spans="1:4" ht="18" customHeight="1" x14ac:dyDescent="0.2">
      <c r="A104" s="31">
        <v>81</v>
      </c>
      <c r="B104" s="27">
        <v>130</v>
      </c>
      <c r="C104" s="28">
        <v>150</v>
      </c>
      <c r="D104" s="29">
        <v>280</v>
      </c>
    </row>
    <row r="105" spans="1:4" ht="18" customHeight="1" x14ac:dyDescent="0.2">
      <c r="A105" s="31">
        <v>82</v>
      </c>
      <c r="B105" s="27">
        <v>111</v>
      </c>
      <c r="C105" s="28">
        <v>151</v>
      </c>
      <c r="D105" s="29">
        <v>262</v>
      </c>
    </row>
    <row r="106" spans="1:4" ht="18" customHeight="1" x14ac:dyDescent="0.2">
      <c r="A106" s="31">
        <v>83</v>
      </c>
      <c r="B106" s="27">
        <v>114</v>
      </c>
      <c r="C106" s="28">
        <v>165</v>
      </c>
      <c r="D106" s="29">
        <v>279</v>
      </c>
    </row>
    <row r="107" spans="1:4" ht="18" customHeight="1" x14ac:dyDescent="0.2">
      <c r="A107" s="31">
        <v>84</v>
      </c>
      <c r="B107" s="27">
        <v>87</v>
      </c>
      <c r="C107" s="28">
        <v>152</v>
      </c>
      <c r="D107" s="29">
        <v>239</v>
      </c>
    </row>
    <row r="108" spans="1:4" ht="18" customHeight="1" x14ac:dyDescent="0.2">
      <c r="A108" s="31" t="s">
        <v>66</v>
      </c>
      <c r="B108" s="27">
        <v>543</v>
      </c>
      <c r="C108" s="28">
        <v>776</v>
      </c>
      <c r="D108" s="29">
        <v>1319</v>
      </c>
    </row>
    <row r="109" spans="1:4" ht="18" customHeight="1" x14ac:dyDescent="0.2">
      <c r="A109" s="31">
        <v>85</v>
      </c>
      <c r="B109" s="27">
        <v>73</v>
      </c>
      <c r="C109" s="28">
        <v>146</v>
      </c>
      <c r="D109" s="29">
        <v>219</v>
      </c>
    </row>
    <row r="110" spans="1:4" ht="18" customHeight="1" x14ac:dyDescent="0.2">
      <c r="A110" s="31">
        <v>86</v>
      </c>
      <c r="B110" s="27">
        <v>75</v>
      </c>
      <c r="C110" s="28">
        <v>169</v>
      </c>
      <c r="D110" s="29">
        <v>244</v>
      </c>
    </row>
    <row r="111" spans="1:4" ht="18" customHeight="1" x14ac:dyDescent="0.2">
      <c r="A111" s="31">
        <v>87</v>
      </c>
      <c r="B111" s="27">
        <v>59</v>
      </c>
      <c r="C111" s="28">
        <v>149</v>
      </c>
      <c r="D111" s="29">
        <v>208</v>
      </c>
    </row>
    <row r="112" spans="1:4" ht="18" customHeight="1" x14ac:dyDescent="0.2">
      <c r="A112" s="31">
        <v>88</v>
      </c>
      <c r="B112" s="27">
        <v>60</v>
      </c>
      <c r="C112" s="28">
        <v>125</v>
      </c>
      <c r="D112" s="29">
        <v>185</v>
      </c>
    </row>
    <row r="113" spans="1:4" ht="18" customHeight="1" x14ac:dyDescent="0.2">
      <c r="A113" s="31">
        <v>89</v>
      </c>
      <c r="B113" s="27">
        <v>48</v>
      </c>
      <c r="C113" s="28">
        <v>114</v>
      </c>
      <c r="D113" s="29">
        <v>162</v>
      </c>
    </row>
    <row r="114" spans="1:4" ht="18" customHeight="1" x14ac:dyDescent="0.2">
      <c r="A114" s="31" t="s">
        <v>67</v>
      </c>
      <c r="B114" s="27">
        <v>315</v>
      </c>
      <c r="C114" s="28">
        <v>703</v>
      </c>
      <c r="D114" s="29">
        <v>1018</v>
      </c>
    </row>
    <row r="115" spans="1:4" ht="18" customHeight="1" x14ac:dyDescent="0.2">
      <c r="A115" s="31">
        <v>90</v>
      </c>
      <c r="B115" s="27">
        <v>53</v>
      </c>
      <c r="C115" s="28">
        <v>102</v>
      </c>
      <c r="D115" s="29">
        <v>155</v>
      </c>
    </row>
    <row r="116" spans="1:4" ht="18" customHeight="1" x14ac:dyDescent="0.2">
      <c r="A116" s="31">
        <v>91</v>
      </c>
      <c r="B116" s="27">
        <v>34</v>
      </c>
      <c r="C116" s="28">
        <v>88</v>
      </c>
      <c r="D116" s="29">
        <v>122</v>
      </c>
    </row>
    <row r="117" spans="1:4" ht="18" customHeight="1" x14ac:dyDescent="0.2">
      <c r="A117" s="31">
        <v>92</v>
      </c>
      <c r="B117" s="27">
        <v>33</v>
      </c>
      <c r="C117" s="28">
        <v>72</v>
      </c>
      <c r="D117" s="29">
        <v>105</v>
      </c>
    </row>
    <row r="118" spans="1:4" ht="18" customHeight="1" x14ac:dyDescent="0.2">
      <c r="A118" s="31">
        <v>93</v>
      </c>
      <c r="B118" s="27">
        <v>24</v>
      </c>
      <c r="C118" s="28">
        <v>62</v>
      </c>
      <c r="D118" s="29">
        <v>86</v>
      </c>
    </row>
    <row r="119" spans="1:4" ht="18" customHeight="1" x14ac:dyDescent="0.2">
      <c r="A119" s="31">
        <v>94</v>
      </c>
      <c r="B119" s="27">
        <v>17</v>
      </c>
      <c r="C119" s="28">
        <v>58</v>
      </c>
      <c r="D119" s="29">
        <v>75</v>
      </c>
    </row>
    <row r="120" spans="1:4" ht="18" customHeight="1" x14ac:dyDescent="0.2">
      <c r="A120" s="31" t="s">
        <v>68</v>
      </c>
      <c r="B120" s="27">
        <v>161</v>
      </c>
      <c r="C120" s="28">
        <v>382</v>
      </c>
      <c r="D120" s="29">
        <v>543</v>
      </c>
    </row>
    <row r="121" spans="1:4" ht="18" customHeight="1" x14ac:dyDescent="0.2">
      <c r="A121" s="31">
        <v>95</v>
      </c>
      <c r="B121" s="27">
        <v>14</v>
      </c>
      <c r="C121" s="28">
        <v>33</v>
      </c>
      <c r="D121" s="29">
        <v>47</v>
      </c>
    </row>
    <row r="122" spans="1:4" ht="18" customHeight="1" x14ac:dyDescent="0.2">
      <c r="A122" s="31">
        <v>96</v>
      </c>
      <c r="B122" s="27">
        <v>6</v>
      </c>
      <c r="C122" s="28">
        <v>29</v>
      </c>
      <c r="D122" s="29">
        <v>35</v>
      </c>
    </row>
    <row r="123" spans="1:4" ht="18" customHeight="1" x14ac:dyDescent="0.2">
      <c r="A123" s="31">
        <v>97</v>
      </c>
      <c r="B123" s="27">
        <v>7</v>
      </c>
      <c r="C123" s="28">
        <v>18</v>
      </c>
      <c r="D123" s="29">
        <v>25</v>
      </c>
    </row>
    <row r="124" spans="1:4" ht="18" customHeight="1" x14ac:dyDescent="0.2">
      <c r="A124" s="31">
        <v>98</v>
      </c>
      <c r="B124" s="27">
        <v>2</v>
      </c>
      <c r="C124" s="28">
        <v>25</v>
      </c>
      <c r="D124" s="29">
        <v>27</v>
      </c>
    </row>
    <row r="125" spans="1:4" ht="18" customHeight="1" x14ac:dyDescent="0.2">
      <c r="A125" s="31">
        <v>99</v>
      </c>
      <c r="B125" s="27">
        <v>0</v>
      </c>
      <c r="C125" s="28">
        <v>10</v>
      </c>
      <c r="D125" s="29">
        <v>10</v>
      </c>
    </row>
    <row r="126" spans="1:4" ht="18" customHeight="1" x14ac:dyDescent="0.2">
      <c r="A126" s="31" t="s">
        <v>69</v>
      </c>
      <c r="B126" s="27">
        <v>29</v>
      </c>
      <c r="C126" s="28">
        <v>115</v>
      </c>
      <c r="D126" s="29">
        <v>144</v>
      </c>
    </row>
    <row r="127" spans="1:4" ht="18" customHeight="1" x14ac:dyDescent="0.2">
      <c r="A127" s="31">
        <v>100</v>
      </c>
      <c r="B127" s="27">
        <v>0</v>
      </c>
      <c r="C127" s="28">
        <v>12</v>
      </c>
      <c r="D127" s="29">
        <v>12</v>
      </c>
    </row>
    <row r="128" spans="1:4" ht="18" customHeight="1" x14ac:dyDescent="0.2">
      <c r="A128" s="32" t="s">
        <v>70</v>
      </c>
      <c r="B128" s="27">
        <v>2</v>
      </c>
      <c r="C128" s="28">
        <v>11</v>
      </c>
      <c r="D128" s="29">
        <v>13</v>
      </c>
    </row>
    <row r="129" spans="1:4" ht="18" customHeight="1" x14ac:dyDescent="0.2">
      <c r="A129" s="31" t="s">
        <v>71</v>
      </c>
      <c r="B129" s="27">
        <v>2</v>
      </c>
      <c r="C129" s="28">
        <v>23</v>
      </c>
      <c r="D129" s="29">
        <v>25</v>
      </c>
    </row>
    <row r="130" spans="1:4" ht="18" customHeight="1" x14ac:dyDescent="0.2">
      <c r="A130" s="31" t="s">
        <v>72</v>
      </c>
      <c r="B130" s="4">
        <v>4412</v>
      </c>
      <c r="C130" s="5">
        <v>5669</v>
      </c>
      <c r="D130" s="6">
        <v>10081</v>
      </c>
    </row>
    <row r="131" spans="1:4" ht="18" customHeight="1" x14ac:dyDescent="0.2">
      <c r="A131" s="33" t="s">
        <v>47</v>
      </c>
      <c r="B131" s="7">
        <v>20351</v>
      </c>
      <c r="C131" s="8">
        <v>21195</v>
      </c>
      <c r="D131" s="9">
        <v>415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0</v>
      </c>
      <c r="C23" s="28">
        <v>0</v>
      </c>
      <c r="D23" s="29">
        <v>0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1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0</v>
      </c>
      <c r="D65" s="29">
        <v>0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1</v>
      </c>
      <c r="C69" s="28">
        <v>0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2</v>
      </c>
      <c r="C71" s="28">
        <v>1</v>
      </c>
      <c r="D71" s="29">
        <v>3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1</v>
      </c>
      <c r="C82" s="28">
        <v>0</v>
      </c>
      <c r="D82" s="29">
        <v>1</v>
      </c>
    </row>
    <row r="83" spans="1:4" ht="18" customHeight="1" x14ac:dyDescent="0.2">
      <c r="A83" s="31" t="s">
        <v>61</v>
      </c>
      <c r="B83" s="27">
        <v>1</v>
      </c>
      <c r="C83" s="28">
        <v>0</v>
      </c>
      <c r="D83" s="29">
        <v>1</v>
      </c>
    </row>
    <row r="84" spans="1:4" ht="18" customHeight="1" x14ac:dyDescent="0.2">
      <c r="A84" s="31" t="s">
        <v>62</v>
      </c>
      <c r="B84" s="27">
        <v>3</v>
      </c>
      <c r="C84" s="28">
        <v>3</v>
      </c>
      <c r="D84" s="29">
        <v>6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1</v>
      </c>
      <c r="D90" s="29">
        <v>1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1</v>
      </c>
      <c r="D102" s="29">
        <v>1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1</v>
      </c>
      <c r="C108" s="28">
        <v>0</v>
      </c>
      <c r="D108" s="29">
        <v>1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0</v>
      </c>
      <c r="C114" s="28">
        <v>1</v>
      </c>
      <c r="D114" s="29">
        <v>1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2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6</v>
      </c>
      <c r="D130" s="6">
        <v>8</v>
      </c>
    </row>
    <row r="131" spans="1:4" ht="18" customHeight="1" x14ac:dyDescent="0.2">
      <c r="A131" s="33" t="s">
        <v>47</v>
      </c>
      <c r="B131" s="7">
        <v>5</v>
      </c>
      <c r="C131" s="8">
        <v>9</v>
      </c>
      <c r="D131" s="9">
        <v>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4</v>
      </c>
      <c r="C7" s="28">
        <v>1</v>
      </c>
      <c r="D7" s="29">
        <v>5</v>
      </c>
    </row>
    <row r="8" spans="1:4" ht="18" customHeight="1" x14ac:dyDescent="0.2">
      <c r="A8" s="31">
        <v>3</v>
      </c>
      <c r="B8" s="35">
        <v>3</v>
      </c>
      <c r="C8" s="28">
        <v>2</v>
      </c>
      <c r="D8" s="29">
        <v>5</v>
      </c>
    </row>
    <row r="9" spans="1:4" ht="18" customHeight="1" x14ac:dyDescent="0.2">
      <c r="A9" s="31">
        <v>4</v>
      </c>
      <c r="B9" s="36">
        <v>3</v>
      </c>
      <c r="C9" s="38">
        <v>5</v>
      </c>
      <c r="D9" s="40">
        <v>8</v>
      </c>
    </row>
    <row r="10" spans="1:4" ht="18" customHeight="1" x14ac:dyDescent="0.2">
      <c r="A10" s="31" t="s">
        <v>48</v>
      </c>
      <c r="B10" s="27">
        <v>13</v>
      </c>
      <c r="C10" s="28">
        <v>14</v>
      </c>
      <c r="D10" s="29">
        <v>27</v>
      </c>
    </row>
    <row r="11" spans="1:4" ht="18" customHeight="1" x14ac:dyDescent="0.2">
      <c r="A11" s="31">
        <v>5</v>
      </c>
      <c r="B11" s="35">
        <v>6</v>
      </c>
      <c r="C11" s="28">
        <v>0</v>
      </c>
      <c r="D11" s="29">
        <v>6</v>
      </c>
    </row>
    <row r="12" spans="1:4" ht="18" customHeight="1" x14ac:dyDescent="0.2">
      <c r="A12" s="31">
        <v>6</v>
      </c>
      <c r="B12" s="35">
        <v>0</v>
      </c>
      <c r="C12" s="28">
        <v>2</v>
      </c>
      <c r="D12" s="29">
        <v>2</v>
      </c>
    </row>
    <row r="13" spans="1:4" ht="18" customHeight="1" x14ac:dyDescent="0.2">
      <c r="A13" s="31">
        <v>7</v>
      </c>
      <c r="B13" s="35">
        <v>5</v>
      </c>
      <c r="C13" s="28">
        <v>3</v>
      </c>
      <c r="D13" s="29">
        <v>8</v>
      </c>
    </row>
    <row r="14" spans="1:4" ht="18" customHeight="1" x14ac:dyDescent="0.2">
      <c r="A14" s="31">
        <v>8</v>
      </c>
      <c r="B14" s="35">
        <v>3</v>
      </c>
      <c r="C14" s="28">
        <v>2</v>
      </c>
      <c r="D14" s="29">
        <v>5</v>
      </c>
    </row>
    <row r="15" spans="1:4" ht="18" customHeight="1" x14ac:dyDescent="0.2">
      <c r="A15" s="31">
        <v>9</v>
      </c>
      <c r="B15" s="35">
        <v>5</v>
      </c>
      <c r="C15" s="28">
        <v>3</v>
      </c>
      <c r="D15" s="29">
        <v>8</v>
      </c>
    </row>
    <row r="16" spans="1:4" ht="18" customHeight="1" x14ac:dyDescent="0.2">
      <c r="A16" s="31" t="s">
        <v>49</v>
      </c>
      <c r="B16" s="27">
        <v>19</v>
      </c>
      <c r="C16" s="28">
        <v>10</v>
      </c>
      <c r="D16" s="29">
        <v>29</v>
      </c>
    </row>
    <row r="17" spans="1:4" ht="18" customHeight="1" x14ac:dyDescent="0.2">
      <c r="A17" s="31">
        <v>10</v>
      </c>
      <c r="B17" s="27">
        <v>6</v>
      </c>
      <c r="C17" s="28">
        <v>2</v>
      </c>
      <c r="D17" s="29">
        <v>8</v>
      </c>
    </row>
    <row r="18" spans="1:4" ht="18" customHeight="1" x14ac:dyDescent="0.2">
      <c r="A18" s="31">
        <v>11</v>
      </c>
      <c r="B18" s="27">
        <v>2</v>
      </c>
      <c r="C18" s="28">
        <v>4</v>
      </c>
      <c r="D18" s="29">
        <v>6</v>
      </c>
    </row>
    <row r="19" spans="1:4" ht="18" customHeight="1" x14ac:dyDescent="0.2">
      <c r="A19" s="31">
        <v>12</v>
      </c>
      <c r="B19" s="27">
        <v>4</v>
      </c>
      <c r="C19" s="28">
        <v>2</v>
      </c>
      <c r="D19" s="29">
        <v>6</v>
      </c>
    </row>
    <row r="20" spans="1:4" ht="18" customHeight="1" x14ac:dyDescent="0.2">
      <c r="A20" s="31">
        <v>13</v>
      </c>
      <c r="B20" s="27">
        <v>7</v>
      </c>
      <c r="C20" s="28">
        <v>4</v>
      </c>
      <c r="D20" s="29">
        <v>11</v>
      </c>
    </row>
    <row r="21" spans="1:4" ht="18" customHeight="1" x14ac:dyDescent="0.2">
      <c r="A21" s="31">
        <v>14</v>
      </c>
      <c r="B21" s="27">
        <v>3</v>
      </c>
      <c r="C21" s="28">
        <v>6</v>
      </c>
      <c r="D21" s="29">
        <v>9</v>
      </c>
    </row>
    <row r="22" spans="1:4" ht="18" customHeight="1" x14ac:dyDescent="0.2">
      <c r="A22" s="31" t="s">
        <v>50</v>
      </c>
      <c r="B22" s="27">
        <v>22</v>
      </c>
      <c r="C22" s="28">
        <v>18</v>
      </c>
      <c r="D22" s="29">
        <v>40</v>
      </c>
    </row>
    <row r="23" spans="1:4" ht="18" customHeight="1" x14ac:dyDescent="0.2">
      <c r="A23" s="31" t="s">
        <v>51</v>
      </c>
      <c r="B23" s="27">
        <v>54</v>
      </c>
      <c r="C23" s="28">
        <v>42</v>
      </c>
      <c r="D23" s="29">
        <v>96</v>
      </c>
    </row>
    <row r="24" spans="1:4" ht="18" customHeight="1" x14ac:dyDescent="0.2">
      <c r="A24" s="31">
        <v>15</v>
      </c>
      <c r="B24" s="27">
        <v>7</v>
      </c>
      <c r="C24" s="28">
        <v>4</v>
      </c>
      <c r="D24" s="29">
        <v>11</v>
      </c>
    </row>
    <row r="25" spans="1:4" ht="18" customHeight="1" x14ac:dyDescent="0.2">
      <c r="A25" s="31">
        <v>16</v>
      </c>
      <c r="B25" s="27">
        <v>6</v>
      </c>
      <c r="C25" s="28">
        <v>3</v>
      </c>
      <c r="D25" s="29">
        <v>9</v>
      </c>
    </row>
    <row r="26" spans="1:4" ht="18" customHeight="1" x14ac:dyDescent="0.2">
      <c r="A26" s="31">
        <v>17</v>
      </c>
      <c r="B26" s="27">
        <v>3</v>
      </c>
      <c r="C26" s="28">
        <v>7</v>
      </c>
      <c r="D26" s="29">
        <v>10</v>
      </c>
    </row>
    <row r="27" spans="1:4" ht="18" customHeight="1" x14ac:dyDescent="0.2">
      <c r="A27" s="31">
        <v>18</v>
      </c>
      <c r="B27" s="27">
        <v>3</v>
      </c>
      <c r="C27" s="28">
        <v>2</v>
      </c>
      <c r="D27" s="29">
        <v>5</v>
      </c>
    </row>
    <row r="28" spans="1:4" ht="18" customHeight="1" x14ac:dyDescent="0.2">
      <c r="A28" s="31">
        <v>19</v>
      </c>
      <c r="B28" s="27">
        <v>1</v>
      </c>
      <c r="C28" s="28">
        <v>6</v>
      </c>
      <c r="D28" s="29">
        <v>7</v>
      </c>
    </row>
    <row r="29" spans="1:4" ht="18" customHeight="1" x14ac:dyDescent="0.2">
      <c r="A29" s="31" t="s">
        <v>52</v>
      </c>
      <c r="B29" s="27">
        <v>20</v>
      </c>
      <c r="C29" s="28">
        <v>22</v>
      </c>
      <c r="D29" s="29">
        <v>42</v>
      </c>
    </row>
    <row r="30" spans="1:4" ht="18" customHeight="1" x14ac:dyDescent="0.2">
      <c r="A30" s="31">
        <v>20</v>
      </c>
      <c r="B30" s="27">
        <v>3</v>
      </c>
      <c r="C30" s="28">
        <v>3</v>
      </c>
      <c r="D30" s="29">
        <v>6</v>
      </c>
    </row>
    <row r="31" spans="1:4" ht="18" customHeight="1" x14ac:dyDescent="0.2">
      <c r="A31" s="31">
        <v>21</v>
      </c>
      <c r="B31" s="27">
        <v>4</v>
      </c>
      <c r="C31" s="28">
        <v>5</v>
      </c>
      <c r="D31" s="29">
        <v>9</v>
      </c>
    </row>
    <row r="32" spans="1:4" ht="18" customHeight="1" x14ac:dyDescent="0.2">
      <c r="A32" s="31">
        <v>22</v>
      </c>
      <c r="B32" s="27">
        <v>4</v>
      </c>
      <c r="C32" s="28">
        <v>1</v>
      </c>
      <c r="D32" s="29">
        <v>5</v>
      </c>
    </row>
    <row r="33" spans="1:4" ht="18" customHeight="1" x14ac:dyDescent="0.2">
      <c r="A33" s="31">
        <v>23</v>
      </c>
      <c r="B33" s="27">
        <v>8</v>
      </c>
      <c r="C33" s="28">
        <v>2</v>
      </c>
      <c r="D33" s="29">
        <v>10</v>
      </c>
    </row>
    <row r="34" spans="1:4" ht="18" customHeight="1" x14ac:dyDescent="0.2">
      <c r="A34" s="31">
        <v>24</v>
      </c>
      <c r="B34" s="27">
        <v>3</v>
      </c>
      <c r="C34" s="28">
        <v>3</v>
      </c>
      <c r="D34" s="29">
        <v>6</v>
      </c>
    </row>
    <row r="35" spans="1:4" ht="18" customHeight="1" x14ac:dyDescent="0.2">
      <c r="A35" s="31" t="s">
        <v>53</v>
      </c>
      <c r="B35" s="27">
        <v>22</v>
      </c>
      <c r="C35" s="28">
        <v>14</v>
      </c>
      <c r="D35" s="29">
        <v>36</v>
      </c>
    </row>
    <row r="36" spans="1:4" ht="18" customHeight="1" x14ac:dyDescent="0.2">
      <c r="A36" s="31">
        <v>25</v>
      </c>
      <c r="B36" s="27">
        <v>5</v>
      </c>
      <c r="C36" s="28">
        <v>1</v>
      </c>
      <c r="D36" s="29">
        <v>6</v>
      </c>
    </row>
    <row r="37" spans="1:4" ht="18" customHeight="1" x14ac:dyDescent="0.2">
      <c r="A37" s="31">
        <v>26</v>
      </c>
      <c r="B37" s="27">
        <v>2</v>
      </c>
      <c r="C37" s="28">
        <v>6</v>
      </c>
      <c r="D37" s="29">
        <v>8</v>
      </c>
    </row>
    <row r="38" spans="1:4" ht="18" customHeight="1" x14ac:dyDescent="0.2">
      <c r="A38" s="31">
        <v>27</v>
      </c>
      <c r="B38" s="27">
        <v>5</v>
      </c>
      <c r="C38" s="28">
        <v>5</v>
      </c>
      <c r="D38" s="29">
        <v>10</v>
      </c>
    </row>
    <row r="39" spans="1:4" ht="18" customHeight="1" x14ac:dyDescent="0.2">
      <c r="A39" s="31">
        <v>28</v>
      </c>
      <c r="B39" s="27">
        <v>2</v>
      </c>
      <c r="C39" s="28">
        <v>5</v>
      </c>
      <c r="D39" s="29">
        <v>7</v>
      </c>
    </row>
    <row r="40" spans="1:4" ht="18" customHeight="1" x14ac:dyDescent="0.2">
      <c r="A40" s="31">
        <v>29</v>
      </c>
      <c r="B40" s="27">
        <v>6</v>
      </c>
      <c r="C40" s="28">
        <v>4</v>
      </c>
      <c r="D40" s="29">
        <v>10</v>
      </c>
    </row>
    <row r="41" spans="1:4" ht="18" customHeight="1" x14ac:dyDescent="0.2">
      <c r="A41" s="31" t="s">
        <v>54</v>
      </c>
      <c r="B41" s="27">
        <v>20</v>
      </c>
      <c r="C41" s="28">
        <v>21</v>
      </c>
      <c r="D41" s="29">
        <v>41</v>
      </c>
    </row>
    <row r="42" spans="1:4" ht="18" customHeight="1" x14ac:dyDescent="0.2">
      <c r="A42" s="31">
        <v>30</v>
      </c>
      <c r="B42" s="27">
        <v>7</v>
      </c>
      <c r="C42" s="28">
        <v>5</v>
      </c>
      <c r="D42" s="29">
        <v>12</v>
      </c>
    </row>
    <row r="43" spans="1:4" ht="18" customHeight="1" x14ac:dyDescent="0.2">
      <c r="A43" s="31">
        <v>31</v>
      </c>
      <c r="B43" s="27">
        <v>4</v>
      </c>
      <c r="C43" s="28">
        <v>7</v>
      </c>
      <c r="D43" s="29">
        <v>11</v>
      </c>
    </row>
    <row r="44" spans="1:4" ht="18" customHeight="1" x14ac:dyDescent="0.2">
      <c r="A44" s="31">
        <v>32</v>
      </c>
      <c r="B44" s="27">
        <v>3</v>
      </c>
      <c r="C44" s="28">
        <v>4</v>
      </c>
      <c r="D44" s="29">
        <v>7</v>
      </c>
    </row>
    <row r="45" spans="1:4" ht="18" customHeight="1" x14ac:dyDescent="0.2">
      <c r="A45" s="31">
        <v>33</v>
      </c>
      <c r="B45" s="27">
        <v>4</v>
      </c>
      <c r="C45" s="28">
        <v>5</v>
      </c>
      <c r="D45" s="29">
        <v>9</v>
      </c>
    </row>
    <row r="46" spans="1:4" ht="18" customHeight="1" x14ac:dyDescent="0.2">
      <c r="A46" s="31">
        <v>34</v>
      </c>
      <c r="B46" s="27">
        <v>5</v>
      </c>
      <c r="C46" s="28">
        <v>3</v>
      </c>
      <c r="D46" s="29">
        <v>8</v>
      </c>
    </row>
    <row r="47" spans="1:4" ht="18" customHeight="1" x14ac:dyDescent="0.2">
      <c r="A47" s="31" t="s">
        <v>55</v>
      </c>
      <c r="B47" s="27">
        <v>23</v>
      </c>
      <c r="C47" s="28">
        <v>24</v>
      </c>
      <c r="D47" s="29">
        <v>47</v>
      </c>
    </row>
    <row r="48" spans="1:4" ht="18" customHeight="1" x14ac:dyDescent="0.2">
      <c r="A48" s="31">
        <v>35</v>
      </c>
      <c r="B48" s="27">
        <v>3</v>
      </c>
      <c r="C48" s="28">
        <v>2</v>
      </c>
      <c r="D48" s="29">
        <v>5</v>
      </c>
    </row>
    <row r="49" spans="1:4" ht="18" customHeight="1" x14ac:dyDescent="0.2">
      <c r="A49" s="31">
        <v>36</v>
      </c>
      <c r="B49" s="27">
        <v>4</v>
      </c>
      <c r="C49" s="28">
        <v>4</v>
      </c>
      <c r="D49" s="29">
        <v>8</v>
      </c>
    </row>
    <row r="50" spans="1:4" ht="18" customHeight="1" x14ac:dyDescent="0.2">
      <c r="A50" s="31">
        <v>37</v>
      </c>
      <c r="B50" s="27">
        <v>6</v>
      </c>
      <c r="C50" s="28">
        <v>5</v>
      </c>
      <c r="D50" s="29">
        <v>11</v>
      </c>
    </row>
    <row r="51" spans="1:4" ht="18" customHeight="1" x14ac:dyDescent="0.2">
      <c r="A51" s="31">
        <v>38</v>
      </c>
      <c r="B51" s="27">
        <v>5</v>
      </c>
      <c r="C51" s="28">
        <v>8</v>
      </c>
      <c r="D51" s="29">
        <v>13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23</v>
      </c>
      <c r="C53" s="28">
        <v>23</v>
      </c>
      <c r="D53" s="29">
        <v>46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5</v>
      </c>
      <c r="C55" s="28">
        <v>6</v>
      </c>
      <c r="D55" s="29">
        <v>11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5</v>
      </c>
      <c r="C57" s="28">
        <v>2</v>
      </c>
      <c r="D57" s="29">
        <v>7</v>
      </c>
    </row>
    <row r="58" spans="1:4" ht="18" customHeight="1" x14ac:dyDescent="0.2">
      <c r="A58" s="31">
        <v>44</v>
      </c>
      <c r="B58" s="27">
        <v>3</v>
      </c>
      <c r="C58" s="28">
        <v>9</v>
      </c>
      <c r="D58" s="29">
        <v>12</v>
      </c>
    </row>
    <row r="59" spans="1:4" ht="18" customHeight="1" x14ac:dyDescent="0.2">
      <c r="A59" s="31" t="s">
        <v>57</v>
      </c>
      <c r="B59" s="27">
        <v>18</v>
      </c>
      <c r="C59" s="28">
        <v>22</v>
      </c>
      <c r="D59" s="29">
        <v>40</v>
      </c>
    </row>
    <row r="60" spans="1:4" ht="18" customHeight="1" x14ac:dyDescent="0.2">
      <c r="A60" s="31">
        <v>45</v>
      </c>
      <c r="B60" s="27">
        <v>9</v>
      </c>
      <c r="C60" s="28">
        <v>4</v>
      </c>
      <c r="D60" s="29">
        <v>13</v>
      </c>
    </row>
    <row r="61" spans="1:4" ht="18" customHeight="1" x14ac:dyDescent="0.2">
      <c r="A61" s="31">
        <v>46</v>
      </c>
      <c r="B61" s="27">
        <v>6</v>
      </c>
      <c r="C61" s="28">
        <v>9</v>
      </c>
      <c r="D61" s="29">
        <v>15</v>
      </c>
    </row>
    <row r="62" spans="1:4" ht="18" customHeight="1" x14ac:dyDescent="0.2">
      <c r="A62" s="31">
        <v>47</v>
      </c>
      <c r="B62" s="27">
        <v>5</v>
      </c>
      <c r="C62" s="28">
        <v>3</v>
      </c>
      <c r="D62" s="29">
        <v>8</v>
      </c>
    </row>
    <row r="63" spans="1:4" ht="18" customHeight="1" x14ac:dyDescent="0.2">
      <c r="A63" s="31">
        <v>48</v>
      </c>
      <c r="B63" s="27">
        <v>4</v>
      </c>
      <c r="C63" s="28">
        <v>7</v>
      </c>
      <c r="D63" s="29">
        <v>11</v>
      </c>
    </row>
    <row r="64" spans="1:4" ht="18" customHeight="1" x14ac:dyDescent="0.2">
      <c r="A64" s="31">
        <v>49</v>
      </c>
      <c r="B64" s="27">
        <v>7</v>
      </c>
      <c r="C64" s="28">
        <v>4</v>
      </c>
      <c r="D64" s="29">
        <v>11</v>
      </c>
    </row>
    <row r="65" spans="1:4" ht="18" customHeight="1" x14ac:dyDescent="0.2">
      <c r="A65" s="31" t="s">
        <v>58</v>
      </c>
      <c r="B65" s="27">
        <v>31</v>
      </c>
      <c r="C65" s="28">
        <v>27</v>
      </c>
      <c r="D65" s="29">
        <v>58</v>
      </c>
    </row>
    <row r="66" spans="1:4" ht="18" customHeight="1" x14ac:dyDescent="0.2">
      <c r="A66" s="31">
        <v>50</v>
      </c>
      <c r="B66" s="27">
        <v>4</v>
      </c>
      <c r="C66" s="28">
        <v>5</v>
      </c>
      <c r="D66" s="29">
        <v>9</v>
      </c>
    </row>
    <row r="67" spans="1:4" ht="18" customHeight="1" x14ac:dyDescent="0.2">
      <c r="A67" s="31">
        <v>51</v>
      </c>
      <c r="B67" s="27">
        <v>1</v>
      </c>
      <c r="C67" s="28">
        <v>5</v>
      </c>
      <c r="D67" s="29">
        <v>6</v>
      </c>
    </row>
    <row r="68" spans="1:4" ht="18" customHeight="1" x14ac:dyDescent="0.2">
      <c r="A68" s="31">
        <v>52</v>
      </c>
      <c r="B68" s="27">
        <v>4</v>
      </c>
      <c r="C68" s="28">
        <v>11</v>
      </c>
      <c r="D68" s="29">
        <v>15</v>
      </c>
    </row>
    <row r="69" spans="1:4" ht="18" customHeight="1" x14ac:dyDescent="0.2">
      <c r="A69" s="31">
        <v>53</v>
      </c>
      <c r="B69" s="27">
        <v>6</v>
      </c>
      <c r="C69" s="28">
        <v>3</v>
      </c>
      <c r="D69" s="29">
        <v>9</v>
      </c>
    </row>
    <row r="70" spans="1:4" ht="18" customHeight="1" x14ac:dyDescent="0.2">
      <c r="A70" s="31">
        <v>54</v>
      </c>
      <c r="B70" s="27">
        <v>4</v>
      </c>
      <c r="C70" s="28">
        <v>6</v>
      </c>
      <c r="D70" s="29">
        <v>10</v>
      </c>
    </row>
    <row r="71" spans="1:4" ht="18" customHeight="1" x14ac:dyDescent="0.2">
      <c r="A71" s="31" t="s">
        <v>59</v>
      </c>
      <c r="B71" s="27">
        <v>19</v>
      </c>
      <c r="C71" s="28">
        <v>30</v>
      </c>
      <c r="D71" s="29">
        <v>49</v>
      </c>
    </row>
    <row r="72" spans="1:4" ht="18" customHeight="1" x14ac:dyDescent="0.2">
      <c r="A72" s="31">
        <v>55</v>
      </c>
      <c r="B72" s="27">
        <v>7</v>
      </c>
      <c r="C72" s="28">
        <v>6</v>
      </c>
      <c r="D72" s="29">
        <v>13</v>
      </c>
    </row>
    <row r="73" spans="1:4" ht="18" customHeight="1" x14ac:dyDescent="0.2">
      <c r="A73" s="31">
        <v>56</v>
      </c>
      <c r="B73" s="27">
        <v>7</v>
      </c>
      <c r="C73" s="28">
        <v>7</v>
      </c>
      <c r="D73" s="29">
        <v>14</v>
      </c>
    </row>
    <row r="74" spans="1:4" ht="18" customHeight="1" x14ac:dyDescent="0.2">
      <c r="A74" s="31">
        <v>57</v>
      </c>
      <c r="B74" s="27">
        <v>3</v>
      </c>
      <c r="C74" s="28">
        <v>4</v>
      </c>
      <c r="D74" s="29">
        <v>7</v>
      </c>
    </row>
    <row r="75" spans="1:4" ht="18" customHeight="1" x14ac:dyDescent="0.2">
      <c r="A75" s="31">
        <v>58</v>
      </c>
      <c r="B75" s="27">
        <v>2</v>
      </c>
      <c r="C75" s="28">
        <v>3</v>
      </c>
      <c r="D75" s="29">
        <v>5</v>
      </c>
    </row>
    <row r="76" spans="1:4" ht="18" customHeight="1" x14ac:dyDescent="0.2">
      <c r="A76" s="31">
        <v>59</v>
      </c>
      <c r="B76" s="27">
        <v>7</v>
      </c>
      <c r="C76" s="28">
        <v>5</v>
      </c>
      <c r="D76" s="29">
        <v>12</v>
      </c>
    </row>
    <row r="77" spans="1:4" ht="18" customHeight="1" x14ac:dyDescent="0.2">
      <c r="A77" s="31" t="s">
        <v>60</v>
      </c>
      <c r="B77" s="27">
        <v>26</v>
      </c>
      <c r="C77" s="28">
        <v>25</v>
      </c>
      <c r="D77" s="29">
        <v>51</v>
      </c>
    </row>
    <row r="78" spans="1:4" ht="18" customHeight="1" x14ac:dyDescent="0.2">
      <c r="A78" s="31">
        <v>60</v>
      </c>
      <c r="B78" s="27">
        <v>3</v>
      </c>
      <c r="C78" s="28">
        <v>7</v>
      </c>
      <c r="D78" s="29">
        <v>10</v>
      </c>
    </row>
    <row r="79" spans="1:4" ht="18" customHeight="1" x14ac:dyDescent="0.2">
      <c r="A79" s="31">
        <v>61</v>
      </c>
      <c r="B79" s="27">
        <v>4</v>
      </c>
      <c r="C79" s="28">
        <v>13</v>
      </c>
      <c r="D79" s="29">
        <v>17</v>
      </c>
    </row>
    <row r="80" spans="1:4" ht="18" customHeight="1" x14ac:dyDescent="0.2">
      <c r="A80" s="31">
        <v>62</v>
      </c>
      <c r="B80" s="27">
        <v>7</v>
      </c>
      <c r="C80" s="28">
        <v>6</v>
      </c>
      <c r="D80" s="29">
        <v>13</v>
      </c>
    </row>
    <row r="81" spans="1:4" ht="18" customHeight="1" x14ac:dyDescent="0.2">
      <c r="A81" s="31">
        <v>63</v>
      </c>
      <c r="B81" s="27">
        <v>13</v>
      </c>
      <c r="C81" s="28">
        <v>8</v>
      </c>
      <c r="D81" s="29">
        <v>21</v>
      </c>
    </row>
    <row r="82" spans="1:4" ht="18" customHeight="1" x14ac:dyDescent="0.2">
      <c r="A82" s="31">
        <v>64</v>
      </c>
      <c r="B82" s="27">
        <v>6</v>
      </c>
      <c r="C82" s="28">
        <v>6</v>
      </c>
      <c r="D82" s="29">
        <v>12</v>
      </c>
    </row>
    <row r="83" spans="1:4" ht="18" customHeight="1" x14ac:dyDescent="0.2">
      <c r="A83" s="31" t="s">
        <v>61</v>
      </c>
      <c r="B83" s="27">
        <v>33</v>
      </c>
      <c r="C83" s="28">
        <v>40</v>
      </c>
      <c r="D83" s="29">
        <v>73</v>
      </c>
    </row>
    <row r="84" spans="1:4" ht="18" customHeight="1" x14ac:dyDescent="0.2">
      <c r="A84" s="31" t="s">
        <v>62</v>
      </c>
      <c r="B84" s="27">
        <v>235</v>
      </c>
      <c r="C84" s="28">
        <v>248</v>
      </c>
      <c r="D84" s="29">
        <v>483</v>
      </c>
    </row>
    <row r="85" spans="1:4" ht="18" customHeight="1" x14ac:dyDescent="0.2">
      <c r="A85" s="31">
        <v>65</v>
      </c>
      <c r="B85" s="27">
        <v>8</v>
      </c>
      <c r="C85" s="28">
        <v>11</v>
      </c>
      <c r="D85" s="29">
        <v>19</v>
      </c>
    </row>
    <row r="86" spans="1:4" ht="18" customHeight="1" x14ac:dyDescent="0.2">
      <c r="A86" s="31">
        <v>66</v>
      </c>
      <c r="B86" s="27">
        <v>15</v>
      </c>
      <c r="C86" s="28">
        <v>10</v>
      </c>
      <c r="D86" s="29">
        <v>25</v>
      </c>
    </row>
    <row r="87" spans="1:4" ht="18" customHeight="1" x14ac:dyDescent="0.2">
      <c r="A87" s="31">
        <v>67</v>
      </c>
      <c r="B87" s="27">
        <v>15</v>
      </c>
      <c r="C87" s="28">
        <v>13</v>
      </c>
      <c r="D87" s="29">
        <v>28</v>
      </c>
    </row>
    <row r="88" spans="1:4" ht="18" customHeight="1" x14ac:dyDescent="0.2">
      <c r="A88" s="31">
        <v>68</v>
      </c>
      <c r="B88" s="27">
        <v>8</v>
      </c>
      <c r="C88" s="28">
        <v>8</v>
      </c>
      <c r="D88" s="29">
        <v>16</v>
      </c>
    </row>
    <row r="89" spans="1:4" ht="18" customHeight="1" x14ac:dyDescent="0.2">
      <c r="A89" s="31">
        <v>69</v>
      </c>
      <c r="B89" s="27">
        <v>7</v>
      </c>
      <c r="C89" s="28">
        <v>9</v>
      </c>
      <c r="D89" s="29">
        <v>16</v>
      </c>
    </row>
    <row r="90" spans="1:4" ht="18" customHeight="1" x14ac:dyDescent="0.2">
      <c r="A90" s="31" t="s">
        <v>63</v>
      </c>
      <c r="B90" s="27">
        <v>53</v>
      </c>
      <c r="C90" s="28">
        <v>51</v>
      </c>
      <c r="D90" s="29">
        <v>104</v>
      </c>
    </row>
    <row r="91" spans="1:4" ht="18" customHeight="1" x14ac:dyDescent="0.2">
      <c r="A91" s="31">
        <v>70</v>
      </c>
      <c r="B91" s="27">
        <v>12</v>
      </c>
      <c r="C91" s="28">
        <v>8</v>
      </c>
      <c r="D91" s="29">
        <v>20</v>
      </c>
    </row>
    <row r="92" spans="1:4" ht="18" customHeight="1" x14ac:dyDescent="0.2">
      <c r="A92" s="31">
        <v>71</v>
      </c>
      <c r="B92" s="27">
        <v>10</v>
      </c>
      <c r="C92" s="28">
        <v>12</v>
      </c>
      <c r="D92" s="29">
        <v>22</v>
      </c>
    </row>
    <row r="93" spans="1:4" ht="18" customHeight="1" x14ac:dyDescent="0.2">
      <c r="A93" s="31">
        <v>72</v>
      </c>
      <c r="B93" s="27">
        <v>14</v>
      </c>
      <c r="C93" s="28">
        <v>4</v>
      </c>
      <c r="D93" s="29">
        <v>18</v>
      </c>
    </row>
    <row r="94" spans="1:4" ht="18" customHeight="1" x14ac:dyDescent="0.2">
      <c r="A94" s="31">
        <v>73</v>
      </c>
      <c r="B94" s="27">
        <v>6</v>
      </c>
      <c r="C94" s="28">
        <v>8</v>
      </c>
      <c r="D94" s="29">
        <v>14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64</v>
      </c>
      <c r="B96" s="27">
        <v>45</v>
      </c>
      <c r="C96" s="28">
        <v>34</v>
      </c>
      <c r="D96" s="29">
        <v>79</v>
      </c>
    </row>
    <row r="97" spans="1:4" ht="18" customHeight="1" x14ac:dyDescent="0.2">
      <c r="A97" s="31">
        <v>75</v>
      </c>
      <c r="B97" s="27">
        <v>5</v>
      </c>
      <c r="C97" s="28">
        <v>6</v>
      </c>
      <c r="D97" s="29">
        <v>11</v>
      </c>
    </row>
    <row r="98" spans="1:4" ht="18" customHeight="1" x14ac:dyDescent="0.2">
      <c r="A98" s="31">
        <v>76</v>
      </c>
      <c r="B98" s="27">
        <v>6</v>
      </c>
      <c r="C98" s="28">
        <v>5</v>
      </c>
      <c r="D98" s="29">
        <v>11</v>
      </c>
    </row>
    <row r="99" spans="1:4" ht="18" customHeight="1" x14ac:dyDescent="0.2">
      <c r="A99" s="31">
        <v>77</v>
      </c>
      <c r="B99" s="27">
        <v>8</v>
      </c>
      <c r="C99" s="28">
        <v>9</v>
      </c>
      <c r="D99" s="29">
        <v>17</v>
      </c>
    </row>
    <row r="100" spans="1:4" ht="18" customHeight="1" x14ac:dyDescent="0.2">
      <c r="A100" s="31">
        <v>78</v>
      </c>
      <c r="B100" s="27">
        <v>4</v>
      </c>
      <c r="C100" s="28">
        <v>10</v>
      </c>
      <c r="D100" s="29">
        <v>14</v>
      </c>
    </row>
    <row r="101" spans="1:4" ht="18" customHeight="1" x14ac:dyDescent="0.2">
      <c r="A101" s="31">
        <v>79</v>
      </c>
      <c r="B101" s="27">
        <v>2</v>
      </c>
      <c r="C101" s="28">
        <v>4</v>
      </c>
      <c r="D101" s="29">
        <v>6</v>
      </c>
    </row>
    <row r="102" spans="1:4" ht="18" customHeight="1" x14ac:dyDescent="0.2">
      <c r="A102" s="31" t="s">
        <v>65</v>
      </c>
      <c r="B102" s="27">
        <v>25</v>
      </c>
      <c r="C102" s="28">
        <v>34</v>
      </c>
      <c r="D102" s="29">
        <v>59</v>
      </c>
    </row>
    <row r="103" spans="1:4" ht="18" customHeight="1" x14ac:dyDescent="0.2">
      <c r="A103" s="31">
        <v>80</v>
      </c>
      <c r="B103" s="27">
        <v>6</v>
      </c>
      <c r="C103" s="28">
        <v>3</v>
      </c>
      <c r="D103" s="29">
        <v>9</v>
      </c>
    </row>
    <row r="104" spans="1:4" ht="18" customHeight="1" x14ac:dyDescent="0.2">
      <c r="A104" s="31">
        <v>81</v>
      </c>
      <c r="B104" s="27">
        <v>4</v>
      </c>
      <c r="C104" s="28">
        <v>1</v>
      </c>
      <c r="D104" s="29">
        <v>5</v>
      </c>
    </row>
    <row r="105" spans="1:4" ht="18" customHeight="1" x14ac:dyDescent="0.2">
      <c r="A105" s="31">
        <v>82</v>
      </c>
      <c r="B105" s="27">
        <v>5</v>
      </c>
      <c r="C105" s="28">
        <v>6</v>
      </c>
      <c r="D105" s="29">
        <v>11</v>
      </c>
    </row>
    <row r="106" spans="1:4" ht="18" customHeight="1" x14ac:dyDescent="0.2">
      <c r="A106" s="31">
        <v>83</v>
      </c>
      <c r="B106" s="27">
        <v>2</v>
      </c>
      <c r="C106" s="28">
        <v>4</v>
      </c>
      <c r="D106" s="29">
        <v>6</v>
      </c>
    </row>
    <row r="107" spans="1:4" ht="18" customHeight="1" x14ac:dyDescent="0.2">
      <c r="A107" s="31">
        <v>84</v>
      </c>
      <c r="B107" s="27">
        <v>1</v>
      </c>
      <c r="C107" s="28">
        <v>11</v>
      </c>
      <c r="D107" s="29">
        <v>12</v>
      </c>
    </row>
    <row r="108" spans="1:4" ht="18" customHeight="1" x14ac:dyDescent="0.2">
      <c r="A108" s="31" t="s">
        <v>66</v>
      </c>
      <c r="B108" s="27">
        <v>18</v>
      </c>
      <c r="C108" s="28">
        <v>25</v>
      </c>
      <c r="D108" s="29">
        <v>43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0</v>
      </c>
      <c r="C111" s="28">
        <v>9</v>
      </c>
      <c r="D111" s="29">
        <v>9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8</v>
      </c>
      <c r="C114" s="28">
        <v>29</v>
      </c>
      <c r="D114" s="29">
        <v>37</v>
      </c>
    </row>
    <row r="115" spans="1:4" ht="18" customHeight="1" x14ac:dyDescent="0.2">
      <c r="A115" s="31">
        <v>90</v>
      </c>
      <c r="B115" s="27">
        <v>6</v>
      </c>
      <c r="C115" s="28">
        <v>5</v>
      </c>
      <c r="D115" s="29">
        <v>11</v>
      </c>
    </row>
    <row r="116" spans="1:4" ht="18" customHeight="1" x14ac:dyDescent="0.2">
      <c r="A116" s="31">
        <v>91</v>
      </c>
      <c r="B116" s="27">
        <v>0</v>
      </c>
      <c r="C116" s="28">
        <v>6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6</v>
      </c>
      <c r="C120" s="28">
        <v>19</v>
      </c>
      <c r="D120" s="29">
        <v>25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5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57</v>
      </c>
      <c r="C130" s="5">
        <v>197</v>
      </c>
      <c r="D130" s="6">
        <v>354</v>
      </c>
    </row>
    <row r="131" spans="1:4" ht="18" customHeight="1" x14ac:dyDescent="0.2">
      <c r="A131" s="33" t="s">
        <v>47</v>
      </c>
      <c r="B131" s="7">
        <v>446</v>
      </c>
      <c r="C131" s="8">
        <v>487</v>
      </c>
      <c r="D131" s="9">
        <v>9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3</v>
      </c>
      <c r="C10" s="28">
        <v>2</v>
      </c>
      <c r="D10" s="29">
        <v>5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3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4</v>
      </c>
      <c r="C16" s="28">
        <v>4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2</v>
      </c>
      <c r="C22" s="28">
        <v>5</v>
      </c>
      <c r="D22" s="29">
        <v>7</v>
      </c>
    </row>
    <row r="23" spans="1:4" ht="18" customHeight="1" x14ac:dyDescent="0.2">
      <c r="A23" s="31" t="s">
        <v>51</v>
      </c>
      <c r="B23" s="27">
        <v>9</v>
      </c>
      <c r="C23" s="28">
        <v>11</v>
      </c>
      <c r="D23" s="29">
        <v>20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2</v>
      </c>
      <c r="C29" s="28">
        <v>1</v>
      </c>
      <c r="D29" s="29">
        <v>3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2</v>
      </c>
      <c r="C37" s="28">
        <v>1</v>
      </c>
      <c r="D37" s="29">
        <v>3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54</v>
      </c>
      <c r="B41" s="27">
        <v>6</v>
      </c>
      <c r="C41" s="28">
        <v>3</v>
      </c>
      <c r="D41" s="29">
        <v>9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2</v>
      </c>
      <c r="C47" s="28">
        <v>2</v>
      </c>
      <c r="D47" s="29">
        <v>4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4</v>
      </c>
      <c r="C53" s="28">
        <v>2</v>
      </c>
      <c r="D53" s="29">
        <v>6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5</v>
      </c>
      <c r="C58" s="28">
        <v>1</v>
      </c>
      <c r="D58" s="29">
        <v>6</v>
      </c>
    </row>
    <row r="59" spans="1:4" ht="18" customHeight="1" x14ac:dyDescent="0.2">
      <c r="A59" s="31" t="s">
        <v>57</v>
      </c>
      <c r="B59" s="27">
        <v>8</v>
      </c>
      <c r="C59" s="28">
        <v>5</v>
      </c>
      <c r="D59" s="29">
        <v>13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4</v>
      </c>
      <c r="C61" s="28">
        <v>2</v>
      </c>
      <c r="D61" s="29">
        <v>6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8</v>
      </c>
      <c r="C65" s="28">
        <v>4</v>
      </c>
      <c r="D65" s="29">
        <v>12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1</v>
      </c>
      <c r="C71" s="28">
        <v>4</v>
      </c>
      <c r="D71" s="29">
        <v>5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0</v>
      </c>
      <c r="C74" s="28">
        <v>2</v>
      </c>
      <c r="D74" s="29">
        <v>2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0</v>
      </c>
      <c r="C76" s="28">
        <v>1</v>
      </c>
      <c r="D76" s="29">
        <v>1</v>
      </c>
    </row>
    <row r="77" spans="1:4" ht="18" customHeight="1" x14ac:dyDescent="0.2">
      <c r="A77" s="31" t="s">
        <v>60</v>
      </c>
      <c r="B77" s="27">
        <v>2</v>
      </c>
      <c r="C77" s="28">
        <v>5</v>
      </c>
      <c r="D77" s="29">
        <v>7</v>
      </c>
    </row>
    <row r="78" spans="1:4" ht="18" customHeight="1" x14ac:dyDescent="0.2">
      <c r="A78" s="31">
        <v>60</v>
      </c>
      <c r="B78" s="27">
        <v>2</v>
      </c>
      <c r="C78" s="28">
        <v>1</v>
      </c>
      <c r="D78" s="29">
        <v>3</v>
      </c>
    </row>
    <row r="79" spans="1:4" ht="18" customHeight="1" x14ac:dyDescent="0.2">
      <c r="A79" s="31">
        <v>61</v>
      </c>
      <c r="B79" s="27">
        <v>3</v>
      </c>
      <c r="C79" s="28">
        <v>1</v>
      </c>
      <c r="D79" s="29">
        <v>4</v>
      </c>
    </row>
    <row r="80" spans="1:4" ht="18" customHeight="1" x14ac:dyDescent="0.2">
      <c r="A80" s="31">
        <v>62</v>
      </c>
      <c r="B80" s="27">
        <v>2</v>
      </c>
      <c r="C80" s="28">
        <v>0</v>
      </c>
      <c r="D80" s="29">
        <v>2</v>
      </c>
    </row>
    <row r="81" spans="1:4" ht="18" customHeight="1" x14ac:dyDescent="0.2">
      <c r="A81" s="31">
        <v>63</v>
      </c>
      <c r="B81" s="27">
        <v>3</v>
      </c>
      <c r="C81" s="28">
        <v>1</v>
      </c>
      <c r="D81" s="29">
        <v>4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0</v>
      </c>
      <c r="C83" s="28">
        <v>4</v>
      </c>
      <c r="D83" s="29">
        <v>14</v>
      </c>
    </row>
    <row r="84" spans="1:4" ht="18" customHeight="1" x14ac:dyDescent="0.2">
      <c r="A84" s="31" t="s">
        <v>62</v>
      </c>
      <c r="B84" s="27">
        <v>43</v>
      </c>
      <c r="C84" s="28">
        <v>31</v>
      </c>
      <c r="D84" s="29">
        <v>74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2</v>
      </c>
      <c r="C87" s="28">
        <v>0</v>
      </c>
      <c r="D87" s="29">
        <v>2</v>
      </c>
    </row>
    <row r="88" spans="1:4" ht="18" customHeight="1" x14ac:dyDescent="0.2">
      <c r="A88" s="31">
        <v>68</v>
      </c>
      <c r="B88" s="27">
        <v>3</v>
      </c>
      <c r="C88" s="28">
        <v>0</v>
      </c>
      <c r="D88" s="29">
        <v>3</v>
      </c>
    </row>
    <row r="89" spans="1:4" ht="18" customHeight="1" x14ac:dyDescent="0.2">
      <c r="A89" s="31">
        <v>69</v>
      </c>
      <c r="B89" s="27">
        <v>0</v>
      </c>
      <c r="C89" s="28">
        <v>4</v>
      </c>
      <c r="D89" s="29">
        <v>4</v>
      </c>
    </row>
    <row r="90" spans="1:4" ht="18" customHeight="1" x14ac:dyDescent="0.2">
      <c r="A90" s="31" t="s">
        <v>63</v>
      </c>
      <c r="B90" s="27">
        <v>9</v>
      </c>
      <c r="C90" s="28">
        <v>7</v>
      </c>
      <c r="D90" s="29">
        <v>16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2</v>
      </c>
      <c r="C92" s="28">
        <v>2</v>
      </c>
      <c r="D92" s="29">
        <v>4</v>
      </c>
    </row>
    <row r="93" spans="1:4" ht="18" customHeight="1" x14ac:dyDescent="0.2">
      <c r="A93" s="31">
        <v>72</v>
      </c>
      <c r="B93" s="27">
        <v>3</v>
      </c>
      <c r="C93" s="28">
        <v>1</v>
      </c>
      <c r="D93" s="29">
        <v>4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3</v>
      </c>
      <c r="C95" s="28">
        <v>0</v>
      </c>
      <c r="D95" s="29">
        <v>3</v>
      </c>
    </row>
    <row r="96" spans="1:4" ht="18" customHeight="1" x14ac:dyDescent="0.2">
      <c r="A96" s="31" t="s">
        <v>64</v>
      </c>
      <c r="B96" s="27">
        <v>10</v>
      </c>
      <c r="C96" s="28">
        <v>6</v>
      </c>
      <c r="D96" s="29">
        <v>16</v>
      </c>
    </row>
    <row r="97" spans="1:4" ht="18" customHeight="1" x14ac:dyDescent="0.2">
      <c r="A97" s="31">
        <v>75</v>
      </c>
      <c r="B97" s="27">
        <v>3</v>
      </c>
      <c r="C97" s="28">
        <v>1</v>
      </c>
      <c r="D97" s="29">
        <v>4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1</v>
      </c>
      <c r="D99" s="29">
        <v>2</v>
      </c>
    </row>
    <row r="100" spans="1:4" ht="18" customHeight="1" x14ac:dyDescent="0.2">
      <c r="A100" s="31">
        <v>78</v>
      </c>
      <c r="B100" s="27">
        <v>1</v>
      </c>
      <c r="C100" s="28">
        <v>0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65</v>
      </c>
      <c r="B102" s="27">
        <v>5</v>
      </c>
      <c r="C102" s="28">
        <v>4</v>
      </c>
      <c r="D102" s="29">
        <v>9</v>
      </c>
    </row>
    <row r="103" spans="1:4" ht="18" customHeight="1" x14ac:dyDescent="0.2">
      <c r="A103" s="31">
        <v>80</v>
      </c>
      <c r="B103" s="27">
        <v>2</v>
      </c>
      <c r="C103" s="28">
        <v>3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0</v>
      </c>
      <c r="D104" s="29">
        <v>1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66</v>
      </c>
      <c r="B108" s="27">
        <v>6</v>
      </c>
      <c r="C108" s="28">
        <v>7</v>
      </c>
      <c r="D108" s="29">
        <v>13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4</v>
      </c>
      <c r="D110" s="29">
        <v>4</v>
      </c>
    </row>
    <row r="111" spans="1:4" ht="18" customHeight="1" x14ac:dyDescent="0.2">
      <c r="A111" s="31">
        <v>87</v>
      </c>
      <c r="B111" s="27">
        <v>3</v>
      </c>
      <c r="C111" s="28">
        <v>2</v>
      </c>
      <c r="D111" s="29">
        <v>5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3</v>
      </c>
      <c r="C114" s="28">
        <v>7</v>
      </c>
      <c r="D114" s="29">
        <v>10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3</v>
      </c>
      <c r="C120" s="28">
        <v>3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6</v>
      </c>
      <c r="C130" s="5">
        <v>38</v>
      </c>
      <c r="D130" s="6">
        <v>74</v>
      </c>
    </row>
    <row r="131" spans="1:4" ht="18" customHeight="1" x14ac:dyDescent="0.2">
      <c r="A131" s="33" t="s">
        <v>47</v>
      </c>
      <c r="B131" s="7">
        <v>88</v>
      </c>
      <c r="C131" s="8">
        <v>80</v>
      </c>
      <c r="D131" s="9">
        <v>1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4</v>
      </c>
      <c r="C10" s="28">
        <v>3</v>
      </c>
      <c r="D10" s="29">
        <v>7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5</v>
      </c>
      <c r="C16" s="28">
        <v>1</v>
      </c>
      <c r="D16" s="29">
        <v>6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3</v>
      </c>
      <c r="C19" s="28">
        <v>1</v>
      </c>
      <c r="D19" s="29">
        <v>4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6</v>
      </c>
      <c r="C22" s="28">
        <v>6</v>
      </c>
      <c r="D22" s="29">
        <v>12</v>
      </c>
    </row>
    <row r="23" spans="1:4" ht="18" customHeight="1" x14ac:dyDescent="0.2">
      <c r="A23" s="31" t="s">
        <v>51</v>
      </c>
      <c r="B23" s="27">
        <v>15</v>
      </c>
      <c r="C23" s="28">
        <v>10</v>
      </c>
      <c r="D23" s="29">
        <v>25</v>
      </c>
    </row>
    <row r="24" spans="1:4" ht="18" customHeight="1" x14ac:dyDescent="0.2">
      <c r="A24" s="31">
        <v>15</v>
      </c>
      <c r="B24" s="27">
        <v>2</v>
      </c>
      <c r="C24" s="28">
        <v>0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1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2</v>
      </c>
      <c r="D26" s="29">
        <v>4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7</v>
      </c>
      <c r="C29" s="28">
        <v>4</v>
      </c>
      <c r="D29" s="29">
        <v>11</v>
      </c>
    </row>
    <row r="30" spans="1:4" ht="18" customHeight="1" x14ac:dyDescent="0.2">
      <c r="A30" s="31">
        <v>20</v>
      </c>
      <c r="B30" s="27">
        <v>3</v>
      </c>
      <c r="C30" s="28">
        <v>1</v>
      </c>
      <c r="D30" s="29">
        <v>4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3</v>
      </c>
      <c r="C35" s="28">
        <v>2</v>
      </c>
      <c r="D35" s="29">
        <v>5</v>
      </c>
    </row>
    <row r="36" spans="1:4" ht="18" customHeight="1" x14ac:dyDescent="0.2">
      <c r="A36" s="31">
        <v>25</v>
      </c>
      <c r="B36" s="27">
        <v>1</v>
      </c>
      <c r="C36" s="28">
        <v>0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3</v>
      </c>
      <c r="C39" s="28">
        <v>0</v>
      </c>
      <c r="D39" s="29">
        <v>3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6</v>
      </c>
      <c r="C41" s="28">
        <v>1</v>
      </c>
      <c r="D41" s="29">
        <v>7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3</v>
      </c>
      <c r="C43" s="28">
        <v>1</v>
      </c>
      <c r="D43" s="29">
        <v>4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6</v>
      </c>
      <c r="C47" s="28">
        <v>3</v>
      </c>
      <c r="D47" s="29">
        <v>9</v>
      </c>
    </row>
    <row r="48" spans="1:4" ht="18" customHeight="1" x14ac:dyDescent="0.2">
      <c r="A48" s="31">
        <v>35</v>
      </c>
      <c r="B48" s="27">
        <v>0</v>
      </c>
      <c r="C48" s="28">
        <v>2</v>
      </c>
      <c r="D48" s="29">
        <v>2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3</v>
      </c>
      <c r="C51" s="28">
        <v>3</v>
      </c>
      <c r="D51" s="29">
        <v>6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7</v>
      </c>
      <c r="C53" s="28">
        <v>7</v>
      </c>
      <c r="D53" s="29">
        <v>14</v>
      </c>
    </row>
    <row r="54" spans="1:4" ht="18" customHeight="1" x14ac:dyDescent="0.2">
      <c r="A54" s="31">
        <v>40</v>
      </c>
      <c r="B54" s="27">
        <v>0</v>
      </c>
      <c r="C54" s="28">
        <v>2</v>
      </c>
      <c r="D54" s="29">
        <v>2</v>
      </c>
    </row>
    <row r="55" spans="1:4" ht="18" customHeight="1" x14ac:dyDescent="0.2">
      <c r="A55" s="31">
        <v>41</v>
      </c>
      <c r="B55" s="27">
        <v>3</v>
      </c>
      <c r="C55" s="28">
        <v>1</v>
      </c>
      <c r="D55" s="29">
        <v>4</v>
      </c>
    </row>
    <row r="56" spans="1:4" ht="18" customHeight="1" x14ac:dyDescent="0.2">
      <c r="A56" s="31">
        <v>42</v>
      </c>
      <c r="B56" s="27">
        <v>3</v>
      </c>
      <c r="C56" s="28">
        <v>1</v>
      </c>
      <c r="D56" s="29">
        <v>4</v>
      </c>
    </row>
    <row r="57" spans="1:4" ht="18" customHeight="1" x14ac:dyDescent="0.2">
      <c r="A57" s="31">
        <v>43</v>
      </c>
      <c r="B57" s="27">
        <v>3</v>
      </c>
      <c r="C57" s="28">
        <v>3</v>
      </c>
      <c r="D57" s="29">
        <v>6</v>
      </c>
    </row>
    <row r="58" spans="1:4" ht="18" customHeight="1" x14ac:dyDescent="0.2">
      <c r="A58" s="31">
        <v>44</v>
      </c>
      <c r="B58" s="27">
        <v>2</v>
      </c>
      <c r="C58" s="28">
        <v>3</v>
      </c>
      <c r="D58" s="29">
        <v>5</v>
      </c>
    </row>
    <row r="59" spans="1:4" ht="18" customHeight="1" x14ac:dyDescent="0.2">
      <c r="A59" s="31" t="s">
        <v>57</v>
      </c>
      <c r="B59" s="27">
        <v>11</v>
      </c>
      <c r="C59" s="28">
        <v>10</v>
      </c>
      <c r="D59" s="29">
        <v>21</v>
      </c>
    </row>
    <row r="60" spans="1:4" ht="18" customHeight="1" x14ac:dyDescent="0.2">
      <c r="A60" s="31">
        <v>45</v>
      </c>
      <c r="B60" s="27">
        <v>6</v>
      </c>
      <c r="C60" s="28">
        <v>3</v>
      </c>
      <c r="D60" s="29">
        <v>9</v>
      </c>
    </row>
    <row r="61" spans="1:4" ht="18" customHeight="1" x14ac:dyDescent="0.2">
      <c r="A61" s="31">
        <v>46</v>
      </c>
      <c r="B61" s="27">
        <v>0</v>
      </c>
      <c r="C61" s="28">
        <v>4</v>
      </c>
      <c r="D61" s="29">
        <v>4</v>
      </c>
    </row>
    <row r="62" spans="1:4" ht="18" customHeight="1" x14ac:dyDescent="0.2">
      <c r="A62" s="31">
        <v>47</v>
      </c>
      <c r="B62" s="27">
        <v>6</v>
      </c>
      <c r="C62" s="28">
        <v>3</v>
      </c>
      <c r="D62" s="29">
        <v>9</v>
      </c>
    </row>
    <row r="63" spans="1:4" ht="18" customHeight="1" x14ac:dyDescent="0.2">
      <c r="A63" s="31">
        <v>48</v>
      </c>
      <c r="B63" s="27">
        <v>4</v>
      </c>
      <c r="C63" s="28">
        <v>1</v>
      </c>
      <c r="D63" s="29">
        <v>5</v>
      </c>
    </row>
    <row r="64" spans="1:4" ht="18" customHeight="1" x14ac:dyDescent="0.2">
      <c r="A64" s="31">
        <v>49</v>
      </c>
      <c r="B64" s="27">
        <v>4</v>
      </c>
      <c r="C64" s="28">
        <v>2</v>
      </c>
      <c r="D64" s="29">
        <v>6</v>
      </c>
    </row>
    <row r="65" spans="1:4" ht="18" customHeight="1" x14ac:dyDescent="0.2">
      <c r="A65" s="31" t="s">
        <v>58</v>
      </c>
      <c r="B65" s="27">
        <v>20</v>
      </c>
      <c r="C65" s="28">
        <v>13</v>
      </c>
      <c r="D65" s="29">
        <v>33</v>
      </c>
    </row>
    <row r="66" spans="1:4" ht="18" customHeight="1" x14ac:dyDescent="0.2">
      <c r="A66" s="31">
        <v>50</v>
      </c>
      <c r="B66" s="27">
        <v>3</v>
      </c>
      <c r="C66" s="28">
        <v>3</v>
      </c>
      <c r="D66" s="29">
        <v>6</v>
      </c>
    </row>
    <row r="67" spans="1:4" ht="18" customHeight="1" x14ac:dyDescent="0.2">
      <c r="A67" s="31">
        <v>51</v>
      </c>
      <c r="B67" s="27">
        <v>1</v>
      </c>
      <c r="C67" s="28">
        <v>4</v>
      </c>
      <c r="D67" s="29">
        <v>5</v>
      </c>
    </row>
    <row r="68" spans="1:4" ht="18" customHeight="1" x14ac:dyDescent="0.2">
      <c r="A68" s="31">
        <v>52</v>
      </c>
      <c r="B68" s="27">
        <v>6</v>
      </c>
      <c r="C68" s="28">
        <v>1</v>
      </c>
      <c r="D68" s="29">
        <v>7</v>
      </c>
    </row>
    <row r="69" spans="1:4" ht="18" customHeight="1" x14ac:dyDescent="0.2">
      <c r="A69" s="31">
        <v>53</v>
      </c>
      <c r="B69" s="27">
        <v>2</v>
      </c>
      <c r="C69" s="28">
        <v>2</v>
      </c>
      <c r="D69" s="29">
        <v>4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13</v>
      </c>
      <c r="C71" s="28">
        <v>12</v>
      </c>
      <c r="D71" s="29">
        <v>25</v>
      </c>
    </row>
    <row r="72" spans="1:4" ht="18" customHeight="1" x14ac:dyDescent="0.2">
      <c r="A72" s="31">
        <v>55</v>
      </c>
      <c r="B72" s="27">
        <v>1</v>
      </c>
      <c r="C72" s="28">
        <v>3</v>
      </c>
      <c r="D72" s="29">
        <v>4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2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3</v>
      </c>
      <c r="D75" s="29">
        <v>3</v>
      </c>
    </row>
    <row r="76" spans="1:4" ht="18" customHeight="1" x14ac:dyDescent="0.2">
      <c r="A76" s="31">
        <v>59</v>
      </c>
      <c r="B76" s="27">
        <v>1</v>
      </c>
      <c r="C76" s="28">
        <v>2</v>
      </c>
      <c r="D76" s="29">
        <v>3</v>
      </c>
    </row>
    <row r="77" spans="1:4" ht="18" customHeight="1" x14ac:dyDescent="0.2">
      <c r="A77" s="31" t="s">
        <v>60</v>
      </c>
      <c r="B77" s="27">
        <v>2</v>
      </c>
      <c r="C77" s="28">
        <v>10</v>
      </c>
      <c r="D77" s="29">
        <v>12</v>
      </c>
    </row>
    <row r="78" spans="1:4" ht="18" customHeight="1" x14ac:dyDescent="0.2">
      <c r="A78" s="31">
        <v>60</v>
      </c>
      <c r="B78" s="27">
        <v>1</v>
      </c>
      <c r="C78" s="28">
        <v>1</v>
      </c>
      <c r="D78" s="29">
        <v>2</v>
      </c>
    </row>
    <row r="79" spans="1:4" ht="18" customHeight="1" x14ac:dyDescent="0.2">
      <c r="A79" s="31">
        <v>61</v>
      </c>
      <c r="B79" s="27">
        <v>4</v>
      </c>
      <c r="C79" s="28">
        <v>1</v>
      </c>
      <c r="D79" s="29">
        <v>5</v>
      </c>
    </row>
    <row r="80" spans="1:4" ht="18" customHeight="1" x14ac:dyDescent="0.2">
      <c r="A80" s="31">
        <v>62</v>
      </c>
      <c r="B80" s="27">
        <v>0</v>
      </c>
      <c r="C80" s="28">
        <v>2</v>
      </c>
      <c r="D80" s="29">
        <v>2</v>
      </c>
    </row>
    <row r="81" spans="1:4" ht="18" customHeight="1" x14ac:dyDescent="0.2">
      <c r="A81" s="31">
        <v>63</v>
      </c>
      <c r="B81" s="27">
        <v>4</v>
      </c>
      <c r="C81" s="28">
        <v>2</v>
      </c>
      <c r="D81" s="29">
        <v>6</v>
      </c>
    </row>
    <row r="82" spans="1:4" ht="18" customHeight="1" x14ac:dyDescent="0.2">
      <c r="A82" s="31">
        <v>64</v>
      </c>
      <c r="B82" s="27">
        <v>3</v>
      </c>
      <c r="C82" s="28">
        <v>3</v>
      </c>
      <c r="D82" s="29">
        <v>6</v>
      </c>
    </row>
    <row r="83" spans="1:4" ht="18" customHeight="1" x14ac:dyDescent="0.2">
      <c r="A83" s="31" t="s">
        <v>61</v>
      </c>
      <c r="B83" s="27">
        <v>12</v>
      </c>
      <c r="C83" s="28">
        <v>9</v>
      </c>
      <c r="D83" s="29">
        <v>21</v>
      </c>
    </row>
    <row r="84" spans="1:4" ht="18" customHeight="1" x14ac:dyDescent="0.2">
      <c r="A84" s="31" t="s">
        <v>62</v>
      </c>
      <c r="B84" s="27">
        <v>87</v>
      </c>
      <c r="C84" s="28">
        <v>71</v>
      </c>
      <c r="D84" s="29">
        <v>158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3</v>
      </c>
      <c r="C86" s="28">
        <v>3</v>
      </c>
      <c r="D86" s="29">
        <v>6</v>
      </c>
    </row>
    <row r="87" spans="1:4" ht="18" customHeight="1" x14ac:dyDescent="0.2">
      <c r="A87" s="31">
        <v>67</v>
      </c>
      <c r="B87" s="27">
        <v>1</v>
      </c>
      <c r="C87" s="28">
        <v>3</v>
      </c>
      <c r="D87" s="29">
        <v>4</v>
      </c>
    </row>
    <row r="88" spans="1:4" ht="18" customHeight="1" x14ac:dyDescent="0.2">
      <c r="A88" s="31">
        <v>68</v>
      </c>
      <c r="B88" s="27">
        <v>3</v>
      </c>
      <c r="C88" s="28">
        <v>3</v>
      </c>
      <c r="D88" s="29">
        <v>6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4</v>
      </c>
      <c r="C90" s="28">
        <v>13</v>
      </c>
      <c r="D90" s="29">
        <v>27</v>
      </c>
    </row>
    <row r="91" spans="1:4" ht="18" customHeight="1" x14ac:dyDescent="0.2">
      <c r="A91" s="31">
        <v>70</v>
      </c>
      <c r="B91" s="27">
        <v>4</v>
      </c>
      <c r="C91" s="28">
        <v>5</v>
      </c>
      <c r="D91" s="29">
        <v>9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5</v>
      </c>
      <c r="C93" s="28">
        <v>6</v>
      </c>
      <c r="D93" s="29">
        <v>11</v>
      </c>
    </row>
    <row r="94" spans="1:4" ht="18" customHeight="1" x14ac:dyDescent="0.2">
      <c r="A94" s="31">
        <v>73</v>
      </c>
      <c r="B94" s="27">
        <v>1</v>
      </c>
      <c r="C94" s="28">
        <v>0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10</v>
      </c>
      <c r="C96" s="28">
        <v>12</v>
      </c>
      <c r="D96" s="29">
        <v>22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2</v>
      </c>
      <c r="C98" s="28">
        <v>2</v>
      </c>
      <c r="D98" s="29">
        <v>4</v>
      </c>
    </row>
    <row r="99" spans="1:4" ht="18" customHeight="1" x14ac:dyDescent="0.2">
      <c r="A99" s="31">
        <v>77</v>
      </c>
      <c r="B99" s="27">
        <v>1</v>
      </c>
      <c r="C99" s="28">
        <v>1</v>
      </c>
      <c r="D99" s="29">
        <v>2</v>
      </c>
    </row>
    <row r="100" spans="1:4" ht="18" customHeight="1" x14ac:dyDescent="0.2">
      <c r="A100" s="31">
        <v>78</v>
      </c>
      <c r="B100" s="27">
        <v>1</v>
      </c>
      <c r="C100" s="28">
        <v>4</v>
      </c>
      <c r="D100" s="29">
        <v>5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7</v>
      </c>
      <c r="C102" s="28">
        <v>9</v>
      </c>
      <c r="D102" s="29">
        <v>16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1</v>
      </c>
      <c r="D104" s="29">
        <v>2</v>
      </c>
    </row>
    <row r="105" spans="1:4" ht="18" customHeight="1" x14ac:dyDescent="0.2">
      <c r="A105" s="31">
        <v>82</v>
      </c>
      <c r="B105" s="27">
        <v>2</v>
      </c>
      <c r="C105" s="28">
        <v>1</v>
      </c>
      <c r="D105" s="29">
        <v>3</v>
      </c>
    </row>
    <row r="106" spans="1:4" ht="18" customHeight="1" x14ac:dyDescent="0.2">
      <c r="A106" s="31">
        <v>83</v>
      </c>
      <c r="B106" s="27">
        <v>1</v>
      </c>
      <c r="C106" s="28">
        <v>2</v>
      </c>
      <c r="D106" s="29">
        <v>3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4</v>
      </c>
      <c r="C108" s="28">
        <v>6</v>
      </c>
      <c r="D108" s="29">
        <v>10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2</v>
      </c>
      <c r="C110" s="28">
        <v>1</v>
      </c>
      <c r="D110" s="29">
        <v>3</v>
      </c>
    </row>
    <row r="111" spans="1:4" ht="18" customHeight="1" x14ac:dyDescent="0.2">
      <c r="A111" s="31">
        <v>87</v>
      </c>
      <c r="B111" s="27">
        <v>2</v>
      </c>
      <c r="C111" s="28">
        <v>2</v>
      </c>
      <c r="D111" s="29">
        <v>4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9</v>
      </c>
      <c r="D114" s="29">
        <v>13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7</v>
      </c>
      <c r="D120" s="29">
        <v>9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2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2</v>
      </c>
      <c r="C130" s="5">
        <v>58</v>
      </c>
      <c r="D130" s="6">
        <v>100</v>
      </c>
    </row>
    <row r="131" spans="1:4" ht="18" customHeight="1" x14ac:dyDescent="0.2">
      <c r="A131" s="33" t="s">
        <v>47</v>
      </c>
      <c r="B131" s="7">
        <v>144</v>
      </c>
      <c r="C131" s="8">
        <v>139</v>
      </c>
      <c r="D131" s="9">
        <v>28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7</v>
      </c>
      <c r="D5" s="39">
        <v>9</v>
      </c>
    </row>
    <row r="6" spans="1:4" ht="18" customHeight="1" x14ac:dyDescent="0.2">
      <c r="A6" s="31">
        <v>1</v>
      </c>
      <c r="B6" s="35">
        <v>2</v>
      </c>
      <c r="C6" s="28">
        <v>3</v>
      </c>
      <c r="D6" s="29">
        <v>5</v>
      </c>
    </row>
    <row r="7" spans="1:4" ht="18" customHeight="1" x14ac:dyDescent="0.2">
      <c r="A7" s="31">
        <v>2</v>
      </c>
      <c r="B7" s="35">
        <v>6</v>
      </c>
      <c r="C7" s="28">
        <v>1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2</v>
      </c>
      <c r="D8" s="29">
        <v>6</v>
      </c>
    </row>
    <row r="9" spans="1:4" ht="18" customHeight="1" x14ac:dyDescent="0.2">
      <c r="A9" s="31">
        <v>4</v>
      </c>
      <c r="B9" s="36">
        <v>6</v>
      </c>
      <c r="C9" s="38">
        <v>6</v>
      </c>
      <c r="D9" s="40">
        <v>12</v>
      </c>
    </row>
    <row r="10" spans="1:4" ht="18" customHeight="1" x14ac:dyDescent="0.2">
      <c r="A10" s="31" t="s">
        <v>48</v>
      </c>
      <c r="B10" s="27">
        <v>20</v>
      </c>
      <c r="C10" s="28">
        <v>19</v>
      </c>
      <c r="D10" s="29">
        <v>39</v>
      </c>
    </row>
    <row r="11" spans="1:4" ht="18" customHeight="1" x14ac:dyDescent="0.2">
      <c r="A11" s="31">
        <v>5</v>
      </c>
      <c r="B11" s="35">
        <v>6</v>
      </c>
      <c r="C11" s="28">
        <v>1</v>
      </c>
      <c r="D11" s="29">
        <v>7</v>
      </c>
    </row>
    <row r="12" spans="1:4" ht="18" customHeight="1" x14ac:dyDescent="0.2">
      <c r="A12" s="31">
        <v>6</v>
      </c>
      <c r="B12" s="35">
        <v>1</v>
      </c>
      <c r="C12" s="28">
        <v>5</v>
      </c>
      <c r="D12" s="29">
        <v>6</v>
      </c>
    </row>
    <row r="13" spans="1:4" ht="18" customHeight="1" x14ac:dyDescent="0.2">
      <c r="A13" s="31">
        <v>7</v>
      </c>
      <c r="B13" s="35">
        <v>7</v>
      </c>
      <c r="C13" s="28">
        <v>4</v>
      </c>
      <c r="D13" s="29">
        <v>11</v>
      </c>
    </row>
    <row r="14" spans="1:4" ht="18" customHeight="1" x14ac:dyDescent="0.2">
      <c r="A14" s="31">
        <v>8</v>
      </c>
      <c r="B14" s="35">
        <v>5</v>
      </c>
      <c r="C14" s="28">
        <v>2</v>
      </c>
      <c r="D14" s="29">
        <v>7</v>
      </c>
    </row>
    <row r="15" spans="1:4" ht="18" customHeight="1" x14ac:dyDescent="0.2">
      <c r="A15" s="31">
        <v>9</v>
      </c>
      <c r="B15" s="35">
        <v>9</v>
      </c>
      <c r="C15" s="28">
        <v>3</v>
      </c>
      <c r="D15" s="29">
        <v>12</v>
      </c>
    </row>
    <row r="16" spans="1:4" ht="18" customHeight="1" x14ac:dyDescent="0.2">
      <c r="A16" s="31" t="s">
        <v>49</v>
      </c>
      <c r="B16" s="27">
        <v>28</v>
      </c>
      <c r="C16" s="28">
        <v>15</v>
      </c>
      <c r="D16" s="29">
        <v>43</v>
      </c>
    </row>
    <row r="17" spans="1:4" ht="18" customHeight="1" x14ac:dyDescent="0.2">
      <c r="A17" s="31">
        <v>10</v>
      </c>
      <c r="B17" s="27">
        <v>6</v>
      </c>
      <c r="C17" s="28">
        <v>4</v>
      </c>
      <c r="D17" s="29">
        <v>10</v>
      </c>
    </row>
    <row r="18" spans="1:4" ht="18" customHeight="1" x14ac:dyDescent="0.2">
      <c r="A18" s="31">
        <v>11</v>
      </c>
      <c r="B18" s="27">
        <v>5</v>
      </c>
      <c r="C18" s="28">
        <v>6</v>
      </c>
      <c r="D18" s="29">
        <v>11</v>
      </c>
    </row>
    <row r="19" spans="1:4" ht="18" customHeight="1" x14ac:dyDescent="0.2">
      <c r="A19" s="31">
        <v>12</v>
      </c>
      <c r="B19" s="27">
        <v>8</v>
      </c>
      <c r="C19" s="28">
        <v>4</v>
      </c>
      <c r="D19" s="29">
        <v>12</v>
      </c>
    </row>
    <row r="20" spans="1:4" ht="18" customHeight="1" x14ac:dyDescent="0.2">
      <c r="A20" s="31">
        <v>13</v>
      </c>
      <c r="B20" s="27">
        <v>7</v>
      </c>
      <c r="C20" s="28">
        <v>6</v>
      </c>
      <c r="D20" s="29">
        <v>13</v>
      </c>
    </row>
    <row r="21" spans="1:4" ht="18" customHeight="1" x14ac:dyDescent="0.2">
      <c r="A21" s="31">
        <v>14</v>
      </c>
      <c r="B21" s="27">
        <v>4</v>
      </c>
      <c r="C21" s="28">
        <v>9</v>
      </c>
      <c r="D21" s="29">
        <v>13</v>
      </c>
    </row>
    <row r="22" spans="1:4" ht="18" customHeight="1" x14ac:dyDescent="0.2">
      <c r="A22" s="31" t="s">
        <v>50</v>
      </c>
      <c r="B22" s="27">
        <v>30</v>
      </c>
      <c r="C22" s="28">
        <v>29</v>
      </c>
      <c r="D22" s="29">
        <v>59</v>
      </c>
    </row>
    <row r="23" spans="1:4" ht="18" customHeight="1" x14ac:dyDescent="0.2">
      <c r="A23" s="31" t="s">
        <v>51</v>
      </c>
      <c r="B23" s="27">
        <v>78</v>
      </c>
      <c r="C23" s="28">
        <v>63</v>
      </c>
      <c r="D23" s="29">
        <v>141</v>
      </c>
    </row>
    <row r="24" spans="1:4" ht="18" customHeight="1" x14ac:dyDescent="0.2">
      <c r="A24" s="31">
        <v>15</v>
      </c>
      <c r="B24" s="27">
        <v>9</v>
      </c>
      <c r="C24" s="28">
        <v>5</v>
      </c>
      <c r="D24" s="29">
        <v>14</v>
      </c>
    </row>
    <row r="25" spans="1:4" ht="18" customHeight="1" x14ac:dyDescent="0.2">
      <c r="A25" s="31">
        <v>16</v>
      </c>
      <c r="B25" s="27">
        <v>9</v>
      </c>
      <c r="C25" s="28">
        <v>5</v>
      </c>
      <c r="D25" s="29">
        <v>14</v>
      </c>
    </row>
    <row r="26" spans="1:4" ht="18" customHeight="1" x14ac:dyDescent="0.2">
      <c r="A26" s="31">
        <v>17</v>
      </c>
      <c r="B26" s="27">
        <v>6</v>
      </c>
      <c r="C26" s="28">
        <v>9</v>
      </c>
      <c r="D26" s="29">
        <v>15</v>
      </c>
    </row>
    <row r="27" spans="1:4" ht="18" customHeight="1" x14ac:dyDescent="0.2">
      <c r="A27" s="31">
        <v>18</v>
      </c>
      <c r="B27" s="27">
        <v>4</v>
      </c>
      <c r="C27" s="28">
        <v>2</v>
      </c>
      <c r="D27" s="29">
        <v>6</v>
      </c>
    </row>
    <row r="28" spans="1:4" ht="18" customHeight="1" x14ac:dyDescent="0.2">
      <c r="A28" s="31">
        <v>19</v>
      </c>
      <c r="B28" s="27">
        <v>1</v>
      </c>
      <c r="C28" s="28">
        <v>7</v>
      </c>
      <c r="D28" s="29">
        <v>8</v>
      </c>
    </row>
    <row r="29" spans="1:4" ht="18" customHeight="1" x14ac:dyDescent="0.2">
      <c r="A29" s="31" t="s">
        <v>52</v>
      </c>
      <c r="B29" s="27">
        <v>29</v>
      </c>
      <c r="C29" s="28">
        <v>28</v>
      </c>
      <c r="D29" s="29">
        <v>57</v>
      </c>
    </row>
    <row r="30" spans="1:4" ht="18" customHeight="1" x14ac:dyDescent="0.2">
      <c r="A30" s="31">
        <v>20</v>
      </c>
      <c r="B30" s="27">
        <v>6</v>
      </c>
      <c r="C30" s="28">
        <v>4</v>
      </c>
      <c r="D30" s="29">
        <v>10</v>
      </c>
    </row>
    <row r="31" spans="1:4" ht="18" customHeight="1" x14ac:dyDescent="0.2">
      <c r="A31" s="31">
        <v>21</v>
      </c>
      <c r="B31" s="27">
        <v>4</v>
      </c>
      <c r="C31" s="28">
        <v>5</v>
      </c>
      <c r="D31" s="29">
        <v>9</v>
      </c>
    </row>
    <row r="32" spans="1:4" ht="18" customHeight="1" x14ac:dyDescent="0.2">
      <c r="A32" s="31">
        <v>22</v>
      </c>
      <c r="B32" s="27">
        <v>4</v>
      </c>
      <c r="C32" s="28">
        <v>1</v>
      </c>
      <c r="D32" s="29">
        <v>5</v>
      </c>
    </row>
    <row r="33" spans="1:4" ht="18" customHeight="1" x14ac:dyDescent="0.2">
      <c r="A33" s="31">
        <v>23</v>
      </c>
      <c r="B33" s="27">
        <v>8</v>
      </c>
      <c r="C33" s="28">
        <v>4</v>
      </c>
      <c r="D33" s="29">
        <v>12</v>
      </c>
    </row>
    <row r="34" spans="1:4" ht="18" customHeight="1" x14ac:dyDescent="0.2">
      <c r="A34" s="31">
        <v>24</v>
      </c>
      <c r="B34" s="27">
        <v>3</v>
      </c>
      <c r="C34" s="28">
        <v>3</v>
      </c>
      <c r="D34" s="29">
        <v>6</v>
      </c>
    </row>
    <row r="35" spans="1:4" ht="18" customHeight="1" x14ac:dyDescent="0.2">
      <c r="A35" s="31" t="s">
        <v>53</v>
      </c>
      <c r="B35" s="27">
        <v>25</v>
      </c>
      <c r="C35" s="28">
        <v>17</v>
      </c>
      <c r="D35" s="29">
        <v>42</v>
      </c>
    </row>
    <row r="36" spans="1:4" ht="18" customHeight="1" x14ac:dyDescent="0.2">
      <c r="A36" s="31">
        <v>25</v>
      </c>
      <c r="B36" s="27">
        <v>6</v>
      </c>
      <c r="C36" s="28">
        <v>1</v>
      </c>
      <c r="D36" s="29">
        <v>7</v>
      </c>
    </row>
    <row r="37" spans="1:4" ht="18" customHeight="1" x14ac:dyDescent="0.2">
      <c r="A37" s="31">
        <v>26</v>
      </c>
      <c r="B37" s="27">
        <v>4</v>
      </c>
      <c r="C37" s="28">
        <v>8</v>
      </c>
      <c r="D37" s="29">
        <v>12</v>
      </c>
    </row>
    <row r="38" spans="1:4" ht="18" customHeight="1" x14ac:dyDescent="0.2">
      <c r="A38" s="31">
        <v>27</v>
      </c>
      <c r="B38" s="27">
        <v>8</v>
      </c>
      <c r="C38" s="28">
        <v>6</v>
      </c>
      <c r="D38" s="29">
        <v>14</v>
      </c>
    </row>
    <row r="39" spans="1:4" ht="18" customHeight="1" x14ac:dyDescent="0.2">
      <c r="A39" s="31">
        <v>28</v>
      </c>
      <c r="B39" s="27">
        <v>5</v>
      </c>
      <c r="C39" s="28">
        <v>6</v>
      </c>
      <c r="D39" s="29">
        <v>11</v>
      </c>
    </row>
    <row r="40" spans="1:4" ht="18" customHeight="1" x14ac:dyDescent="0.2">
      <c r="A40" s="31">
        <v>29</v>
      </c>
      <c r="B40" s="27">
        <v>9</v>
      </c>
      <c r="C40" s="28">
        <v>4</v>
      </c>
      <c r="D40" s="29">
        <v>13</v>
      </c>
    </row>
    <row r="41" spans="1:4" ht="18" customHeight="1" x14ac:dyDescent="0.2">
      <c r="A41" s="31" t="s">
        <v>54</v>
      </c>
      <c r="B41" s="27">
        <v>32</v>
      </c>
      <c r="C41" s="28">
        <v>25</v>
      </c>
      <c r="D41" s="29">
        <v>57</v>
      </c>
    </row>
    <row r="42" spans="1:4" ht="18" customHeight="1" x14ac:dyDescent="0.2">
      <c r="A42" s="31">
        <v>30</v>
      </c>
      <c r="B42" s="27">
        <v>7</v>
      </c>
      <c r="C42" s="28">
        <v>6</v>
      </c>
      <c r="D42" s="29">
        <v>13</v>
      </c>
    </row>
    <row r="43" spans="1:4" ht="18" customHeight="1" x14ac:dyDescent="0.2">
      <c r="A43" s="31">
        <v>31</v>
      </c>
      <c r="B43" s="27">
        <v>7</v>
      </c>
      <c r="C43" s="28">
        <v>8</v>
      </c>
      <c r="D43" s="29">
        <v>15</v>
      </c>
    </row>
    <row r="44" spans="1:4" ht="18" customHeight="1" x14ac:dyDescent="0.2">
      <c r="A44" s="31">
        <v>32</v>
      </c>
      <c r="B44" s="27">
        <v>5</v>
      </c>
      <c r="C44" s="28">
        <v>5</v>
      </c>
      <c r="D44" s="29">
        <v>10</v>
      </c>
    </row>
    <row r="45" spans="1:4" ht="18" customHeight="1" x14ac:dyDescent="0.2">
      <c r="A45" s="31">
        <v>33</v>
      </c>
      <c r="B45" s="27">
        <v>5</v>
      </c>
      <c r="C45" s="28">
        <v>7</v>
      </c>
      <c r="D45" s="29">
        <v>12</v>
      </c>
    </row>
    <row r="46" spans="1:4" ht="18" customHeight="1" x14ac:dyDescent="0.2">
      <c r="A46" s="31">
        <v>34</v>
      </c>
      <c r="B46" s="27">
        <v>7</v>
      </c>
      <c r="C46" s="28">
        <v>3</v>
      </c>
      <c r="D46" s="29">
        <v>10</v>
      </c>
    </row>
    <row r="47" spans="1:4" ht="18" customHeight="1" x14ac:dyDescent="0.2">
      <c r="A47" s="31" t="s">
        <v>55</v>
      </c>
      <c r="B47" s="27">
        <v>31</v>
      </c>
      <c r="C47" s="28">
        <v>29</v>
      </c>
      <c r="D47" s="29">
        <v>60</v>
      </c>
    </row>
    <row r="48" spans="1:4" ht="18" customHeight="1" x14ac:dyDescent="0.2">
      <c r="A48" s="31">
        <v>35</v>
      </c>
      <c r="B48" s="27">
        <v>4</v>
      </c>
      <c r="C48" s="28">
        <v>4</v>
      </c>
      <c r="D48" s="29">
        <v>8</v>
      </c>
    </row>
    <row r="49" spans="1:4" ht="18" customHeight="1" x14ac:dyDescent="0.2">
      <c r="A49" s="31">
        <v>36</v>
      </c>
      <c r="B49" s="27">
        <v>6</v>
      </c>
      <c r="C49" s="28">
        <v>5</v>
      </c>
      <c r="D49" s="29">
        <v>11</v>
      </c>
    </row>
    <row r="50" spans="1:4" ht="18" customHeight="1" x14ac:dyDescent="0.2">
      <c r="A50" s="31">
        <v>37</v>
      </c>
      <c r="B50" s="27">
        <v>7</v>
      </c>
      <c r="C50" s="28">
        <v>8</v>
      </c>
      <c r="D50" s="29">
        <v>15</v>
      </c>
    </row>
    <row r="51" spans="1:4" ht="18" customHeight="1" x14ac:dyDescent="0.2">
      <c r="A51" s="31">
        <v>38</v>
      </c>
      <c r="B51" s="27">
        <v>9</v>
      </c>
      <c r="C51" s="28">
        <v>11</v>
      </c>
      <c r="D51" s="29">
        <v>20</v>
      </c>
    </row>
    <row r="52" spans="1:4" ht="18" customHeight="1" x14ac:dyDescent="0.2">
      <c r="A52" s="31">
        <v>39</v>
      </c>
      <c r="B52" s="27">
        <v>8</v>
      </c>
      <c r="C52" s="28">
        <v>5</v>
      </c>
      <c r="D52" s="29">
        <v>13</v>
      </c>
    </row>
    <row r="53" spans="1:4" ht="18" customHeight="1" x14ac:dyDescent="0.2">
      <c r="A53" s="31" t="s">
        <v>56</v>
      </c>
      <c r="B53" s="27">
        <v>34</v>
      </c>
      <c r="C53" s="28">
        <v>33</v>
      </c>
      <c r="D53" s="29">
        <v>67</v>
      </c>
    </row>
    <row r="54" spans="1:4" ht="18" customHeight="1" x14ac:dyDescent="0.2">
      <c r="A54" s="31">
        <v>40</v>
      </c>
      <c r="B54" s="27">
        <v>2</v>
      </c>
      <c r="C54" s="28">
        <v>4</v>
      </c>
      <c r="D54" s="29">
        <v>6</v>
      </c>
    </row>
    <row r="55" spans="1:4" ht="18" customHeight="1" x14ac:dyDescent="0.2">
      <c r="A55" s="31">
        <v>41</v>
      </c>
      <c r="B55" s="27">
        <v>9</v>
      </c>
      <c r="C55" s="28">
        <v>7</v>
      </c>
      <c r="D55" s="29">
        <v>16</v>
      </c>
    </row>
    <row r="56" spans="1:4" ht="18" customHeight="1" x14ac:dyDescent="0.2">
      <c r="A56" s="31">
        <v>42</v>
      </c>
      <c r="B56" s="27">
        <v>8</v>
      </c>
      <c r="C56" s="28">
        <v>7</v>
      </c>
      <c r="D56" s="29">
        <v>15</v>
      </c>
    </row>
    <row r="57" spans="1:4" ht="18" customHeight="1" x14ac:dyDescent="0.2">
      <c r="A57" s="31">
        <v>43</v>
      </c>
      <c r="B57" s="27">
        <v>8</v>
      </c>
      <c r="C57" s="28">
        <v>6</v>
      </c>
      <c r="D57" s="29">
        <v>14</v>
      </c>
    </row>
    <row r="58" spans="1:4" ht="18" customHeight="1" x14ac:dyDescent="0.2">
      <c r="A58" s="31">
        <v>44</v>
      </c>
      <c r="B58" s="27">
        <v>10</v>
      </c>
      <c r="C58" s="28">
        <v>13</v>
      </c>
      <c r="D58" s="29">
        <v>23</v>
      </c>
    </row>
    <row r="59" spans="1:4" ht="18" customHeight="1" x14ac:dyDescent="0.2">
      <c r="A59" s="31" t="s">
        <v>57</v>
      </c>
      <c r="B59" s="27">
        <v>37</v>
      </c>
      <c r="C59" s="28">
        <v>37</v>
      </c>
      <c r="D59" s="29">
        <v>74</v>
      </c>
    </row>
    <row r="60" spans="1:4" ht="18" customHeight="1" x14ac:dyDescent="0.2">
      <c r="A60" s="31">
        <v>45</v>
      </c>
      <c r="B60" s="27">
        <v>16</v>
      </c>
      <c r="C60" s="28">
        <v>8</v>
      </c>
      <c r="D60" s="29">
        <v>24</v>
      </c>
    </row>
    <row r="61" spans="1:4" ht="18" customHeight="1" x14ac:dyDescent="0.2">
      <c r="A61" s="31">
        <v>46</v>
      </c>
      <c r="B61" s="27">
        <v>10</v>
      </c>
      <c r="C61" s="28">
        <v>15</v>
      </c>
      <c r="D61" s="29">
        <v>25</v>
      </c>
    </row>
    <row r="62" spans="1:4" ht="18" customHeight="1" x14ac:dyDescent="0.2">
      <c r="A62" s="31">
        <v>47</v>
      </c>
      <c r="B62" s="27">
        <v>12</v>
      </c>
      <c r="C62" s="28">
        <v>7</v>
      </c>
      <c r="D62" s="29">
        <v>19</v>
      </c>
    </row>
    <row r="63" spans="1:4" ht="18" customHeight="1" x14ac:dyDescent="0.2">
      <c r="A63" s="31">
        <v>48</v>
      </c>
      <c r="B63" s="27">
        <v>9</v>
      </c>
      <c r="C63" s="28">
        <v>8</v>
      </c>
      <c r="D63" s="29">
        <v>17</v>
      </c>
    </row>
    <row r="64" spans="1:4" ht="18" customHeight="1" x14ac:dyDescent="0.2">
      <c r="A64" s="31">
        <v>49</v>
      </c>
      <c r="B64" s="27">
        <v>12</v>
      </c>
      <c r="C64" s="28">
        <v>6</v>
      </c>
      <c r="D64" s="29">
        <v>18</v>
      </c>
    </row>
    <row r="65" spans="1:4" ht="18" customHeight="1" x14ac:dyDescent="0.2">
      <c r="A65" s="31" t="s">
        <v>58</v>
      </c>
      <c r="B65" s="27">
        <v>59</v>
      </c>
      <c r="C65" s="28">
        <v>44</v>
      </c>
      <c r="D65" s="29">
        <v>103</v>
      </c>
    </row>
    <row r="66" spans="1:4" ht="18" customHeight="1" x14ac:dyDescent="0.2">
      <c r="A66" s="31">
        <v>50</v>
      </c>
      <c r="B66" s="27">
        <v>8</v>
      </c>
      <c r="C66" s="28">
        <v>8</v>
      </c>
      <c r="D66" s="29">
        <v>16</v>
      </c>
    </row>
    <row r="67" spans="1:4" ht="18" customHeight="1" x14ac:dyDescent="0.2">
      <c r="A67" s="31">
        <v>51</v>
      </c>
      <c r="B67" s="27">
        <v>2</v>
      </c>
      <c r="C67" s="28">
        <v>10</v>
      </c>
      <c r="D67" s="29">
        <v>12</v>
      </c>
    </row>
    <row r="68" spans="1:4" ht="18" customHeight="1" x14ac:dyDescent="0.2">
      <c r="A68" s="31">
        <v>52</v>
      </c>
      <c r="B68" s="27">
        <v>11</v>
      </c>
      <c r="C68" s="28">
        <v>13</v>
      </c>
      <c r="D68" s="29">
        <v>24</v>
      </c>
    </row>
    <row r="69" spans="1:4" ht="18" customHeight="1" x14ac:dyDescent="0.2">
      <c r="A69" s="31">
        <v>53</v>
      </c>
      <c r="B69" s="27">
        <v>9</v>
      </c>
      <c r="C69" s="28">
        <v>6</v>
      </c>
      <c r="D69" s="29">
        <v>15</v>
      </c>
    </row>
    <row r="70" spans="1:4" ht="18" customHeight="1" x14ac:dyDescent="0.2">
      <c r="A70" s="31">
        <v>54</v>
      </c>
      <c r="B70" s="27">
        <v>5</v>
      </c>
      <c r="C70" s="28">
        <v>10</v>
      </c>
      <c r="D70" s="29">
        <v>15</v>
      </c>
    </row>
    <row r="71" spans="1:4" ht="18" customHeight="1" x14ac:dyDescent="0.2">
      <c r="A71" s="31" t="s">
        <v>59</v>
      </c>
      <c r="B71" s="27">
        <v>35</v>
      </c>
      <c r="C71" s="28">
        <v>47</v>
      </c>
      <c r="D71" s="29">
        <v>82</v>
      </c>
    </row>
    <row r="72" spans="1:4" ht="18" customHeight="1" x14ac:dyDescent="0.2">
      <c r="A72" s="31">
        <v>55</v>
      </c>
      <c r="B72" s="27">
        <v>8</v>
      </c>
      <c r="C72" s="28">
        <v>9</v>
      </c>
      <c r="D72" s="29">
        <v>17</v>
      </c>
    </row>
    <row r="73" spans="1:4" ht="18" customHeight="1" x14ac:dyDescent="0.2">
      <c r="A73" s="31">
        <v>56</v>
      </c>
      <c r="B73" s="27">
        <v>7</v>
      </c>
      <c r="C73" s="28">
        <v>8</v>
      </c>
      <c r="D73" s="29">
        <v>15</v>
      </c>
    </row>
    <row r="74" spans="1:4" ht="18" customHeight="1" x14ac:dyDescent="0.2">
      <c r="A74" s="31">
        <v>57</v>
      </c>
      <c r="B74" s="27">
        <v>3</v>
      </c>
      <c r="C74" s="28">
        <v>8</v>
      </c>
      <c r="D74" s="29">
        <v>11</v>
      </c>
    </row>
    <row r="75" spans="1:4" ht="18" customHeight="1" x14ac:dyDescent="0.2">
      <c r="A75" s="31">
        <v>58</v>
      </c>
      <c r="B75" s="27">
        <v>4</v>
      </c>
      <c r="C75" s="28">
        <v>7</v>
      </c>
      <c r="D75" s="29">
        <v>11</v>
      </c>
    </row>
    <row r="76" spans="1:4" ht="18" customHeight="1" x14ac:dyDescent="0.2">
      <c r="A76" s="31">
        <v>59</v>
      </c>
      <c r="B76" s="27">
        <v>8</v>
      </c>
      <c r="C76" s="28">
        <v>8</v>
      </c>
      <c r="D76" s="29">
        <v>16</v>
      </c>
    </row>
    <row r="77" spans="1:4" ht="18" customHeight="1" x14ac:dyDescent="0.2">
      <c r="A77" s="31" t="s">
        <v>60</v>
      </c>
      <c r="B77" s="27">
        <v>30</v>
      </c>
      <c r="C77" s="28">
        <v>40</v>
      </c>
      <c r="D77" s="29">
        <v>70</v>
      </c>
    </row>
    <row r="78" spans="1:4" ht="18" customHeight="1" x14ac:dyDescent="0.2">
      <c r="A78" s="31">
        <v>60</v>
      </c>
      <c r="B78" s="27">
        <v>6</v>
      </c>
      <c r="C78" s="28">
        <v>9</v>
      </c>
      <c r="D78" s="29">
        <v>15</v>
      </c>
    </row>
    <row r="79" spans="1:4" ht="18" customHeight="1" x14ac:dyDescent="0.2">
      <c r="A79" s="31">
        <v>61</v>
      </c>
      <c r="B79" s="27">
        <v>11</v>
      </c>
      <c r="C79" s="28">
        <v>15</v>
      </c>
      <c r="D79" s="29">
        <v>26</v>
      </c>
    </row>
    <row r="80" spans="1:4" ht="18" customHeight="1" x14ac:dyDescent="0.2">
      <c r="A80" s="31">
        <v>62</v>
      </c>
      <c r="B80" s="27">
        <v>9</v>
      </c>
      <c r="C80" s="28">
        <v>8</v>
      </c>
      <c r="D80" s="29">
        <v>17</v>
      </c>
    </row>
    <row r="81" spans="1:4" ht="18" customHeight="1" x14ac:dyDescent="0.2">
      <c r="A81" s="31">
        <v>63</v>
      </c>
      <c r="B81" s="27">
        <v>20</v>
      </c>
      <c r="C81" s="28">
        <v>11</v>
      </c>
      <c r="D81" s="29">
        <v>31</v>
      </c>
    </row>
    <row r="82" spans="1:4" ht="18" customHeight="1" x14ac:dyDescent="0.2">
      <c r="A82" s="31">
        <v>64</v>
      </c>
      <c r="B82" s="27">
        <v>10</v>
      </c>
      <c r="C82" s="28">
        <v>10</v>
      </c>
      <c r="D82" s="29">
        <v>20</v>
      </c>
    </row>
    <row r="83" spans="1:4" ht="18" customHeight="1" x14ac:dyDescent="0.2">
      <c r="A83" s="31" t="s">
        <v>61</v>
      </c>
      <c r="B83" s="27">
        <v>56</v>
      </c>
      <c r="C83" s="28">
        <v>53</v>
      </c>
      <c r="D83" s="29">
        <v>109</v>
      </c>
    </row>
    <row r="84" spans="1:4" ht="18" customHeight="1" x14ac:dyDescent="0.2">
      <c r="A84" s="31" t="s">
        <v>62</v>
      </c>
      <c r="B84" s="27">
        <v>368</v>
      </c>
      <c r="C84" s="28">
        <v>353</v>
      </c>
      <c r="D84" s="29">
        <v>721</v>
      </c>
    </row>
    <row r="85" spans="1:4" ht="18" customHeight="1" x14ac:dyDescent="0.2">
      <c r="A85" s="31">
        <v>65</v>
      </c>
      <c r="B85" s="27">
        <v>15</v>
      </c>
      <c r="C85" s="28">
        <v>16</v>
      </c>
      <c r="D85" s="29">
        <v>31</v>
      </c>
    </row>
    <row r="86" spans="1:4" ht="18" customHeight="1" x14ac:dyDescent="0.2">
      <c r="A86" s="31">
        <v>66</v>
      </c>
      <c r="B86" s="27">
        <v>18</v>
      </c>
      <c r="C86" s="28">
        <v>14</v>
      </c>
      <c r="D86" s="29">
        <v>32</v>
      </c>
    </row>
    <row r="87" spans="1:4" ht="18" customHeight="1" x14ac:dyDescent="0.2">
      <c r="A87" s="31">
        <v>67</v>
      </c>
      <c r="B87" s="27">
        <v>18</v>
      </c>
      <c r="C87" s="28">
        <v>16</v>
      </c>
      <c r="D87" s="29">
        <v>34</v>
      </c>
    </row>
    <row r="88" spans="1:4" ht="18" customHeight="1" x14ac:dyDescent="0.2">
      <c r="A88" s="31">
        <v>68</v>
      </c>
      <c r="B88" s="27">
        <v>14</v>
      </c>
      <c r="C88" s="28">
        <v>11</v>
      </c>
      <c r="D88" s="29">
        <v>25</v>
      </c>
    </row>
    <row r="89" spans="1:4" ht="18" customHeight="1" x14ac:dyDescent="0.2">
      <c r="A89" s="31">
        <v>69</v>
      </c>
      <c r="B89" s="27">
        <v>11</v>
      </c>
      <c r="C89" s="28">
        <v>15</v>
      </c>
      <c r="D89" s="29">
        <v>26</v>
      </c>
    </row>
    <row r="90" spans="1:4" ht="18" customHeight="1" x14ac:dyDescent="0.2">
      <c r="A90" s="31" t="s">
        <v>63</v>
      </c>
      <c r="B90" s="27">
        <v>76</v>
      </c>
      <c r="C90" s="28">
        <v>72</v>
      </c>
      <c r="D90" s="29">
        <v>148</v>
      </c>
    </row>
    <row r="91" spans="1:4" ht="18" customHeight="1" x14ac:dyDescent="0.2">
      <c r="A91" s="31">
        <v>70</v>
      </c>
      <c r="B91" s="27">
        <v>18</v>
      </c>
      <c r="C91" s="28">
        <v>15</v>
      </c>
      <c r="D91" s="29">
        <v>33</v>
      </c>
    </row>
    <row r="92" spans="1:4" ht="18" customHeight="1" x14ac:dyDescent="0.2">
      <c r="A92" s="31">
        <v>71</v>
      </c>
      <c r="B92" s="27">
        <v>12</v>
      </c>
      <c r="C92" s="28">
        <v>14</v>
      </c>
      <c r="D92" s="29">
        <v>26</v>
      </c>
    </row>
    <row r="93" spans="1:4" ht="18" customHeight="1" x14ac:dyDescent="0.2">
      <c r="A93" s="31">
        <v>72</v>
      </c>
      <c r="B93" s="27">
        <v>22</v>
      </c>
      <c r="C93" s="28">
        <v>11</v>
      </c>
      <c r="D93" s="29">
        <v>33</v>
      </c>
    </row>
    <row r="94" spans="1:4" ht="18" customHeight="1" x14ac:dyDescent="0.2">
      <c r="A94" s="31">
        <v>73</v>
      </c>
      <c r="B94" s="27">
        <v>7</v>
      </c>
      <c r="C94" s="28">
        <v>10</v>
      </c>
      <c r="D94" s="29">
        <v>17</v>
      </c>
    </row>
    <row r="95" spans="1:4" ht="18" customHeight="1" x14ac:dyDescent="0.2">
      <c r="A95" s="31">
        <v>74</v>
      </c>
      <c r="B95" s="27">
        <v>6</v>
      </c>
      <c r="C95" s="28">
        <v>3</v>
      </c>
      <c r="D95" s="29">
        <v>9</v>
      </c>
    </row>
    <row r="96" spans="1:4" ht="18" customHeight="1" x14ac:dyDescent="0.2">
      <c r="A96" s="31" t="s">
        <v>64</v>
      </c>
      <c r="B96" s="27">
        <v>65</v>
      </c>
      <c r="C96" s="28">
        <v>53</v>
      </c>
      <c r="D96" s="29">
        <v>118</v>
      </c>
    </row>
    <row r="97" spans="1:4" ht="18" customHeight="1" x14ac:dyDescent="0.2">
      <c r="A97" s="31">
        <v>75</v>
      </c>
      <c r="B97" s="27">
        <v>9</v>
      </c>
      <c r="C97" s="28">
        <v>8</v>
      </c>
      <c r="D97" s="29">
        <v>17</v>
      </c>
    </row>
    <row r="98" spans="1:4" ht="18" customHeight="1" x14ac:dyDescent="0.2">
      <c r="A98" s="31">
        <v>76</v>
      </c>
      <c r="B98" s="27">
        <v>8</v>
      </c>
      <c r="C98" s="28">
        <v>8</v>
      </c>
      <c r="D98" s="29">
        <v>16</v>
      </c>
    </row>
    <row r="99" spans="1:4" ht="18" customHeight="1" x14ac:dyDescent="0.2">
      <c r="A99" s="31">
        <v>77</v>
      </c>
      <c r="B99" s="27">
        <v>10</v>
      </c>
      <c r="C99" s="28">
        <v>12</v>
      </c>
      <c r="D99" s="29">
        <v>22</v>
      </c>
    </row>
    <row r="100" spans="1:4" ht="18" customHeight="1" x14ac:dyDescent="0.2">
      <c r="A100" s="31">
        <v>78</v>
      </c>
      <c r="B100" s="27">
        <v>6</v>
      </c>
      <c r="C100" s="28">
        <v>14</v>
      </c>
      <c r="D100" s="29">
        <v>20</v>
      </c>
    </row>
    <row r="101" spans="1:4" ht="18" customHeight="1" x14ac:dyDescent="0.2">
      <c r="A101" s="31">
        <v>79</v>
      </c>
      <c r="B101" s="27">
        <v>4</v>
      </c>
      <c r="C101" s="28">
        <v>6</v>
      </c>
      <c r="D101" s="29">
        <v>10</v>
      </c>
    </row>
    <row r="102" spans="1:4" ht="18" customHeight="1" x14ac:dyDescent="0.2">
      <c r="A102" s="31" t="s">
        <v>65</v>
      </c>
      <c r="B102" s="27">
        <v>37</v>
      </c>
      <c r="C102" s="28">
        <v>48</v>
      </c>
      <c r="D102" s="29">
        <v>85</v>
      </c>
    </row>
    <row r="103" spans="1:4" ht="18" customHeight="1" x14ac:dyDescent="0.2">
      <c r="A103" s="31">
        <v>80</v>
      </c>
      <c r="B103" s="27">
        <v>9</v>
      </c>
      <c r="C103" s="28">
        <v>7</v>
      </c>
      <c r="D103" s="29">
        <v>16</v>
      </c>
    </row>
    <row r="104" spans="1:4" ht="18" customHeight="1" x14ac:dyDescent="0.2">
      <c r="A104" s="31">
        <v>81</v>
      </c>
      <c r="B104" s="27">
        <v>6</v>
      </c>
      <c r="C104" s="28">
        <v>2</v>
      </c>
      <c r="D104" s="29">
        <v>8</v>
      </c>
    </row>
    <row r="105" spans="1:4" ht="18" customHeight="1" x14ac:dyDescent="0.2">
      <c r="A105" s="31">
        <v>82</v>
      </c>
      <c r="B105" s="27">
        <v>8</v>
      </c>
      <c r="C105" s="28">
        <v>9</v>
      </c>
      <c r="D105" s="29">
        <v>17</v>
      </c>
    </row>
    <row r="106" spans="1:4" ht="18" customHeight="1" x14ac:dyDescent="0.2">
      <c r="A106" s="31">
        <v>83</v>
      </c>
      <c r="B106" s="27">
        <v>3</v>
      </c>
      <c r="C106" s="28">
        <v>6</v>
      </c>
      <c r="D106" s="29">
        <v>9</v>
      </c>
    </row>
    <row r="107" spans="1:4" ht="18" customHeight="1" x14ac:dyDescent="0.2">
      <c r="A107" s="31">
        <v>84</v>
      </c>
      <c r="B107" s="27">
        <v>3</v>
      </c>
      <c r="C107" s="28">
        <v>14</v>
      </c>
      <c r="D107" s="29">
        <v>17</v>
      </c>
    </row>
    <row r="108" spans="1:4" ht="18" customHeight="1" x14ac:dyDescent="0.2">
      <c r="A108" s="31" t="s">
        <v>66</v>
      </c>
      <c r="B108" s="27">
        <v>29</v>
      </c>
      <c r="C108" s="28">
        <v>38</v>
      </c>
      <c r="D108" s="29">
        <v>67</v>
      </c>
    </row>
    <row r="109" spans="1:4" ht="18" customHeight="1" x14ac:dyDescent="0.2">
      <c r="A109" s="31">
        <v>85</v>
      </c>
      <c r="B109" s="27">
        <v>3</v>
      </c>
      <c r="C109" s="28">
        <v>11</v>
      </c>
      <c r="D109" s="29">
        <v>14</v>
      </c>
    </row>
    <row r="110" spans="1:4" ht="18" customHeight="1" x14ac:dyDescent="0.2">
      <c r="A110" s="31">
        <v>86</v>
      </c>
      <c r="B110" s="27">
        <v>3</v>
      </c>
      <c r="C110" s="28">
        <v>10</v>
      </c>
      <c r="D110" s="29">
        <v>13</v>
      </c>
    </row>
    <row r="111" spans="1:4" ht="18" customHeight="1" x14ac:dyDescent="0.2">
      <c r="A111" s="31">
        <v>87</v>
      </c>
      <c r="B111" s="27">
        <v>5</v>
      </c>
      <c r="C111" s="28">
        <v>13</v>
      </c>
      <c r="D111" s="29">
        <v>18</v>
      </c>
    </row>
    <row r="112" spans="1:4" ht="18" customHeight="1" x14ac:dyDescent="0.2">
      <c r="A112" s="31">
        <v>88</v>
      </c>
      <c r="B112" s="27">
        <v>3</v>
      </c>
      <c r="C112" s="28">
        <v>8</v>
      </c>
      <c r="D112" s="29">
        <v>11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67</v>
      </c>
      <c r="B114" s="27">
        <v>15</v>
      </c>
      <c r="C114" s="28">
        <v>46</v>
      </c>
      <c r="D114" s="29">
        <v>61</v>
      </c>
    </row>
    <row r="115" spans="1:4" ht="18" customHeight="1" x14ac:dyDescent="0.2">
      <c r="A115" s="31">
        <v>90</v>
      </c>
      <c r="B115" s="27">
        <v>8</v>
      </c>
      <c r="C115" s="28">
        <v>9</v>
      </c>
      <c r="D115" s="29">
        <v>17</v>
      </c>
    </row>
    <row r="116" spans="1:4" ht="18" customHeight="1" x14ac:dyDescent="0.2">
      <c r="A116" s="31">
        <v>91</v>
      </c>
      <c r="B116" s="27">
        <v>2</v>
      </c>
      <c r="C116" s="28">
        <v>10</v>
      </c>
      <c r="D116" s="29">
        <v>12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11</v>
      </c>
      <c r="C120" s="28">
        <v>31</v>
      </c>
      <c r="D120" s="29">
        <v>42</v>
      </c>
    </row>
    <row r="121" spans="1:4" ht="18" customHeight="1" x14ac:dyDescent="0.2">
      <c r="A121" s="31">
        <v>95</v>
      </c>
      <c r="B121" s="27">
        <v>2</v>
      </c>
      <c r="C121" s="28">
        <v>5</v>
      </c>
      <c r="D121" s="29">
        <v>7</v>
      </c>
    </row>
    <row r="122" spans="1:4" ht="18" customHeight="1" x14ac:dyDescent="0.2">
      <c r="A122" s="31">
        <v>96</v>
      </c>
      <c r="B122" s="27">
        <v>2</v>
      </c>
      <c r="C122" s="28">
        <v>3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11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37</v>
      </c>
      <c r="C130" s="5">
        <v>299</v>
      </c>
      <c r="D130" s="6">
        <v>536</v>
      </c>
    </row>
    <row r="131" spans="1:4" ht="18" customHeight="1" x14ac:dyDescent="0.2">
      <c r="A131" s="33" t="s">
        <v>47</v>
      </c>
      <c r="B131" s="7">
        <v>683</v>
      </c>
      <c r="C131" s="8">
        <v>715</v>
      </c>
      <c r="D131" s="9">
        <v>13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3</v>
      </c>
      <c r="C6" s="28">
        <v>1</v>
      </c>
      <c r="D6" s="29">
        <v>4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3</v>
      </c>
      <c r="C9" s="38">
        <v>3</v>
      </c>
      <c r="D9" s="40">
        <v>6</v>
      </c>
    </row>
    <row r="10" spans="1:4" ht="18" customHeight="1" x14ac:dyDescent="0.2">
      <c r="A10" s="31" t="s">
        <v>48</v>
      </c>
      <c r="B10" s="27">
        <v>9</v>
      </c>
      <c r="C10" s="28">
        <v>8</v>
      </c>
      <c r="D10" s="29">
        <v>17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3</v>
      </c>
      <c r="C12" s="28">
        <v>2</v>
      </c>
      <c r="D12" s="29">
        <v>5</v>
      </c>
    </row>
    <row r="13" spans="1:4" ht="18" customHeight="1" x14ac:dyDescent="0.2">
      <c r="A13" s="31">
        <v>7</v>
      </c>
      <c r="B13" s="35">
        <v>3</v>
      </c>
      <c r="C13" s="28">
        <v>2</v>
      </c>
      <c r="D13" s="29">
        <v>5</v>
      </c>
    </row>
    <row r="14" spans="1:4" ht="18" customHeight="1" x14ac:dyDescent="0.2">
      <c r="A14" s="31">
        <v>8</v>
      </c>
      <c r="B14" s="35">
        <v>6</v>
      </c>
      <c r="C14" s="28">
        <v>2</v>
      </c>
      <c r="D14" s="29">
        <v>8</v>
      </c>
    </row>
    <row r="15" spans="1:4" ht="18" customHeight="1" x14ac:dyDescent="0.2">
      <c r="A15" s="31">
        <v>9</v>
      </c>
      <c r="B15" s="35">
        <v>6</v>
      </c>
      <c r="C15" s="28">
        <v>3</v>
      </c>
      <c r="D15" s="29">
        <v>9</v>
      </c>
    </row>
    <row r="16" spans="1:4" ht="18" customHeight="1" x14ac:dyDescent="0.2">
      <c r="A16" s="31" t="s">
        <v>49</v>
      </c>
      <c r="B16" s="27">
        <v>19</v>
      </c>
      <c r="C16" s="28">
        <v>9</v>
      </c>
      <c r="D16" s="29">
        <v>28</v>
      </c>
    </row>
    <row r="17" spans="1:4" ht="18" customHeight="1" x14ac:dyDescent="0.2">
      <c r="A17" s="31">
        <v>10</v>
      </c>
      <c r="B17" s="27">
        <v>7</v>
      </c>
      <c r="C17" s="28">
        <v>1</v>
      </c>
      <c r="D17" s="29">
        <v>8</v>
      </c>
    </row>
    <row r="18" spans="1:4" ht="18" customHeight="1" x14ac:dyDescent="0.2">
      <c r="A18" s="31">
        <v>11</v>
      </c>
      <c r="B18" s="27">
        <v>2</v>
      </c>
      <c r="C18" s="28">
        <v>3</v>
      </c>
      <c r="D18" s="29">
        <v>5</v>
      </c>
    </row>
    <row r="19" spans="1:4" ht="18" customHeight="1" x14ac:dyDescent="0.2">
      <c r="A19" s="31">
        <v>12</v>
      </c>
      <c r="B19" s="27">
        <v>5</v>
      </c>
      <c r="C19" s="28">
        <v>2</v>
      </c>
      <c r="D19" s="29">
        <v>7</v>
      </c>
    </row>
    <row r="20" spans="1:4" ht="18" customHeight="1" x14ac:dyDescent="0.2">
      <c r="A20" s="31">
        <v>13</v>
      </c>
      <c r="B20" s="27">
        <v>3</v>
      </c>
      <c r="C20" s="28">
        <v>6</v>
      </c>
      <c r="D20" s="29">
        <v>9</v>
      </c>
    </row>
    <row r="21" spans="1:4" ht="18" customHeight="1" x14ac:dyDescent="0.2">
      <c r="A21" s="31">
        <v>14</v>
      </c>
      <c r="B21" s="27">
        <v>6</v>
      </c>
      <c r="C21" s="28">
        <v>4</v>
      </c>
      <c r="D21" s="29">
        <v>10</v>
      </c>
    </row>
    <row r="22" spans="1:4" ht="18" customHeight="1" x14ac:dyDescent="0.2">
      <c r="A22" s="31" t="s">
        <v>50</v>
      </c>
      <c r="B22" s="27">
        <v>23</v>
      </c>
      <c r="C22" s="28">
        <v>16</v>
      </c>
      <c r="D22" s="29">
        <v>39</v>
      </c>
    </row>
    <row r="23" spans="1:4" ht="18" customHeight="1" x14ac:dyDescent="0.2">
      <c r="A23" s="31" t="s">
        <v>51</v>
      </c>
      <c r="B23" s="27">
        <v>51</v>
      </c>
      <c r="C23" s="28">
        <v>33</v>
      </c>
      <c r="D23" s="29">
        <v>84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5</v>
      </c>
      <c r="C25" s="28">
        <v>3</v>
      </c>
      <c r="D25" s="29">
        <v>8</v>
      </c>
    </row>
    <row r="26" spans="1:4" ht="18" customHeight="1" x14ac:dyDescent="0.2">
      <c r="A26" s="31">
        <v>17</v>
      </c>
      <c r="B26" s="27">
        <v>2</v>
      </c>
      <c r="C26" s="28">
        <v>4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3</v>
      </c>
      <c r="D27" s="29">
        <v>5</v>
      </c>
    </row>
    <row r="28" spans="1:4" ht="18" customHeight="1" x14ac:dyDescent="0.2">
      <c r="A28" s="31">
        <v>19</v>
      </c>
      <c r="B28" s="27">
        <v>5</v>
      </c>
      <c r="C28" s="28">
        <v>3</v>
      </c>
      <c r="D28" s="29">
        <v>8</v>
      </c>
    </row>
    <row r="29" spans="1:4" ht="18" customHeight="1" x14ac:dyDescent="0.2">
      <c r="A29" s="31" t="s">
        <v>52</v>
      </c>
      <c r="B29" s="27">
        <v>17</v>
      </c>
      <c r="C29" s="28">
        <v>15</v>
      </c>
      <c r="D29" s="29">
        <v>32</v>
      </c>
    </row>
    <row r="30" spans="1:4" ht="18" customHeight="1" x14ac:dyDescent="0.2">
      <c r="A30" s="31">
        <v>20</v>
      </c>
      <c r="B30" s="27">
        <v>7</v>
      </c>
      <c r="C30" s="28">
        <v>3</v>
      </c>
      <c r="D30" s="29">
        <v>10</v>
      </c>
    </row>
    <row r="31" spans="1:4" ht="18" customHeight="1" x14ac:dyDescent="0.2">
      <c r="A31" s="31">
        <v>21</v>
      </c>
      <c r="B31" s="27">
        <v>11</v>
      </c>
      <c r="C31" s="28">
        <v>4</v>
      </c>
      <c r="D31" s="29">
        <v>15</v>
      </c>
    </row>
    <row r="32" spans="1:4" ht="18" customHeight="1" x14ac:dyDescent="0.2">
      <c r="A32" s="31">
        <v>22</v>
      </c>
      <c r="B32" s="27">
        <v>6</v>
      </c>
      <c r="C32" s="28">
        <v>3</v>
      </c>
      <c r="D32" s="29">
        <v>9</v>
      </c>
    </row>
    <row r="33" spans="1:4" ht="18" customHeight="1" x14ac:dyDescent="0.2">
      <c r="A33" s="31">
        <v>23</v>
      </c>
      <c r="B33" s="27">
        <v>6</v>
      </c>
      <c r="C33" s="28">
        <v>6</v>
      </c>
      <c r="D33" s="29">
        <v>12</v>
      </c>
    </row>
    <row r="34" spans="1:4" ht="18" customHeight="1" x14ac:dyDescent="0.2">
      <c r="A34" s="31">
        <v>24</v>
      </c>
      <c r="B34" s="27">
        <v>1</v>
      </c>
      <c r="C34" s="28">
        <v>2</v>
      </c>
      <c r="D34" s="29">
        <v>3</v>
      </c>
    </row>
    <row r="35" spans="1:4" ht="18" customHeight="1" x14ac:dyDescent="0.2">
      <c r="A35" s="31" t="s">
        <v>53</v>
      </c>
      <c r="B35" s="27">
        <v>31</v>
      </c>
      <c r="C35" s="28">
        <v>18</v>
      </c>
      <c r="D35" s="29">
        <v>49</v>
      </c>
    </row>
    <row r="36" spans="1:4" ht="18" customHeight="1" x14ac:dyDescent="0.2">
      <c r="A36" s="31">
        <v>25</v>
      </c>
      <c r="B36" s="27">
        <v>4</v>
      </c>
      <c r="C36" s="28">
        <v>6</v>
      </c>
      <c r="D36" s="29">
        <v>10</v>
      </c>
    </row>
    <row r="37" spans="1:4" ht="18" customHeight="1" x14ac:dyDescent="0.2">
      <c r="A37" s="31">
        <v>26</v>
      </c>
      <c r="B37" s="27">
        <v>2</v>
      </c>
      <c r="C37" s="28">
        <v>4</v>
      </c>
      <c r="D37" s="29">
        <v>6</v>
      </c>
    </row>
    <row r="38" spans="1:4" ht="18" customHeight="1" x14ac:dyDescent="0.2">
      <c r="A38" s="31">
        <v>27</v>
      </c>
      <c r="B38" s="27">
        <v>6</v>
      </c>
      <c r="C38" s="28">
        <v>3</v>
      </c>
      <c r="D38" s="29">
        <v>9</v>
      </c>
    </row>
    <row r="39" spans="1:4" ht="18" customHeight="1" x14ac:dyDescent="0.2">
      <c r="A39" s="31">
        <v>28</v>
      </c>
      <c r="B39" s="27">
        <v>6</v>
      </c>
      <c r="C39" s="28">
        <v>3</v>
      </c>
      <c r="D39" s="29">
        <v>9</v>
      </c>
    </row>
    <row r="40" spans="1:4" ht="18" customHeight="1" x14ac:dyDescent="0.2">
      <c r="A40" s="31">
        <v>29</v>
      </c>
      <c r="B40" s="27">
        <v>0</v>
      </c>
      <c r="C40" s="28">
        <v>4</v>
      </c>
      <c r="D40" s="29">
        <v>4</v>
      </c>
    </row>
    <row r="41" spans="1:4" ht="18" customHeight="1" x14ac:dyDescent="0.2">
      <c r="A41" s="31" t="s">
        <v>54</v>
      </c>
      <c r="B41" s="27">
        <v>18</v>
      </c>
      <c r="C41" s="28">
        <v>20</v>
      </c>
      <c r="D41" s="29">
        <v>38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3</v>
      </c>
      <c r="C43" s="28">
        <v>3</v>
      </c>
      <c r="D43" s="29">
        <v>6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4</v>
      </c>
      <c r="C45" s="28">
        <v>8</v>
      </c>
      <c r="D45" s="29">
        <v>12</v>
      </c>
    </row>
    <row r="46" spans="1:4" ht="18" customHeight="1" x14ac:dyDescent="0.2">
      <c r="A46" s="31">
        <v>34</v>
      </c>
      <c r="B46" s="27">
        <v>1</v>
      </c>
      <c r="C46" s="28">
        <v>4</v>
      </c>
      <c r="D46" s="29">
        <v>5</v>
      </c>
    </row>
    <row r="47" spans="1:4" ht="18" customHeight="1" x14ac:dyDescent="0.2">
      <c r="A47" s="31" t="s">
        <v>55</v>
      </c>
      <c r="B47" s="27">
        <v>12</v>
      </c>
      <c r="C47" s="28">
        <v>18</v>
      </c>
      <c r="D47" s="29">
        <v>30</v>
      </c>
    </row>
    <row r="48" spans="1:4" ht="18" customHeight="1" x14ac:dyDescent="0.2">
      <c r="A48" s="31">
        <v>35</v>
      </c>
      <c r="B48" s="27">
        <v>2</v>
      </c>
      <c r="C48" s="28">
        <v>4</v>
      </c>
      <c r="D48" s="29">
        <v>6</v>
      </c>
    </row>
    <row r="49" spans="1:4" ht="18" customHeight="1" x14ac:dyDescent="0.2">
      <c r="A49" s="31">
        <v>36</v>
      </c>
      <c r="B49" s="27">
        <v>8</v>
      </c>
      <c r="C49" s="28">
        <v>0</v>
      </c>
      <c r="D49" s="29">
        <v>8</v>
      </c>
    </row>
    <row r="50" spans="1:4" ht="18" customHeight="1" x14ac:dyDescent="0.2">
      <c r="A50" s="31">
        <v>37</v>
      </c>
      <c r="B50" s="27">
        <v>8</v>
      </c>
      <c r="C50" s="28">
        <v>1</v>
      </c>
      <c r="D50" s="29">
        <v>9</v>
      </c>
    </row>
    <row r="51" spans="1:4" ht="18" customHeight="1" x14ac:dyDescent="0.2">
      <c r="A51" s="31">
        <v>38</v>
      </c>
      <c r="B51" s="27">
        <v>2</v>
      </c>
      <c r="C51" s="28">
        <v>6</v>
      </c>
      <c r="D51" s="29">
        <v>8</v>
      </c>
    </row>
    <row r="52" spans="1:4" ht="18" customHeight="1" x14ac:dyDescent="0.2">
      <c r="A52" s="31">
        <v>39</v>
      </c>
      <c r="B52" s="27">
        <v>5</v>
      </c>
      <c r="C52" s="28">
        <v>5</v>
      </c>
      <c r="D52" s="29">
        <v>10</v>
      </c>
    </row>
    <row r="53" spans="1:4" ht="18" customHeight="1" x14ac:dyDescent="0.2">
      <c r="A53" s="31" t="s">
        <v>56</v>
      </c>
      <c r="B53" s="27">
        <v>25</v>
      </c>
      <c r="C53" s="28">
        <v>16</v>
      </c>
      <c r="D53" s="29">
        <v>41</v>
      </c>
    </row>
    <row r="54" spans="1:4" ht="18" customHeight="1" x14ac:dyDescent="0.2">
      <c r="A54" s="31">
        <v>40</v>
      </c>
      <c r="B54" s="27">
        <v>4</v>
      </c>
      <c r="C54" s="28">
        <v>4</v>
      </c>
      <c r="D54" s="29">
        <v>8</v>
      </c>
    </row>
    <row r="55" spans="1:4" ht="18" customHeight="1" x14ac:dyDescent="0.2">
      <c r="A55" s="31">
        <v>41</v>
      </c>
      <c r="B55" s="27">
        <v>8</v>
      </c>
      <c r="C55" s="28">
        <v>3</v>
      </c>
      <c r="D55" s="29">
        <v>11</v>
      </c>
    </row>
    <row r="56" spans="1:4" ht="18" customHeight="1" x14ac:dyDescent="0.2">
      <c r="A56" s="31">
        <v>42</v>
      </c>
      <c r="B56" s="27">
        <v>6</v>
      </c>
      <c r="C56" s="28">
        <v>5</v>
      </c>
      <c r="D56" s="29">
        <v>11</v>
      </c>
    </row>
    <row r="57" spans="1:4" ht="18" customHeight="1" x14ac:dyDescent="0.2">
      <c r="A57" s="31">
        <v>43</v>
      </c>
      <c r="B57" s="27">
        <v>10</v>
      </c>
      <c r="C57" s="28">
        <v>4</v>
      </c>
      <c r="D57" s="29">
        <v>14</v>
      </c>
    </row>
    <row r="58" spans="1:4" ht="18" customHeight="1" x14ac:dyDescent="0.2">
      <c r="A58" s="31">
        <v>44</v>
      </c>
      <c r="B58" s="27">
        <v>8</v>
      </c>
      <c r="C58" s="28">
        <v>7</v>
      </c>
      <c r="D58" s="29">
        <v>15</v>
      </c>
    </row>
    <row r="59" spans="1:4" ht="18" customHeight="1" x14ac:dyDescent="0.2">
      <c r="A59" s="31" t="s">
        <v>57</v>
      </c>
      <c r="B59" s="27">
        <v>36</v>
      </c>
      <c r="C59" s="28">
        <v>23</v>
      </c>
      <c r="D59" s="29">
        <v>59</v>
      </c>
    </row>
    <row r="60" spans="1:4" ht="18" customHeight="1" x14ac:dyDescent="0.2">
      <c r="A60" s="31">
        <v>45</v>
      </c>
      <c r="B60" s="27">
        <v>5</v>
      </c>
      <c r="C60" s="28">
        <v>5</v>
      </c>
      <c r="D60" s="29">
        <v>10</v>
      </c>
    </row>
    <row r="61" spans="1:4" ht="18" customHeight="1" x14ac:dyDescent="0.2">
      <c r="A61" s="31">
        <v>46</v>
      </c>
      <c r="B61" s="27">
        <v>8</v>
      </c>
      <c r="C61" s="28">
        <v>8</v>
      </c>
      <c r="D61" s="29">
        <v>16</v>
      </c>
    </row>
    <row r="62" spans="1:4" ht="18" customHeight="1" x14ac:dyDescent="0.2">
      <c r="A62" s="31">
        <v>47</v>
      </c>
      <c r="B62" s="27">
        <v>8</v>
      </c>
      <c r="C62" s="28">
        <v>5</v>
      </c>
      <c r="D62" s="29">
        <v>13</v>
      </c>
    </row>
    <row r="63" spans="1:4" ht="18" customHeight="1" x14ac:dyDescent="0.2">
      <c r="A63" s="31">
        <v>48</v>
      </c>
      <c r="B63" s="27">
        <v>3</v>
      </c>
      <c r="C63" s="28">
        <v>9</v>
      </c>
      <c r="D63" s="29">
        <v>12</v>
      </c>
    </row>
    <row r="64" spans="1:4" ht="18" customHeight="1" x14ac:dyDescent="0.2">
      <c r="A64" s="31">
        <v>49</v>
      </c>
      <c r="B64" s="27">
        <v>6</v>
      </c>
      <c r="C64" s="28">
        <v>7</v>
      </c>
      <c r="D64" s="29">
        <v>13</v>
      </c>
    </row>
    <row r="65" spans="1:4" ht="18" customHeight="1" x14ac:dyDescent="0.2">
      <c r="A65" s="31" t="s">
        <v>58</v>
      </c>
      <c r="B65" s="27">
        <v>30</v>
      </c>
      <c r="C65" s="28">
        <v>34</v>
      </c>
      <c r="D65" s="29">
        <v>64</v>
      </c>
    </row>
    <row r="66" spans="1:4" ht="18" customHeight="1" x14ac:dyDescent="0.2">
      <c r="A66" s="31">
        <v>50</v>
      </c>
      <c r="B66" s="27">
        <v>6</v>
      </c>
      <c r="C66" s="28">
        <v>6</v>
      </c>
      <c r="D66" s="29">
        <v>12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7</v>
      </c>
      <c r="C68" s="28">
        <v>3</v>
      </c>
      <c r="D68" s="29">
        <v>10</v>
      </c>
    </row>
    <row r="69" spans="1:4" ht="18" customHeight="1" x14ac:dyDescent="0.2">
      <c r="A69" s="31">
        <v>53</v>
      </c>
      <c r="B69" s="27">
        <v>4</v>
      </c>
      <c r="C69" s="28">
        <v>5</v>
      </c>
      <c r="D69" s="29">
        <v>9</v>
      </c>
    </row>
    <row r="70" spans="1:4" ht="18" customHeight="1" x14ac:dyDescent="0.2">
      <c r="A70" s="31">
        <v>54</v>
      </c>
      <c r="B70" s="27">
        <v>1</v>
      </c>
      <c r="C70" s="28">
        <v>5</v>
      </c>
      <c r="D70" s="29">
        <v>6</v>
      </c>
    </row>
    <row r="71" spans="1:4" ht="18" customHeight="1" x14ac:dyDescent="0.2">
      <c r="A71" s="31" t="s">
        <v>59</v>
      </c>
      <c r="B71" s="27">
        <v>24</v>
      </c>
      <c r="C71" s="28">
        <v>26</v>
      </c>
      <c r="D71" s="29">
        <v>50</v>
      </c>
    </row>
    <row r="72" spans="1:4" ht="18" customHeight="1" x14ac:dyDescent="0.2">
      <c r="A72" s="31">
        <v>55</v>
      </c>
      <c r="B72" s="27">
        <v>7</v>
      </c>
      <c r="C72" s="28">
        <v>4</v>
      </c>
      <c r="D72" s="29">
        <v>11</v>
      </c>
    </row>
    <row r="73" spans="1:4" ht="18" customHeight="1" x14ac:dyDescent="0.2">
      <c r="A73" s="31">
        <v>56</v>
      </c>
      <c r="B73" s="27">
        <v>6</v>
      </c>
      <c r="C73" s="28">
        <v>6</v>
      </c>
      <c r="D73" s="29">
        <v>12</v>
      </c>
    </row>
    <row r="74" spans="1:4" ht="18" customHeight="1" x14ac:dyDescent="0.2">
      <c r="A74" s="31">
        <v>57</v>
      </c>
      <c r="B74" s="27">
        <v>6</v>
      </c>
      <c r="C74" s="28">
        <v>4</v>
      </c>
      <c r="D74" s="29">
        <v>10</v>
      </c>
    </row>
    <row r="75" spans="1:4" ht="18" customHeight="1" x14ac:dyDescent="0.2">
      <c r="A75" s="31">
        <v>58</v>
      </c>
      <c r="B75" s="27">
        <v>5</v>
      </c>
      <c r="C75" s="28">
        <v>7</v>
      </c>
      <c r="D75" s="29">
        <v>12</v>
      </c>
    </row>
    <row r="76" spans="1:4" ht="18" customHeight="1" x14ac:dyDescent="0.2">
      <c r="A76" s="31">
        <v>59</v>
      </c>
      <c r="B76" s="27">
        <v>5</v>
      </c>
      <c r="C76" s="28">
        <v>6</v>
      </c>
      <c r="D76" s="29">
        <v>11</v>
      </c>
    </row>
    <row r="77" spans="1:4" ht="18" customHeight="1" x14ac:dyDescent="0.2">
      <c r="A77" s="31" t="s">
        <v>60</v>
      </c>
      <c r="B77" s="27">
        <v>29</v>
      </c>
      <c r="C77" s="28">
        <v>27</v>
      </c>
      <c r="D77" s="29">
        <v>56</v>
      </c>
    </row>
    <row r="78" spans="1:4" ht="18" customHeight="1" x14ac:dyDescent="0.2">
      <c r="A78" s="31">
        <v>60</v>
      </c>
      <c r="B78" s="27">
        <v>6</v>
      </c>
      <c r="C78" s="28">
        <v>8</v>
      </c>
      <c r="D78" s="29">
        <v>14</v>
      </c>
    </row>
    <row r="79" spans="1:4" ht="18" customHeight="1" x14ac:dyDescent="0.2">
      <c r="A79" s="31">
        <v>61</v>
      </c>
      <c r="B79" s="27">
        <v>5</v>
      </c>
      <c r="C79" s="28">
        <v>4</v>
      </c>
      <c r="D79" s="29">
        <v>9</v>
      </c>
    </row>
    <row r="80" spans="1:4" ht="18" customHeight="1" x14ac:dyDescent="0.2">
      <c r="A80" s="31">
        <v>62</v>
      </c>
      <c r="B80" s="27">
        <v>5</v>
      </c>
      <c r="C80" s="28">
        <v>4</v>
      </c>
      <c r="D80" s="29">
        <v>9</v>
      </c>
    </row>
    <row r="81" spans="1:4" ht="18" customHeight="1" x14ac:dyDescent="0.2">
      <c r="A81" s="31">
        <v>63</v>
      </c>
      <c r="B81" s="27">
        <v>5</v>
      </c>
      <c r="C81" s="28">
        <v>4</v>
      </c>
      <c r="D81" s="29">
        <v>9</v>
      </c>
    </row>
    <row r="82" spans="1:4" ht="18" customHeight="1" x14ac:dyDescent="0.2">
      <c r="A82" s="31">
        <v>64</v>
      </c>
      <c r="B82" s="27">
        <v>4</v>
      </c>
      <c r="C82" s="28">
        <v>12</v>
      </c>
      <c r="D82" s="29">
        <v>16</v>
      </c>
    </row>
    <row r="83" spans="1:4" ht="18" customHeight="1" x14ac:dyDescent="0.2">
      <c r="A83" s="31" t="s">
        <v>61</v>
      </c>
      <c r="B83" s="27">
        <v>25</v>
      </c>
      <c r="C83" s="28">
        <v>32</v>
      </c>
      <c r="D83" s="29">
        <v>57</v>
      </c>
    </row>
    <row r="84" spans="1:4" ht="18" customHeight="1" x14ac:dyDescent="0.2">
      <c r="A84" s="31" t="s">
        <v>62</v>
      </c>
      <c r="B84" s="27">
        <v>247</v>
      </c>
      <c r="C84" s="28">
        <v>229</v>
      </c>
      <c r="D84" s="29">
        <v>476</v>
      </c>
    </row>
    <row r="85" spans="1:4" ht="18" customHeight="1" x14ac:dyDescent="0.2">
      <c r="A85" s="31">
        <v>65</v>
      </c>
      <c r="B85" s="27">
        <v>11</v>
      </c>
      <c r="C85" s="28">
        <v>10</v>
      </c>
      <c r="D85" s="29">
        <v>21</v>
      </c>
    </row>
    <row r="86" spans="1:4" ht="18" customHeight="1" x14ac:dyDescent="0.2">
      <c r="A86" s="31">
        <v>66</v>
      </c>
      <c r="B86" s="27">
        <v>10</v>
      </c>
      <c r="C86" s="28">
        <v>4</v>
      </c>
      <c r="D86" s="29">
        <v>14</v>
      </c>
    </row>
    <row r="87" spans="1:4" ht="18" customHeight="1" x14ac:dyDescent="0.2">
      <c r="A87" s="31">
        <v>67</v>
      </c>
      <c r="B87" s="27">
        <v>9</v>
      </c>
      <c r="C87" s="28">
        <v>5</v>
      </c>
      <c r="D87" s="29">
        <v>14</v>
      </c>
    </row>
    <row r="88" spans="1:4" ht="18" customHeight="1" x14ac:dyDescent="0.2">
      <c r="A88" s="31">
        <v>68</v>
      </c>
      <c r="B88" s="27">
        <v>8</v>
      </c>
      <c r="C88" s="28">
        <v>10</v>
      </c>
      <c r="D88" s="29">
        <v>18</v>
      </c>
    </row>
    <row r="89" spans="1:4" ht="18" customHeight="1" x14ac:dyDescent="0.2">
      <c r="A89" s="31">
        <v>69</v>
      </c>
      <c r="B89" s="27">
        <v>7</v>
      </c>
      <c r="C89" s="28">
        <v>11</v>
      </c>
      <c r="D89" s="29">
        <v>18</v>
      </c>
    </row>
    <row r="90" spans="1:4" ht="18" customHeight="1" x14ac:dyDescent="0.2">
      <c r="A90" s="31" t="s">
        <v>63</v>
      </c>
      <c r="B90" s="27">
        <v>45</v>
      </c>
      <c r="C90" s="28">
        <v>40</v>
      </c>
      <c r="D90" s="29">
        <v>85</v>
      </c>
    </row>
    <row r="91" spans="1:4" ht="18" customHeight="1" x14ac:dyDescent="0.2">
      <c r="A91" s="31">
        <v>70</v>
      </c>
      <c r="B91" s="27">
        <v>8</v>
      </c>
      <c r="C91" s="28">
        <v>13</v>
      </c>
      <c r="D91" s="29">
        <v>21</v>
      </c>
    </row>
    <row r="92" spans="1:4" ht="18" customHeight="1" x14ac:dyDescent="0.2">
      <c r="A92" s="31">
        <v>71</v>
      </c>
      <c r="B92" s="27">
        <v>8</v>
      </c>
      <c r="C92" s="28">
        <v>13</v>
      </c>
      <c r="D92" s="29">
        <v>21</v>
      </c>
    </row>
    <row r="93" spans="1:4" ht="18" customHeight="1" x14ac:dyDescent="0.2">
      <c r="A93" s="31">
        <v>72</v>
      </c>
      <c r="B93" s="27">
        <v>8</v>
      </c>
      <c r="C93" s="28">
        <v>20</v>
      </c>
      <c r="D93" s="29">
        <v>28</v>
      </c>
    </row>
    <row r="94" spans="1:4" ht="18" customHeight="1" x14ac:dyDescent="0.2">
      <c r="A94" s="31">
        <v>73</v>
      </c>
      <c r="B94" s="27">
        <v>13</v>
      </c>
      <c r="C94" s="28">
        <v>9</v>
      </c>
      <c r="D94" s="29">
        <v>22</v>
      </c>
    </row>
    <row r="95" spans="1:4" ht="18" customHeight="1" x14ac:dyDescent="0.2">
      <c r="A95" s="31">
        <v>74</v>
      </c>
      <c r="B95" s="27">
        <v>5</v>
      </c>
      <c r="C95" s="28">
        <v>4</v>
      </c>
      <c r="D95" s="29">
        <v>9</v>
      </c>
    </row>
    <row r="96" spans="1:4" ht="18" customHeight="1" x14ac:dyDescent="0.2">
      <c r="A96" s="31" t="s">
        <v>64</v>
      </c>
      <c r="B96" s="27">
        <v>42</v>
      </c>
      <c r="C96" s="28">
        <v>59</v>
      </c>
      <c r="D96" s="29">
        <v>101</v>
      </c>
    </row>
    <row r="97" spans="1:4" ht="18" customHeight="1" x14ac:dyDescent="0.2">
      <c r="A97" s="31">
        <v>75</v>
      </c>
      <c r="B97" s="27">
        <v>12</v>
      </c>
      <c r="C97" s="28">
        <v>10</v>
      </c>
      <c r="D97" s="29">
        <v>22</v>
      </c>
    </row>
    <row r="98" spans="1:4" ht="18" customHeight="1" x14ac:dyDescent="0.2">
      <c r="A98" s="31">
        <v>76</v>
      </c>
      <c r="B98" s="27">
        <v>3</v>
      </c>
      <c r="C98" s="28">
        <v>8</v>
      </c>
      <c r="D98" s="29">
        <v>11</v>
      </c>
    </row>
    <row r="99" spans="1:4" ht="18" customHeight="1" x14ac:dyDescent="0.2">
      <c r="A99" s="31">
        <v>77</v>
      </c>
      <c r="B99" s="27">
        <v>9</v>
      </c>
      <c r="C99" s="28">
        <v>9</v>
      </c>
      <c r="D99" s="29">
        <v>18</v>
      </c>
    </row>
    <row r="100" spans="1:4" ht="18" customHeight="1" x14ac:dyDescent="0.2">
      <c r="A100" s="31">
        <v>78</v>
      </c>
      <c r="B100" s="27">
        <v>8</v>
      </c>
      <c r="C100" s="28">
        <v>9</v>
      </c>
      <c r="D100" s="29">
        <v>17</v>
      </c>
    </row>
    <row r="101" spans="1:4" ht="18" customHeight="1" x14ac:dyDescent="0.2">
      <c r="A101" s="31">
        <v>79</v>
      </c>
      <c r="B101" s="27">
        <v>6</v>
      </c>
      <c r="C101" s="28">
        <v>6</v>
      </c>
      <c r="D101" s="29">
        <v>12</v>
      </c>
    </row>
    <row r="102" spans="1:4" ht="18" customHeight="1" x14ac:dyDescent="0.2">
      <c r="A102" s="31" t="s">
        <v>65</v>
      </c>
      <c r="B102" s="27">
        <v>38</v>
      </c>
      <c r="C102" s="28">
        <v>42</v>
      </c>
      <c r="D102" s="29">
        <v>80</v>
      </c>
    </row>
    <row r="103" spans="1:4" ht="18" customHeight="1" x14ac:dyDescent="0.2">
      <c r="A103" s="31">
        <v>80</v>
      </c>
      <c r="B103" s="27">
        <v>4</v>
      </c>
      <c r="C103" s="28">
        <v>6</v>
      </c>
      <c r="D103" s="29">
        <v>10</v>
      </c>
    </row>
    <row r="104" spans="1:4" ht="18" customHeight="1" x14ac:dyDescent="0.2">
      <c r="A104" s="31">
        <v>81</v>
      </c>
      <c r="B104" s="27">
        <v>3</v>
      </c>
      <c r="C104" s="28">
        <v>11</v>
      </c>
      <c r="D104" s="29">
        <v>14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7</v>
      </c>
      <c r="C106" s="28">
        <v>5</v>
      </c>
      <c r="D106" s="29">
        <v>12</v>
      </c>
    </row>
    <row r="107" spans="1:4" ht="18" customHeight="1" x14ac:dyDescent="0.2">
      <c r="A107" s="31">
        <v>84</v>
      </c>
      <c r="B107" s="27">
        <v>4</v>
      </c>
      <c r="C107" s="28">
        <v>5</v>
      </c>
      <c r="D107" s="29">
        <v>9</v>
      </c>
    </row>
    <row r="108" spans="1:4" ht="18" customHeight="1" x14ac:dyDescent="0.2">
      <c r="A108" s="31" t="s">
        <v>66</v>
      </c>
      <c r="B108" s="27">
        <v>21</v>
      </c>
      <c r="C108" s="28">
        <v>32</v>
      </c>
      <c r="D108" s="29">
        <v>53</v>
      </c>
    </row>
    <row r="109" spans="1:4" ht="18" customHeight="1" x14ac:dyDescent="0.2">
      <c r="A109" s="31">
        <v>85</v>
      </c>
      <c r="B109" s="27">
        <v>3</v>
      </c>
      <c r="C109" s="28">
        <v>6</v>
      </c>
      <c r="D109" s="29">
        <v>9</v>
      </c>
    </row>
    <row r="110" spans="1:4" ht="18" customHeight="1" x14ac:dyDescent="0.2">
      <c r="A110" s="31">
        <v>86</v>
      </c>
      <c r="B110" s="27">
        <v>5</v>
      </c>
      <c r="C110" s="28">
        <v>6</v>
      </c>
      <c r="D110" s="29">
        <v>11</v>
      </c>
    </row>
    <row r="111" spans="1:4" ht="18" customHeight="1" x14ac:dyDescent="0.2">
      <c r="A111" s="31">
        <v>87</v>
      </c>
      <c r="B111" s="27">
        <v>3</v>
      </c>
      <c r="C111" s="28">
        <v>10</v>
      </c>
      <c r="D111" s="29">
        <v>13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3</v>
      </c>
      <c r="C113" s="28">
        <v>5</v>
      </c>
      <c r="D113" s="29">
        <v>8</v>
      </c>
    </row>
    <row r="114" spans="1:4" ht="18" customHeight="1" x14ac:dyDescent="0.2">
      <c r="A114" s="31" t="s">
        <v>67</v>
      </c>
      <c r="B114" s="27">
        <v>15</v>
      </c>
      <c r="C114" s="28">
        <v>33</v>
      </c>
      <c r="D114" s="29">
        <v>48</v>
      </c>
    </row>
    <row r="115" spans="1:4" ht="18" customHeight="1" x14ac:dyDescent="0.2">
      <c r="A115" s="31">
        <v>90</v>
      </c>
      <c r="B115" s="27">
        <v>2</v>
      </c>
      <c r="C115" s="28">
        <v>9</v>
      </c>
      <c r="D115" s="29">
        <v>11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1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2</v>
      </c>
      <c r="C119" s="28">
        <v>0</v>
      </c>
      <c r="D119" s="29">
        <v>2</v>
      </c>
    </row>
    <row r="120" spans="1:4" ht="18" customHeight="1" x14ac:dyDescent="0.2">
      <c r="A120" s="31" t="s">
        <v>68</v>
      </c>
      <c r="B120" s="27">
        <v>7</v>
      </c>
      <c r="C120" s="28">
        <v>11</v>
      </c>
      <c r="D120" s="29">
        <v>18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69</v>
      </c>
      <c r="C130" s="5">
        <v>228</v>
      </c>
      <c r="D130" s="6">
        <v>397</v>
      </c>
    </row>
    <row r="131" spans="1:4" ht="18" customHeight="1" x14ac:dyDescent="0.2">
      <c r="A131" s="33" t="s">
        <v>47</v>
      </c>
      <c r="B131" s="7">
        <v>467</v>
      </c>
      <c r="C131" s="8">
        <v>490</v>
      </c>
      <c r="D131" s="9">
        <v>9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2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0</v>
      </c>
      <c r="D21" s="29">
        <v>2</v>
      </c>
    </row>
    <row r="22" spans="1:4" ht="18" customHeight="1" x14ac:dyDescent="0.2">
      <c r="A22" s="31" t="s">
        <v>50</v>
      </c>
      <c r="B22" s="27">
        <v>4</v>
      </c>
      <c r="C22" s="28">
        <v>5</v>
      </c>
      <c r="D22" s="29">
        <v>9</v>
      </c>
    </row>
    <row r="23" spans="1:4" ht="18" customHeight="1" x14ac:dyDescent="0.2">
      <c r="A23" s="31" t="s">
        <v>51</v>
      </c>
      <c r="B23" s="27">
        <v>8</v>
      </c>
      <c r="C23" s="28">
        <v>8</v>
      </c>
      <c r="D23" s="29">
        <v>16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2</v>
      </c>
      <c r="C28" s="28">
        <v>2</v>
      </c>
      <c r="D28" s="29">
        <v>4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3</v>
      </c>
      <c r="C32" s="28">
        <v>0</v>
      </c>
      <c r="D32" s="29">
        <v>3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8</v>
      </c>
      <c r="C35" s="28">
        <v>4</v>
      </c>
      <c r="D35" s="29">
        <v>12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4</v>
      </c>
      <c r="D37" s="29">
        <v>4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1</v>
      </c>
      <c r="D39" s="29">
        <v>3</v>
      </c>
    </row>
    <row r="40" spans="1:4" ht="18" customHeight="1" x14ac:dyDescent="0.2">
      <c r="A40" s="31">
        <v>29</v>
      </c>
      <c r="B40" s="27">
        <v>0</v>
      </c>
      <c r="C40" s="28">
        <v>2</v>
      </c>
      <c r="D40" s="29">
        <v>2</v>
      </c>
    </row>
    <row r="41" spans="1:4" ht="18" customHeight="1" x14ac:dyDescent="0.2">
      <c r="A41" s="31" t="s">
        <v>54</v>
      </c>
      <c r="B41" s="27">
        <v>4</v>
      </c>
      <c r="C41" s="28">
        <v>8</v>
      </c>
      <c r="D41" s="29">
        <v>12</v>
      </c>
    </row>
    <row r="42" spans="1:4" ht="18" customHeight="1" x14ac:dyDescent="0.2">
      <c r="A42" s="31">
        <v>30</v>
      </c>
      <c r="B42" s="27">
        <v>1</v>
      </c>
      <c r="C42" s="28">
        <v>2</v>
      </c>
      <c r="D42" s="29">
        <v>3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3</v>
      </c>
      <c r="C44" s="28">
        <v>0</v>
      </c>
      <c r="D44" s="29">
        <v>3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3</v>
      </c>
      <c r="C46" s="28">
        <v>1</v>
      </c>
      <c r="D46" s="29">
        <v>4</v>
      </c>
    </row>
    <row r="47" spans="1:4" ht="18" customHeight="1" x14ac:dyDescent="0.2">
      <c r="A47" s="31" t="s">
        <v>55</v>
      </c>
      <c r="B47" s="27">
        <v>8</v>
      </c>
      <c r="C47" s="28">
        <v>5</v>
      </c>
      <c r="D47" s="29">
        <v>13</v>
      </c>
    </row>
    <row r="48" spans="1:4" ht="18" customHeight="1" x14ac:dyDescent="0.2">
      <c r="A48" s="31">
        <v>35</v>
      </c>
      <c r="B48" s="27">
        <v>3</v>
      </c>
      <c r="C48" s="28">
        <v>0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56</v>
      </c>
      <c r="B53" s="27">
        <v>5</v>
      </c>
      <c r="C53" s="28">
        <v>4</v>
      </c>
      <c r="D53" s="29">
        <v>9</v>
      </c>
    </row>
    <row r="54" spans="1:4" ht="18" customHeight="1" x14ac:dyDescent="0.2">
      <c r="A54" s="31">
        <v>40</v>
      </c>
      <c r="B54" s="27">
        <v>1</v>
      </c>
      <c r="C54" s="28">
        <v>2</v>
      </c>
      <c r="D54" s="29">
        <v>3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3</v>
      </c>
      <c r="C59" s="28">
        <v>4</v>
      </c>
      <c r="D59" s="29">
        <v>7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2</v>
      </c>
      <c r="D61" s="29">
        <v>3</v>
      </c>
    </row>
    <row r="62" spans="1:4" ht="18" customHeight="1" x14ac:dyDescent="0.2">
      <c r="A62" s="31">
        <v>47</v>
      </c>
      <c r="B62" s="27">
        <v>3</v>
      </c>
      <c r="C62" s="28">
        <v>2</v>
      </c>
      <c r="D62" s="29">
        <v>5</v>
      </c>
    </row>
    <row r="63" spans="1:4" ht="18" customHeight="1" x14ac:dyDescent="0.2">
      <c r="A63" s="31">
        <v>48</v>
      </c>
      <c r="B63" s="27">
        <v>1</v>
      </c>
      <c r="C63" s="28">
        <v>5</v>
      </c>
      <c r="D63" s="29">
        <v>6</v>
      </c>
    </row>
    <row r="64" spans="1:4" ht="18" customHeight="1" x14ac:dyDescent="0.2">
      <c r="A64" s="31">
        <v>49</v>
      </c>
      <c r="B64" s="27">
        <v>0</v>
      </c>
      <c r="C64" s="28">
        <v>2</v>
      </c>
      <c r="D64" s="29">
        <v>2</v>
      </c>
    </row>
    <row r="65" spans="1:4" ht="18" customHeight="1" x14ac:dyDescent="0.2">
      <c r="A65" s="31" t="s">
        <v>58</v>
      </c>
      <c r="B65" s="27">
        <v>5</v>
      </c>
      <c r="C65" s="28">
        <v>11</v>
      </c>
      <c r="D65" s="29">
        <v>16</v>
      </c>
    </row>
    <row r="66" spans="1:4" ht="18" customHeight="1" x14ac:dyDescent="0.2">
      <c r="A66" s="31">
        <v>50</v>
      </c>
      <c r="B66" s="27">
        <v>4</v>
      </c>
      <c r="C66" s="28">
        <v>1</v>
      </c>
      <c r="D66" s="29">
        <v>5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4</v>
      </c>
      <c r="D68" s="29">
        <v>5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8</v>
      </c>
      <c r="C71" s="28">
        <v>9</v>
      </c>
      <c r="D71" s="29">
        <v>17</v>
      </c>
    </row>
    <row r="72" spans="1:4" ht="18" customHeight="1" x14ac:dyDescent="0.2">
      <c r="A72" s="31">
        <v>55</v>
      </c>
      <c r="B72" s="27">
        <v>1</v>
      </c>
      <c r="C72" s="28">
        <v>1</v>
      </c>
      <c r="D72" s="29">
        <v>2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1</v>
      </c>
      <c r="D75" s="29">
        <v>2</v>
      </c>
    </row>
    <row r="76" spans="1:4" ht="18" customHeight="1" x14ac:dyDescent="0.2">
      <c r="A76" s="31">
        <v>59</v>
      </c>
      <c r="B76" s="27">
        <v>0</v>
      </c>
      <c r="C76" s="28">
        <v>2</v>
      </c>
      <c r="D76" s="29">
        <v>2</v>
      </c>
    </row>
    <row r="77" spans="1:4" ht="18" customHeight="1" x14ac:dyDescent="0.2">
      <c r="A77" s="31" t="s">
        <v>60</v>
      </c>
      <c r="B77" s="27">
        <v>6</v>
      </c>
      <c r="C77" s="28">
        <v>6</v>
      </c>
      <c r="D77" s="29">
        <v>12</v>
      </c>
    </row>
    <row r="78" spans="1:4" ht="18" customHeight="1" x14ac:dyDescent="0.2">
      <c r="A78" s="31">
        <v>60</v>
      </c>
      <c r="B78" s="27">
        <v>2</v>
      </c>
      <c r="C78" s="28">
        <v>3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3</v>
      </c>
      <c r="D79" s="29">
        <v>6</v>
      </c>
    </row>
    <row r="80" spans="1:4" ht="18" customHeight="1" x14ac:dyDescent="0.2">
      <c r="A80" s="31">
        <v>62</v>
      </c>
      <c r="B80" s="27">
        <v>3</v>
      </c>
      <c r="C80" s="28">
        <v>4</v>
      </c>
      <c r="D80" s="29">
        <v>7</v>
      </c>
    </row>
    <row r="81" spans="1:4" ht="18" customHeight="1" x14ac:dyDescent="0.2">
      <c r="A81" s="31">
        <v>63</v>
      </c>
      <c r="B81" s="27">
        <v>0</v>
      </c>
      <c r="C81" s="28">
        <v>3</v>
      </c>
      <c r="D81" s="29">
        <v>3</v>
      </c>
    </row>
    <row r="82" spans="1:4" ht="18" customHeight="1" x14ac:dyDescent="0.2">
      <c r="A82" s="31">
        <v>64</v>
      </c>
      <c r="B82" s="27">
        <v>5</v>
      </c>
      <c r="C82" s="28">
        <v>3</v>
      </c>
      <c r="D82" s="29">
        <v>8</v>
      </c>
    </row>
    <row r="83" spans="1:4" ht="18" customHeight="1" x14ac:dyDescent="0.2">
      <c r="A83" s="31" t="s">
        <v>61</v>
      </c>
      <c r="B83" s="27">
        <v>13</v>
      </c>
      <c r="C83" s="28">
        <v>16</v>
      </c>
      <c r="D83" s="29">
        <v>29</v>
      </c>
    </row>
    <row r="84" spans="1:4" ht="18" customHeight="1" x14ac:dyDescent="0.2">
      <c r="A84" s="31" t="s">
        <v>62</v>
      </c>
      <c r="B84" s="27">
        <v>63</v>
      </c>
      <c r="C84" s="28">
        <v>70</v>
      </c>
      <c r="D84" s="29">
        <v>133</v>
      </c>
    </row>
    <row r="85" spans="1:4" ht="18" customHeight="1" x14ac:dyDescent="0.2">
      <c r="A85" s="31">
        <v>65</v>
      </c>
      <c r="B85" s="27">
        <v>3</v>
      </c>
      <c r="C85" s="28">
        <v>5</v>
      </c>
      <c r="D85" s="29">
        <v>8</v>
      </c>
    </row>
    <row r="86" spans="1:4" ht="18" customHeight="1" x14ac:dyDescent="0.2">
      <c r="A86" s="31">
        <v>66</v>
      </c>
      <c r="B86" s="27">
        <v>3</v>
      </c>
      <c r="C86" s="28">
        <v>1</v>
      </c>
      <c r="D86" s="29">
        <v>4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3</v>
      </c>
      <c r="D89" s="29">
        <v>6</v>
      </c>
    </row>
    <row r="90" spans="1:4" ht="18" customHeight="1" x14ac:dyDescent="0.2">
      <c r="A90" s="31" t="s">
        <v>63</v>
      </c>
      <c r="B90" s="27">
        <v>15</v>
      </c>
      <c r="C90" s="28">
        <v>14</v>
      </c>
      <c r="D90" s="29">
        <v>29</v>
      </c>
    </row>
    <row r="91" spans="1:4" ht="18" customHeight="1" x14ac:dyDescent="0.2">
      <c r="A91" s="31">
        <v>70</v>
      </c>
      <c r="B91" s="27">
        <v>4</v>
      </c>
      <c r="C91" s="28">
        <v>2</v>
      </c>
      <c r="D91" s="29">
        <v>6</v>
      </c>
    </row>
    <row r="92" spans="1:4" ht="18" customHeight="1" x14ac:dyDescent="0.2">
      <c r="A92" s="31">
        <v>71</v>
      </c>
      <c r="B92" s="27">
        <v>3</v>
      </c>
      <c r="C92" s="28">
        <v>2</v>
      </c>
      <c r="D92" s="29">
        <v>5</v>
      </c>
    </row>
    <row r="93" spans="1:4" ht="18" customHeight="1" x14ac:dyDescent="0.2">
      <c r="A93" s="31">
        <v>72</v>
      </c>
      <c r="B93" s="27">
        <v>5</v>
      </c>
      <c r="C93" s="28">
        <v>4</v>
      </c>
      <c r="D93" s="29">
        <v>9</v>
      </c>
    </row>
    <row r="94" spans="1:4" ht="18" customHeight="1" x14ac:dyDescent="0.2">
      <c r="A94" s="31">
        <v>73</v>
      </c>
      <c r="B94" s="27">
        <v>0</v>
      </c>
      <c r="C94" s="28">
        <v>2</v>
      </c>
      <c r="D94" s="29">
        <v>2</v>
      </c>
    </row>
    <row r="95" spans="1:4" ht="18" customHeight="1" x14ac:dyDescent="0.2">
      <c r="A95" s="31">
        <v>74</v>
      </c>
      <c r="B95" s="27">
        <v>4</v>
      </c>
      <c r="C95" s="28">
        <v>1</v>
      </c>
      <c r="D95" s="29">
        <v>5</v>
      </c>
    </row>
    <row r="96" spans="1:4" ht="18" customHeight="1" x14ac:dyDescent="0.2">
      <c r="A96" s="31" t="s">
        <v>64</v>
      </c>
      <c r="B96" s="27">
        <v>16</v>
      </c>
      <c r="C96" s="28">
        <v>11</v>
      </c>
      <c r="D96" s="29">
        <v>27</v>
      </c>
    </row>
    <row r="97" spans="1:4" ht="18" customHeight="1" x14ac:dyDescent="0.2">
      <c r="A97" s="31">
        <v>75</v>
      </c>
      <c r="B97" s="27">
        <v>4</v>
      </c>
      <c r="C97" s="28">
        <v>4</v>
      </c>
      <c r="D97" s="29">
        <v>8</v>
      </c>
    </row>
    <row r="98" spans="1:4" ht="18" customHeight="1" x14ac:dyDescent="0.2">
      <c r="A98" s="31">
        <v>76</v>
      </c>
      <c r="B98" s="27">
        <v>2</v>
      </c>
      <c r="C98" s="28">
        <v>4</v>
      </c>
      <c r="D98" s="29">
        <v>6</v>
      </c>
    </row>
    <row r="99" spans="1:4" ht="18" customHeight="1" x14ac:dyDescent="0.2">
      <c r="A99" s="31">
        <v>77</v>
      </c>
      <c r="B99" s="27">
        <v>3</v>
      </c>
      <c r="C99" s="28">
        <v>3</v>
      </c>
      <c r="D99" s="29">
        <v>6</v>
      </c>
    </row>
    <row r="100" spans="1:4" ht="18" customHeight="1" x14ac:dyDescent="0.2">
      <c r="A100" s="31">
        <v>78</v>
      </c>
      <c r="B100" s="27">
        <v>3</v>
      </c>
      <c r="C100" s="28">
        <v>2</v>
      </c>
      <c r="D100" s="29">
        <v>5</v>
      </c>
    </row>
    <row r="101" spans="1:4" ht="18" customHeight="1" x14ac:dyDescent="0.2">
      <c r="A101" s="31">
        <v>79</v>
      </c>
      <c r="B101" s="27">
        <v>2</v>
      </c>
      <c r="C101" s="28">
        <v>4</v>
      </c>
      <c r="D101" s="29">
        <v>6</v>
      </c>
    </row>
    <row r="102" spans="1:4" ht="18" customHeight="1" x14ac:dyDescent="0.2">
      <c r="A102" s="31" t="s">
        <v>65</v>
      </c>
      <c r="B102" s="27">
        <v>14</v>
      </c>
      <c r="C102" s="28">
        <v>17</v>
      </c>
      <c r="D102" s="29">
        <v>31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3</v>
      </c>
      <c r="C104" s="28">
        <v>4</v>
      </c>
      <c r="D104" s="29">
        <v>7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8</v>
      </c>
      <c r="C108" s="28">
        <v>10</v>
      </c>
      <c r="D108" s="29">
        <v>18</v>
      </c>
    </row>
    <row r="109" spans="1:4" ht="18" customHeight="1" x14ac:dyDescent="0.2">
      <c r="A109" s="31">
        <v>85</v>
      </c>
      <c r="B109" s="27">
        <v>2</v>
      </c>
      <c r="C109" s="28">
        <v>2</v>
      </c>
      <c r="D109" s="29">
        <v>4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2</v>
      </c>
      <c r="C111" s="28">
        <v>5</v>
      </c>
      <c r="D111" s="29">
        <v>7</v>
      </c>
    </row>
    <row r="112" spans="1:4" ht="18" customHeight="1" x14ac:dyDescent="0.2">
      <c r="A112" s="31">
        <v>88</v>
      </c>
      <c r="B112" s="27">
        <v>0</v>
      </c>
      <c r="C112" s="28">
        <v>4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5</v>
      </c>
      <c r="C114" s="28">
        <v>15</v>
      </c>
      <c r="D114" s="29">
        <v>20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3</v>
      </c>
      <c r="C120" s="28">
        <v>8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5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1</v>
      </c>
      <c r="C130" s="5">
        <v>80</v>
      </c>
      <c r="D130" s="6">
        <v>141</v>
      </c>
    </row>
    <row r="131" spans="1:4" ht="18" customHeight="1" x14ac:dyDescent="0.2">
      <c r="A131" s="33" t="s">
        <v>47</v>
      </c>
      <c r="B131" s="7">
        <v>132</v>
      </c>
      <c r="C131" s="8">
        <v>158</v>
      </c>
      <c r="D131" s="9">
        <v>29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D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9</v>
      </c>
      <c r="D5" s="13">
        <v>17</v>
      </c>
    </row>
    <row r="6" spans="1:4" ht="18" customHeight="1" x14ac:dyDescent="0.2">
      <c r="A6" s="14">
        <v>1</v>
      </c>
      <c r="B6" s="15">
        <v>8</v>
      </c>
      <c r="C6" s="16">
        <v>7</v>
      </c>
      <c r="D6" s="17">
        <v>15</v>
      </c>
    </row>
    <row r="7" spans="1:4" ht="18" customHeight="1" x14ac:dyDescent="0.2">
      <c r="A7" s="14">
        <v>2</v>
      </c>
      <c r="B7" s="15">
        <v>7</v>
      </c>
      <c r="C7" s="16">
        <v>6</v>
      </c>
      <c r="D7" s="17">
        <v>13</v>
      </c>
    </row>
    <row r="8" spans="1:4" ht="18" customHeight="1" x14ac:dyDescent="0.2">
      <c r="A8" s="14">
        <v>3</v>
      </c>
      <c r="B8" s="15">
        <v>8</v>
      </c>
      <c r="C8" s="16">
        <v>10</v>
      </c>
      <c r="D8" s="17">
        <v>18</v>
      </c>
    </row>
    <row r="9" spans="1:4" ht="18" customHeight="1" x14ac:dyDescent="0.2">
      <c r="A9" s="14">
        <v>4</v>
      </c>
      <c r="B9" s="15">
        <v>10</v>
      </c>
      <c r="C9" s="16">
        <v>7</v>
      </c>
      <c r="D9" s="17">
        <v>17</v>
      </c>
    </row>
    <row r="10" spans="1:4" ht="18" customHeight="1" x14ac:dyDescent="0.2">
      <c r="A10" s="18" t="s">
        <v>48</v>
      </c>
      <c r="B10" s="15">
        <v>41</v>
      </c>
      <c r="C10" s="16">
        <v>39</v>
      </c>
      <c r="D10" s="17">
        <v>80</v>
      </c>
    </row>
    <row r="11" spans="1:4" ht="18" customHeight="1" x14ac:dyDescent="0.2">
      <c r="A11" s="14">
        <v>5</v>
      </c>
      <c r="B11" s="15">
        <v>4</v>
      </c>
      <c r="C11" s="16">
        <v>14</v>
      </c>
      <c r="D11" s="17">
        <v>18</v>
      </c>
    </row>
    <row r="12" spans="1:4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4" ht="18" customHeight="1" x14ac:dyDescent="0.2">
      <c r="A13" s="14">
        <v>7</v>
      </c>
      <c r="B13" s="15">
        <v>6</v>
      </c>
      <c r="C13" s="16">
        <v>2</v>
      </c>
      <c r="D13" s="17">
        <v>8</v>
      </c>
    </row>
    <row r="14" spans="1:4" ht="18" customHeight="1" x14ac:dyDescent="0.2">
      <c r="A14" s="14">
        <v>8</v>
      </c>
      <c r="B14" s="15">
        <v>11</v>
      </c>
      <c r="C14" s="16">
        <v>2</v>
      </c>
      <c r="D14" s="17">
        <v>13</v>
      </c>
    </row>
    <row r="15" spans="1:4" ht="18" customHeight="1" x14ac:dyDescent="0.2">
      <c r="A15" s="14">
        <v>9</v>
      </c>
      <c r="B15" s="15">
        <v>9</v>
      </c>
      <c r="C15" s="16">
        <v>10</v>
      </c>
      <c r="D15" s="17">
        <v>19</v>
      </c>
    </row>
    <row r="16" spans="1:4" ht="18" customHeight="1" x14ac:dyDescent="0.2">
      <c r="A16" s="18" t="s">
        <v>49</v>
      </c>
      <c r="B16" s="15">
        <v>37</v>
      </c>
      <c r="C16" s="16">
        <v>34</v>
      </c>
      <c r="D16" s="17">
        <v>71</v>
      </c>
    </row>
    <row r="17" spans="1:4" ht="18" customHeight="1" x14ac:dyDescent="0.2">
      <c r="A17" s="14">
        <v>10</v>
      </c>
      <c r="B17" s="15">
        <v>8</v>
      </c>
      <c r="C17" s="16">
        <v>5</v>
      </c>
      <c r="D17" s="17">
        <v>13</v>
      </c>
    </row>
    <row r="18" spans="1:4" ht="18" customHeight="1" x14ac:dyDescent="0.2">
      <c r="A18" s="14">
        <v>11</v>
      </c>
      <c r="B18" s="15">
        <v>11</v>
      </c>
      <c r="C18" s="16">
        <v>7</v>
      </c>
      <c r="D18" s="17">
        <v>18</v>
      </c>
    </row>
    <row r="19" spans="1:4" ht="18" customHeight="1" x14ac:dyDescent="0.2">
      <c r="A19" s="14">
        <v>12</v>
      </c>
      <c r="B19" s="15">
        <v>9</v>
      </c>
      <c r="C19" s="16">
        <v>9</v>
      </c>
      <c r="D19" s="17">
        <v>18</v>
      </c>
    </row>
    <row r="20" spans="1:4" ht="18" customHeight="1" x14ac:dyDescent="0.2">
      <c r="A20" s="14">
        <v>13</v>
      </c>
      <c r="B20" s="15">
        <v>4</v>
      </c>
      <c r="C20" s="16">
        <v>3</v>
      </c>
      <c r="D20" s="17">
        <v>7</v>
      </c>
    </row>
    <row r="21" spans="1:4" ht="18" customHeight="1" x14ac:dyDescent="0.2">
      <c r="A21" s="14">
        <v>14</v>
      </c>
      <c r="B21" s="15">
        <v>10</v>
      </c>
      <c r="C21" s="16">
        <v>14</v>
      </c>
      <c r="D21" s="17">
        <v>24</v>
      </c>
    </row>
    <row r="22" spans="1:4" ht="18" customHeight="1" x14ac:dyDescent="0.2">
      <c r="A22" s="18" t="s">
        <v>50</v>
      </c>
      <c r="B22" s="15">
        <v>42</v>
      </c>
      <c r="C22" s="16">
        <v>38</v>
      </c>
      <c r="D22" s="17">
        <v>80</v>
      </c>
    </row>
    <row r="23" spans="1:4" ht="18" customHeight="1" x14ac:dyDescent="0.2">
      <c r="A23" s="18" t="s">
        <v>51</v>
      </c>
      <c r="B23" s="15">
        <v>120</v>
      </c>
      <c r="C23" s="16">
        <v>111</v>
      </c>
      <c r="D23" s="17">
        <v>231</v>
      </c>
    </row>
    <row r="24" spans="1:4" ht="18" customHeight="1" x14ac:dyDescent="0.2">
      <c r="A24" s="14">
        <v>15</v>
      </c>
      <c r="B24" s="15">
        <v>5</v>
      </c>
      <c r="C24" s="16">
        <v>9</v>
      </c>
      <c r="D24" s="17">
        <v>14</v>
      </c>
    </row>
    <row r="25" spans="1:4" ht="18" customHeight="1" x14ac:dyDescent="0.2">
      <c r="A25" s="14">
        <v>16</v>
      </c>
      <c r="B25" s="15">
        <v>10</v>
      </c>
      <c r="C25" s="16">
        <v>3</v>
      </c>
      <c r="D25" s="17">
        <v>13</v>
      </c>
    </row>
    <row r="26" spans="1:4" ht="18" customHeight="1" x14ac:dyDescent="0.2">
      <c r="A26" s="14">
        <v>17</v>
      </c>
      <c r="B26" s="15">
        <v>11</v>
      </c>
      <c r="C26" s="16">
        <v>7</v>
      </c>
      <c r="D26" s="17">
        <v>18</v>
      </c>
    </row>
    <row r="27" spans="1:4" ht="18" customHeight="1" x14ac:dyDescent="0.2">
      <c r="A27" s="14">
        <v>18</v>
      </c>
      <c r="B27" s="15">
        <v>12</v>
      </c>
      <c r="C27" s="16">
        <v>6</v>
      </c>
      <c r="D27" s="17">
        <v>18</v>
      </c>
    </row>
    <row r="28" spans="1:4" ht="18" customHeight="1" x14ac:dyDescent="0.2">
      <c r="A28" s="14">
        <v>19</v>
      </c>
      <c r="B28" s="15">
        <v>8</v>
      </c>
      <c r="C28" s="16">
        <v>6</v>
      </c>
      <c r="D28" s="17">
        <v>14</v>
      </c>
    </row>
    <row r="29" spans="1:4" ht="18" customHeight="1" x14ac:dyDescent="0.2">
      <c r="A29" s="18" t="s">
        <v>52</v>
      </c>
      <c r="B29" s="15">
        <v>46</v>
      </c>
      <c r="C29" s="16">
        <v>31</v>
      </c>
      <c r="D29" s="17">
        <v>77</v>
      </c>
    </row>
    <row r="30" spans="1:4" ht="18" customHeight="1" x14ac:dyDescent="0.2">
      <c r="A30" s="14">
        <v>20</v>
      </c>
      <c r="B30" s="15">
        <v>7</v>
      </c>
      <c r="C30" s="16">
        <v>7</v>
      </c>
      <c r="D30" s="17">
        <v>14</v>
      </c>
    </row>
    <row r="31" spans="1:4" ht="18" customHeight="1" x14ac:dyDescent="0.2">
      <c r="A31" s="14">
        <v>21</v>
      </c>
      <c r="B31" s="15">
        <v>8</v>
      </c>
      <c r="C31" s="16">
        <v>5</v>
      </c>
      <c r="D31" s="17">
        <v>13</v>
      </c>
    </row>
    <row r="32" spans="1:4" ht="18" customHeight="1" x14ac:dyDescent="0.2">
      <c r="A32" s="14">
        <v>22</v>
      </c>
      <c r="B32" s="15">
        <v>11</v>
      </c>
      <c r="C32" s="16">
        <v>8</v>
      </c>
      <c r="D32" s="17">
        <v>19</v>
      </c>
    </row>
    <row r="33" spans="1:4" ht="18" customHeight="1" x14ac:dyDescent="0.2">
      <c r="A33" s="14">
        <v>23</v>
      </c>
      <c r="B33" s="15">
        <v>13</v>
      </c>
      <c r="C33" s="16">
        <v>12</v>
      </c>
      <c r="D33" s="17">
        <v>25</v>
      </c>
    </row>
    <row r="34" spans="1:4" ht="18" customHeight="1" x14ac:dyDescent="0.2">
      <c r="A34" s="14">
        <v>24</v>
      </c>
      <c r="B34" s="15">
        <v>14</v>
      </c>
      <c r="C34" s="16">
        <v>12</v>
      </c>
      <c r="D34" s="17">
        <v>26</v>
      </c>
    </row>
    <row r="35" spans="1:4" ht="18" customHeight="1" x14ac:dyDescent="0.2">
      <c r="A35" s="18" t="s">
        <v>53</v>
      </c>
      <c r="B35" s="15">
        <v>53</v>
      </c>
      <c r="C35" s="16">
        <v>44</v>
      </c>
      <c r="D35" s="17">
        <v>97</v>
      </c>
    </row>
    <row r="36" spans="1:4" ht="18" customHeight="1" x14ac:dyDescent="0.2">
      <c r="A36" s="14">
        <v>25</v>
      </c>
      <c r="B36" s="15">
        <v>11</v>
      </c>
      <c r="C36" s="16">
        <v>8</v>
      </c>
      <c r="D36" s="17">
        <v>19</v>
      </c>
    </row>
    <row r="37" spans="1:4" ht="18" customHeight="1" x14ac:dyDescent="0.2">
      <c r="A37" s="14">
        <v>26</v>
      </c>
      <c r="B37" s="15">
        <v>10</v>
      </c>
      <c r="C37" s="16">
        <v>7</v>
      </c>
      <c r="D37" s="17">
        <v>17</v>
      </c>
    </row>
    <row r="38" spans="1:4" ht="18" customHeight="1" x14ac:dyDescent="0.2">
      <c r="A38" s="14">
        <v>27</v>
      </c>
      <c r="B38" s="15">
        <v>11</v>
      </c>
      <c r="C38" s="16">
        <v>13</v>
      </c>
      <c r="D38" s="17">
        <v>24</v>
      </c>
    </row>
    <row r="39" spans="1:4" ht="18" customHeight="1" x14ac:dyDescent="0.2">
      <c r="A39" s="14">
        <v>28</v>
      </c>
      <c r="B39" s="15">
        <v>15</v>
      </c>
      <c r="C39" s="16">
        <v>13</v>
      </c>
      <c r="D39" s="17">
        <v>28</v>
      </c>
    </row>
    <row r="40" spans="1:4" ht="18" customHeight="1" x14ac:dyDescent="0.2">
      <c r="A40" s="14">
        <v>29</v>
      </c>
      <c r="B40" s="15">
        <v>10</v>
      </c>
      <c r="C40" s="16">
        <v>5</v>
      </c>
      <c r="D40" s="17">
        <v>15</v>
      </c>
    </row>
    <row r="41" spans="1:4" ht="18" customHeight="1" x14ac:dyDescent="0.2">
      <c r="A41" s="18" t="s">
        <v>54</v>
      </c>
      <c r="B41" s="15">
        <v>57</v>
      </c>
      <c r="C41" s="16">
        <v>46</v>
      </c>
      <c r="D41" s="17">
        <v>103</v>
      </c>
    </row>
    <row r="42" spans="1:4" ht="18" customHeight="1" x14ac:dyDescent="0.2">
      <c r="A42" s="14">
        <v>30</v>
      </c>
      <c r="B42" s="15">
        <v>12</v>
      </c>
      <c r="C42" s="16">
        <v>14</v>
      </c>
      <c r="D42" s="17">
        <v>26</v>
      </c>
    </row>
    <row r="43" spans="1:4" ht="18" customHeight="1" x14ac:dyDescent="0.2">
      <c r="A43" s="14">
        <v>31</v>
      </c>
      <c r="B43" s="15">
        <v>10</v>
      </c>
      <c r="C43" s="16">
        <v>11</v>
      </c>
      <c r="D43" s="17">
        <v>21</v>
      </c>
    </row>
    <row r="44" spans="1:4" ht="18" customHeight="1" x14ac:dyDescent="0.2">
      <c r="A44" s="14">
        <v>32</v>
      </c>
      <c r="B44" s="15">
        <v>14</v>
      </c>
      <c r="C44" s="16">
        <v>13</v>
      </c>
      <c r="D44" s="17">
        <v>27</v>
      </c>
    </row>
    <row r="45" spans="1:4" ht="18" customHeight="1" x14ac:dyDescent="0.2">
      <c r="A45" s="14">
        <v>33</v>
      </c>
      <c r="B45" s="15">
        <v>20</v>
      </c>
      <c r="C45" s="16">
        <v>11</v>
      </c>
      <c r="D45" s="17">
        <v>31</v>
      </c>
    </row>
    <row r="46" spans="1:4" ht="18" customHeight="1" x14ac:dyDescent="0.2">
      <c r="A46" s="14">
        <v>34</v>
      </c>
      <c r="B46" s="15">
        <v>10</v>
      </c>
      <c r="C46" s="16">
        <v>11</v>
      </c>
      <c r="D46" s="17">
        <v>21</v>
      </c>
    </row>
    <row r="47" spans="1:4" ht="18" customHeight="1" x14ac:dyDescent="0.2">
      <c r="A47" s="18" t="s">
        <v>55</v>
      </c>
      <c r="B47" s="15">
        <v>66</v>
      </c>
      <c r="C47" s="16">
        <v>60</v>
      </c>
      <c r="D47" s="17">
        <v>126</v>
      </c>
    </row>
    <row r="48" spans="1:4" ht="18" customHeight="1" x14ac:dyDescent="0.2">
      <c r="A48" s="14">
        <v>35</v>
      </c>
      <c r="B48" s="15">
        <v>12</v>
      </c>
      <c r="C48" s="16">
        <v>12</v>
      </c>
      <c r="D48" s="17">
        <v>24</v>
      </c>
    </row>
    <row r="49" spans="1:4" ht="18" customHeight="1" x14ac:dyDescent="0.2">
      <c r="A49" s="14">
        <v>36</v>
      </c>
      <c r="B49" s="15">
        <v>11</v>
      </c>
      <c r="C49" s="16">
        <v>18</v>
      </c>
      <c r="D49" s="17">
        <v>29</v>
      </c>
    </row>
    <row r="50" spans="1:4" ht="18" customHeight="1" x14ac:dyDescent="0.2">
      <c r="A50" s="14">
        <v>37</v>
      </c>
      <c r="B50" s="15">
        <v>14</v>
      </c>
      <c r="C50" s="16">
        <v>19</v>
      </c>
      <c r="D50" s="17">
        <v>33</v>
      </c>
    </row>
    <row r="51" spans="1:4" ht="18" customHeight="1" x14ac:dyDescent="0.2">
      <c r="A51" s="14">
        <v>38</v>
      </c>
      <c r="B51" s="15">
        <v>15</v>
      </c>
      <c r="C51" s="16">
        <v>15</v>
      </c>
      <c r="D51" s="17">
        <v>30</v>
      </c>
    </row>
    <row r="52" spans="1:4" ht="18" customHeight="1" x14ac:dyDescent="0.2">
      <c r="A52" s="14">
        <v>39</v>
      </c>
      <c r="B52" s="15">
        <v>9</v>
      </c>
      <c r="C52" s="16">
        <v>14</v>
      </c>
      <c r="D52" s="17">
        <v>23</v>
      </c>
    </row>
    <row r="53" spans="1:4" ht="18" customHeight="1" x14ac:dyDescent="0.2">
      <c r="A53" s="18" t="s">
        <v>56</v>
      </c>
      <c r="B53" s="15">
        <v>61</v>
      </c>
      <c r="C53" s="16">
        <v>78</v>
      </c>
      <c r="D53" s="17">
        <v>139</v>
      </c>
    </row>
    <row r="54" spans="1:4" ht="18" customHeight="1" x14ac:dyDescent="0.2">
      <c r="A54" s="14">
        <v>40</v>
      </c>
      <c r="B54" s="15">
        <v>11</v>
      </c>
      <c r="C54" s="16">
        <v>4</v>
      </c>
      <c r="D54" s="17">
        <v>15</v>
      </c>
    </row>
    <row r="55" spans="1:4" ht="18" customHeight="1" x14ac:dyDescent="0.2">
      <c r="A55" s="14">
        <v>41</v>
      </c>
      <c r="B55" s="15">
        <v>8</v>
      </c>
      <c r="C55" s="16">
        <v>9</v>
      </c>
      <c r="D55" s="17">
        <v>17</v>
      </c>
    </row>
    <row r="56" spans="1:4" ht="18" customHeight="1" x14ac:dyDescent="0.2">
      <c r="A56" s="14">
        <v>42</v>
      </c>
      <c r="B56" s="15">
        <v>13</v>
      </c>
      <c r="C56" s="16">
        <v>10</v>
      </c>
      <c r="D56" s="17">
        <v>23</v>
      </c>
    </row>
    <row r="57" spans="1:4" ht="18" customHeight="1" x14ac:dyDescent="0.2">
      <c r="A57" s="14">
        <v>43</v>
      </c>
      <c r="B57" s="15">
        <v>15</v>
      </c>
      <c r="C57" s="16">
        <v>13</v>
      </c>
      <c r="D57" s="17">
        <v>28</v>
      </c>
    </row>
    <row r="58" spans="1:4" ht="18" customHeight="1" x14ac:dyDescent="0.2">
      <c r="A58" s="14">
        <v>44</v>
      </c>
      <c r="B58" s="15">
        <v>10</v>
      </c>
      <c r="C58" s="16">
        <v>13</v>
      </c>
      <c r="D58" s="17">
        <v>23</v>
      </c>
    </row>
    <row r="59" spans="1:4" ht="18" customHeight="1" x14ac:dyDescent="0.2">
      <c r="A59" s="18" t="s">
        <v>57</v>
      </c>
      <c r="B59" s="15">
        <v>57</v>
      </c>
      <c r="C59" s="16">
        <v>49</v>
      </c>
      <c r="D59" s="17">
        <v>106</v>
      </c>
    </row>
    <row r="60" spans="1:4" ht="18" customHeight="1" x14ac:dyDescent="0.2">
      <c r="A60" s="14">
        <v>45</v>
      </c>
      <c r="B60" s="15">
        <v>24</v>
      </c>
      <c r="C60" s="16">
        <v>25</v>
      </c>
      <c r="D60" s="17">
        <v>49</v>
      </c>
    </row>
    <row r="61" spans="1:4" ht="18" customHeight="1" x14ac:dyDescent="0.2">
      <c r="A61" s="14">
        <v>46</v>
      </c>
      <c r="B61" s="15">
        <v>15</v>
      </c>
      <c r="C61" s="16">
        <v>24</v>
      </c>
      <c r="D61" s="17">
        <v>39</v>
      </c>
    </row>
    <row r="62" spans="1:4" ht="18" customHeight="1" x14ac:dyDescent="0.2">
      <c r="A62" s="14">
        <v>47</v>
      </c>
      <c r="B62" s="15">
        <v>28</v>
      </c>
      <c r="C62" s="16">
        <v>14</v>
      </c>
      <c r="D62" s="17">
        <v>42</v>
      </c>
    </row>
    <row r="63" spans="1:4" ht="18" customHeight="1" x14ac:dyDescent="0.2">
      <c r="A63" s="14">
        <v>48</v>
      </c>
      <c r="B63" s="15">
        <v>18</v>
      </c>
      <c r="C63" s="16">
        <v>25</v>
      </c>
      <c r="D63" s="17">
        <v>43</v>
      </c>
    </row>
    <row r="64" spans="1:4" ht="18" customHeight="1" x14ac:dyDescent="0.2">
      <c r="A64" s="14">
        <v>49</v>
      </c>
      <c r="B64" s="15">
        <v>24</v>
      </c>
      <c r="C64" s="16">
        <v>18</v>
      </c>
      <c r="D64" s="17">
        <v>42</v>
      </c>
    </row>
    <row r="65" spans="1:4" ht="18" customHeight="1" x14ac:dyDescent="0.2">
      <c r="A65" s="18" t="s">
        <v>58</v>
      </c>
      <c r="B65" s="15">
        <v>109</v>
      </c>
      <c r="C65" s="16">
        <v>106</v>
      </c>
      <c r="D65" s="17">
        <v>215</v>
      </c>
    </row>
    <row r="66" spans="1:4" ht="18" customHeight="1" x14ac:dyDescent="0.2">
      <c r="A66" s="14">
        <v>50</v>
      </c>
      <c r="B66" s="15">
        <v>23</v>
      </c>
      <c r="C66" s="16">
        <v>18</v>
      </c>
      <c r="D66" s="17">
        <v>41</v>
      </c>
    </row>
    <row r="67" spans="1:4" ht="18" customHeight="1" x14ac:dyDescent="0.2">
      <c r="A67" s="14">
        <v>51</v>
      </c>
      <c r="B67" s="15">
        <v>17</v>
      </c>
      <c r="C67" s="16">
        <v>13</v>
      </c>
      <c r="D67" s="17">
        <v>30</v>
      </c>
    </row>
    <row r="68" spans="1:4" ht="18" customHeight="1" x14ac:dyDescent="0.2">
      <c r="A68" s="14">
        <v>52</v>
      </c>
      <c r="B68" s="15">
        <v>25</v>
      </c>
      <c r="C68" s="16">
        <v>14</v>
      </c>
      <c r="D68" s="17">
        <v>39</v>
      </c>
    </row>
    <row r="69" spans="1:4" ht="18" customHeight="1" x14ac:dyDescent="0.2">
      <c r="A69" s="14">
        <v>53</v>
      </c>
      <c r="B69" s="15">
        <v>9</v>
      </c>
      <c r="C69" s="16">
        <v>19</v>
      </c>
      <c r="D69" s="17">
        <v>28</v>
      </c>
    </row>
    <row r="70" spans="1:4" ht="18" customHeight="1" x14ac:dyDescent="0.2">
      <c r="A70" s="14">
        <v>54</v>
      </c>
      <c r="B70" s="15">
        <v>20</v>
      </c>
      <c r="C70" s="16">
        <v>26</v>
      </c>
      <c r="D70" s="17">
        <v>46</v>
      </c>
    </row>
    <row r="71" spans="1:4" ht="18" customHeight="1" x14ac:dyDescent="0.2">
      <c r="A71" s="18" t="s">
        <v>59</v>
      </c>
      <c r="B71" s="15">
        <v>94</v>
      </c>
      <c r="C71" s="16">
        <v>90</v>
      </c>
      <c r="D71" s="17">
        <v>184</v>
      </c>
    </row>
    <row r="72" spans="1:4" ht="18" customHeight="1" x14ac:dyDescent="0.2">
      <c r="A72" s="14">
        <v>55</v>
      </c>
      <c r="B72" s="15">
        <v>16</v>
      </c>
      <c r="C72" s="16">
        <v>20</v>
      </c>
      <c r="D72" s="17">
        <v>36</v>
      </c>
    </row>
    <row r="73" spans="1:4" ht="18" customHeight="1" x14ac:dyDescent="0.2">
      <c r="A73" s="14">
        <v>56</v>
      </c>
      <c r="B73" s="15">
        <v>16</v>
      </c>
      <c r="C73" s="16">
        <v>7</v>
      </c>
      <c r="D73" s="17">
        <v>23</v>
      </c>
    </row>
    <row r="74" spans="1:4" ht="18" customHeight="1" x14ac:dyDescent="0.2">
      <c r="A74" s="14">
        <v>57</v>
      </c>
      <c r="B74" s="15">
        <v>17</v>
      </c>
      <c r="C74" s="16">
        <v>18</v>
      </c>
      <c r="D74" s="17">
        <v>35</v>
      </c>
    </row>
    <row r="75" spans="1:4" ht="18" customHeight="1" x14ac:dyDescent="0.2">
      <c r="A75" s="14">
        <v>58</v>
      </c>
      <c r="B75" s="15">
        <v>21</v>
      </c>
      <c r="C75" s="16">
        <v>11</v>
      </c>
      <c r="D75" s="17">
        <v>32</v>
      </c>
    </row>
    <row r="76" spans="1:4" ht="18" customHeight="1" x14ac:dyDescent="0.2">
      <c r="A76" s="14">
        <v>59</v>
      </c>
      <c r="B76" s="15">
        <v>19</v>
      </c>
      <c r="C76" s="16">
        <v>20</v>
      </c>
      <c r="D76" s="17">
        <v>39</v>
      </c>
    </row>
    <row r="77" spans="1:4" ht="18" customHeight="1" x14ac:dyDescent="0.2">
      <c r="A77" s="18" t="s">
        <v>60</v>
      </c>
      <c r="B77" s="15">
        <v>89</v>
      </c>
      <c r="C77" s="16">
        <v>76</v>
      </c>
      <c r="D77" s="17">
        <v>165</v>
      </c>
    </row>
    <row r="78" spans="1:4" ht="18" customHeight="1" x14ac:dyDescent="0.2">
      <c r="A78" s="14">
        <v>60</v>
      </c>
      <c r="B78" s="15">
        <v>16</v>
      </c>
      <c r="C78" s="16">
        <v>22</v>
      </c>
      <c r="D78" s="17">
        <v>38</v>
      </c>
    </row>
    <row r="79" spans="1:4" ht="18" customHeight="1" x14ac:dyDescent="0.2">
      <c r="A79" s="14">
        <v>61</v>
      </c>
      <c r="B79" s="15">
        <v>13</v>
      </c>
      <c r="C79" s="16">
        <v>20</v>
      </c>
      <c r="D79" s="17">
        <v>33</v>
      </c>
    </row>
    <row r="80" spans="1:4" ht="18" customHeight="1" x14ac:dyDescent="0.2">
      <c r="A80" s="14">
        <v>62</v>
      </c>
      <c r="B80" s="15">
        <v>14</v>
      </c>
      <c r="C80" s="16">
        <v>18</v>
      </c>
      <c r="D80" s="17">
        <v>32</v>
      </c>
    </row>
    <row r="81" spans="1:4" ht="18" customHeight="1" x14ac:dyDescent="0.2">
      <c r="A81" s="14">
        <v>63</v>
      </c>
      <c r="B81" s="15">
        <v>21</v>
      </c>
      <c r="C81" s="16">
        <v>15</v>
      </c>
      <c r="D81" s="17">
        <v>36</v>
      </c>
    </row>
    <row r="82" spans="1:4" ht="18" customHeight="1" x14ac:dyDescent="0.2">
      <c r="A82" s="14">
        <v>64</v>
      </c>
      <c r="B82" s="15">
        <v>16</v>
      </c>
      <c r="C82" s="16">
        <v>12</v>
      </c>
      <c r="D82" s="17">
        <v>28</v>
      </c>
    </row>
    <row r="83" spans="1:4" ht="18" customHeight="1" x14ac:dyDescent="0.2">
      <c r="A83" s="18" t="s">
        <v>61</v>
      </c>
      <c r="B83" s="15">
        <v>80</v>
      </c>
      <c r="C83" s="16">
        <v>87</v>
      </c>
      <c r="D83" s="17">
        <v>167</v>
      </c>
    </row>
    <row r="84" spans="1:4" ht="18" customHeight="1" x14ac:dyDescent="0.2">
      <c r="A84" s="18" t="s">
        <v>62</v>
      </c>
      <c r="B84" s="15">
        <v>712</v>
      </c>
      <c r="C84" s="16">
        <v>667</v>
      </c>
      <c r="D84" s="17">
        <v>1379</v>
      </c>
    </row>
    <row r="85" spans="1:4" ht="18" customHeight="1" x14ac:dyDescent="0.2">
      <c r="A85" s="14">
        <v>65</v>
      </c>
      <c r="B85" s="15">
        <v>18</v>
      </c>
      <c r="C85" s="16">
        <v>17</v>
      </c>
      <c r="D85" s="17">
        <v>35</v>
      </c>
    </row>
    <row r="86" spans="1:4" ht="18" customHeight="1" x14ac:dyDescent="0.2">
      <c r="A86" s="14">
        <v>66</v>
      </c>
      <c r="B86" s="15">
        <v>19</v>
      </c>
      <c r="C86" s="16">
        <v>19</v>
      </c>
      <c r="D86" s="17">
        <v>38</v>
      </c>
    </row>
    <row r="87" spans="1:4" ht="18" customHeight="1" x14ac:dyDescent="0.2">
      <c r="A87" s="14">
        <v>67</v>
      </c>
      <c r="B87" s="15">
        <v>11</v>
      </c>
      <c r="C87" s="16">
        <v>14</v>
      </c>
      <c r="D87" s="17">
        <v>25</v>
      </c>
    </row>
    <row r="88" spans="1:4" ht="18" customHeight="1" x14ac:dyDescent="0.2">
      <c r="A88" s="14">
        <v>68</v>
      </c>
      <c r="B88" s="15">
        <v>20</v>
      </c>
      <c r="C88" s="16">
        <v>20</v>
      </c>
      <c r="D88" s="17">
        <v>40</v>
      </c>
    </row>
    <row r="89" spans="1:4" ht="18" customHeight="1" x14ac:dyDescent="0.2">
      <c r="A89" s="14">
        <v>69</v>
      </c>
      <c r="B89" s="15">
        <v>17</v>
      </c>
      <c r="C89" s="16">
        <v>23</v>
      </c>
      <c r="D89" s="17">
        <v>40</v>
      </c>
    </row>
    <row r="90" spans="1:4" ht="18" customHeight="1" x14ac:dyDescent="0.2">
      <c r="A90" s="18" t="s">
        <v>63</v>
      </c>
      <c r="B90" s="15">
        <v>85</v>
      </c>
      <c r="C90" s="16">
        <v>93</v>
      </c>
      <c r="D90" s="17">
        <v>178</v>
      </c>
    </row>
    <row r="91" spans="1:4" ht="18" customHeight="1" x14ac:dyDescent="0.2">
      <c r="A91" s="14">
        <v>70</v>
      </c>
      <c r="B91" s="15">
        <v>24</v>
      </c>
      <c r="C91" s="16">
        <v>26</v>
      </c>
      <c r="D91" s="17">
        <v>50</v>
      </c>
    </row>
    <row r="92" spans="1:4" ht="18" customHeight="1" x14ac:dyDescent="0.2">
      <c r="A92" s="14">
        <v>71</v>
      </c>
      <c r="B92" s="15">
        <v>24</v>
      </c>
      <c r="C92" s="16">
        <v>23</v>
      </c>
      <c r="D92" s="17">
        <v>47</v>
      </c>
    </row>
    <row r="93" spans="1:4" ht="18" customHeight="1" x14ac:dyDescent="0.2">
      <c r="A93" s="14">
        <v>72</v>
      </c>
      <c r="B93" s="15">
        <v>30</v>
      </c>
      <c r="C93" s="16">
        <v>38</v>
      </c>
      <c r="D93" s="17">
        <v>68</v>
      </c>
    </row>
    <row r="94" spans="1:4" ht="18" customHeight="1" x14ac:dyDescent="0.2">
      <c r="A94" s="14">
        <v>73</v>
      </c>
      <c r="B94" s="15">
        <v>17</v>
      </c>
      <c r="C94" s="16">
        <v>17</v>
      </c>
      <c r="D94" s="17">
        <v>34</v>
      </c>
    </row>
    <row r="95" spans="1:4" ht="18" customHeight="1" x14ac:dyDescent="0.2">
      <c r="A95" s="14">
        <v>74</v>
      </c>
      <c r="B95" s="15">
        <v>11</v>
      </c>
      <c r="C95" s="16">
        <v>12</v>
      </c>
      <c r="D95" s="17">
        <v>23</v>
      </c>
    </row>
    <row r="96" spans="1:4" ht="18" customHeight="1" x14ac:dyDescent="0.2">
      <c r="A96" s="18" t="s">
        <v>64</v>
      </c>
      <c r="B96" s="15">
        <v>106</v>
      </c>
      <c r="C96" s="16">
        <v>116</v>
      </c>
      <c r="D96" s="17">
        <v>222</v>
      </c>
    </row>
    <row r="97" spans="1:4" ht="18" customHeight="1" x14ac:dyDescent="0.2">
      <c r="A97" s="14">
        <v>75</v>
      </c>
      <c r="B97" s="15">
        <v>21</v>
      </c>
      <c r="C97" s="16">
        <v>26</v>
      </c>
      <c r="D97" s="17">
        <v>47</v>
      </c>
    </row>
    <row r="98" spans="1:4" ht="18" customHeight="1" x14ac:dyDescent="0.2">
      <c r="A98" s="14">
        <v>76</v>
      </c>
      <c r="B98" s="15">
        <v>10</v>
      </c>
      <c r="C98" s="16">
        <v>18</v>
      </c>
      <c r="D98" s="17">
        <v>28</v>
      </c>
    </row>
    <row r="99" spans="1:4" ht="18" customHeight="1" x14ac:dyDescent="0.2">
      <c r="A99" s="14">
        <v>77</v>
      </c>
      <c r="B99" s="15">
        <v>15</v>
      </c>
      <c r="C99" s="16">
        <v>18</v>
      </c>
      <c r="D99" s="17">
        <v>33</v>
      </c>
    </row>
    <row r="100" spans="1:4" ht="18" customHeight="1" x14ac:dyDescent="0.2">
      <c r="A100" s="14">
        <v>78</v>
      </c>
      <c r="B100" s="15">
        <v>13</v>
      </c>
      <c r="C100" s="16">
        <v>24</v>
      </c>
      <c r="D100" s="17">
        <v>37</v>
      </c>
    </row>
    <row r="101" spans="1:4" ht="18" customHeight="1" x14ac:dyDescent="0.2">
      <c r="A101" s="14">
        <v>79</v>
      </c>
      <c r="B101" s="15">
        <v>16</v>
      </c>
      <c r="C101" s="16">
        <v>15</v>
      </c>
      <c r="D101" s="17">
        <v>31</v>
      </c>
    </row>
    <row r="102" spans="1:4" ht="18" customHeight="1" x14ac:dyDescent="0.2">
      <c r="A102" s="18" t="s">
        <v>65</v>
      </c>
      <c r="B102" s="15">
        <v>75</v>
      </c>
      <c r="C102" s="16">
        <v>101</v>
      </c>
      <c r="D102" s="17">
        <v>176</v>
      </c>
    </row>
    <row r="103" spans="1:4" ht="18" customHeight="1" x14ac:dyDescent="0.2">
      <c r="A103" s="14">
        <v>80</v>
      </c>
      <c r="B103" s="15">
        <v>14</v>
      </c>
      <c r="C103" s="16">
        <v>15</v>
      </c>
      <c r="D103" s="17">
        <v>29</v>
      </c>
    </row>
    <row r="104" spans="1:4" ht="18" customHeight="1" x14ac:dyDescent="0.2">
      <c r="A104" s="14">
        <v>81</v>
      </c>
      <c r="B104" s="15">
        <v>10</v>
      </c>
      <c r="C104" s="16">
        <v>13</v>
      </c>
      <c r="D104" s="17">
        <v>23</v>
      </c>
    </row>
    <row r="105" spans="1:4" ht="18" customHeight="1" x14ac:dyDescent="0.2">
      <c r="A105" s="14">
        <v>82</v>
      </c>
      <c r="B105" s="15">
        <v>12</v>
      </c>
      <c r="C105" s="16">
        <v>22</v>
      </c>
      <c r="D105" s="17">
        <v>34</v>
      </c>
    </row>
    <row r="106" spans="1:4" ht="18" customHeight="1" x14ac:dyDescent="0.2">
      <c r="A106" s="14">
        <v>83</v>
      </c>
      <c r="B106" s="15">
        <v>14</v>
      </c>
      <c r="C106" s="16">
        <v>22</v>
      </c>
      <c r="D106" s="17">
        <v>36</v>
      </c>
    </row>
    <row r="107" spans="1:4" ht="18" customHeight="1" x14ac:dyDescent="0.2">
      <c r="A107" s="14">
        <v>84</v>
      </c>
      <c r="B107" s="15">
        <v>7</v>
      </c>
      <c r="C107" s="16">
        <v>12</v>
      </c>
      <c r="D107" s="17">
        <v>19</v>
      </c>
    </row>
    <row r="108" spans="1:4" ht="18" customHeight="1" x14ac:dyDescent="0.2">
      <c r="A108" s="18" t="s">
        <v>66</v>
      </c>
      <c r="B108" s="15">
        <v>57</v>
      </c>
      <c r="C108" s="16">
        <v>84</v>
      </c>
      <c r="D108" s="17">
        <v>141</v>
      </c>
    </row>
    <row r="109" spans="1:4" ht="18" customHeight="1" x14ac:dyDescent="0.2">
      <c r="A109" s="14">
        <v>85</v>
      </c>
      <c r="B109" s="15">
        <v>15</v>
      </c>
      <c r="C109" s="16">
        <v>12</v>
      </c>
      <c r="D109" s="17">
        <v>27</v>
      </c>
    </row>
    <row r="110" spans="1:4" ht="18" customHeight="1" x14ac:dyDescent="0.2">
      <c r="A110" s="14">
        <v>86</v>
      </c>
      <c r="B110" s="15">
        <v>9</v>
      </c>
      <c r="C110" s="16">
        <v>28</v>
      </c>
      <c r="D110" s="17">
        <v>37</v>
      </c>
    </row>
    <row r="111" spans="1:4" ht="18" customHeight="1" x14ac:dyDescent="0.2">
      <c r="A111" s="14">
        <v>87</v>
      </c>
      <c r="B111" s="15">
        <v>6</v>
      </c>
      <c r="C111" s="16">
        <v>17</v>
      </c>
      <c r="D111" s="17">
        <v>23</v>
      </c>
    </row>
    <row r="112" spans="1:4" ht="18" customHeight="1" x14ac:dyDescent="0.2">
      <c r="A112" s="14">
        <v>88</v>
      </c>
      <c r="B112" s="15">
        <v>9</v>
      </c>
      <c r="C112" s="16">
        <v>7</v>
      </c>
      <c r="D112" s="17">
        <v>16</v>
      </c>
    </row>
    <row r="113" spans="1:4" ht="18" customHeight="1" x14ac:dyDescent="0.2">
      <c r="A113" s="14">
        <v>89</v>
      </c>
      <c r="B113" s="15">
        <v>9</v>
      </c>
      <c r="C113" s="16">
        <v>11</v>
      </c>
      <c r="D113" s="17">
        <v>20</v>
      </c>
    </row>
    <row r="114" spans="1:4" ht="18" customHeight="1" x14ac:dyDescent="0.2">
      <c r="A114" s="18" t="s">
        <v>67</v>
      </c>
      <c r="B114" s="15">
        <v>48</v>
      </c>
      <c r="C114" s="16">
        <v>75</v>
      </c>
      <c r="D114" s="17">
        <v>123</v>
      </c>
    </row>
    <row r="115" spans="1:4" ht="18" customHeight="1" x14ac:dyDescent="0.2">
      <c r="A115" s="14">
        <v>90</v>
      </c>
      <c r="B115" s="15">
        <v>3</v>
      </c>
      <c r="C115" s="16">
        <v>7</v>
      </c>
      <c r="D115" s="17">
        <v>10</v>
      </c>
    </row>
    <row r="116" spans="1:4" ht="18" customHeight="1" x14ac:dyDescent="0.2">
      <c r="A116" s="14">
        <v>91</v>
      </c>
      <c r="B116" s="15">
        <v>2</v>
      </c>
      <c r="C116" s="16">
        <v>14</v>
      </c>
      <c r="D116" s="17">
        <v>16</v>
      </c>
    </row>
    <row r="117" spans="1:4" ht="18" customHeight="1" x14ac:dyDescent="0.2">
      <c r="A117" s="14">
        <v>92</v>
      </c>
      <c r="B117" s="15">
        <v>8</v>
      </c>
      <c r="C117" s="16">
        <v>13</v>
      </c>
      <c r="D117" s="17">
        <v>21</v>
      </c>
    </row>
    <row r="118" spans="1:4" ht="18" customHeight="1" x14ac:dyDescent="0.2">
      <c r="A118" s="14">
        <v>93</v>
      </c>
      <c r="B118" s="15">
        <v>1</v>
      </c>
      <c r="C118" s="16">
        <v>12</v>
      </c>
      <c r="D118" s="17">
        <v>13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68</v>
      </c>
      <c r="B120" s="15">
        <v>17</v>
      </c>
      <c r="C120" s="16">
        <v>50</v>
      </c>
      <c r="D120" s="17">
        <v>67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18</v>
      </c>
      <c r="D126" s="17">
        <v>19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390</v>
      </c>
      <c r="C130" s="5">
        <v>540</v>
      </c>
      <c r="D130" s="6">
        <v>930</v>
      </c>
    </row>
    <row r="131" spans="1:4" ht="18" customHeight="1" x14ac:dyDescent="0.2">
      <c r="A131" s="20" t="s">
        <v>47</v>
      </c>
      <c r="B131" s="7">
        <v>1222</v>
      </c>
      <c r="C131" s="8">
        <v>1318</v>
      </c>
      <c r="D131" s="9">
        <v>254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D131"/>
  <sheetViews>
    <sheetView workbookViewId="0">
      <pane ySplit="4" topLeftCell="A5" activePane="bottomLeft" state="frozen"/>
      <selection activeCell="A4" sqref="A4:XFD4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6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3</v>
      </c>
      <c r="C6" s="28">
        <v>1</v>
      </c>
      <c r="D6" s="29">
        <v>4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4</v>
      </c>
      <c r="C9" s="38">
        <v>5</v>
      </c>
      <c r="D9" s="40">
        <v>9</v>
      </c>
    </row>
    <row r="10" spans="1:4" ht="18" customHeight="1" x14ac:dyDescent="0.2">
      <c r="A10" s="31" t="s">
        <v>48</v>
      </c>
      <c r="B10" s="27">
        <v>11</v>
      </c>
      <c r="C10" s="28">
        <v>11</v>
      </c>
      <c r="D10" s="29">
        <v>22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3</v>
      </c>
      <c r="C12" s="28">
        <v>2</v>
      </c>
      <c r="D12" s="29">
        <v>5</v>
      </c>
    </row>
    <row r="13" spans="1:4" ht="18" customHeight="1" x14ac:dyDescent="0.2">
      <c r="A13" s="31">
        <v>7</v>
      </c>
      <c r="B13" s="35">
        <v>3</v>
      </c>
      <c r="C13" s="28">
        <v>2</v>
      </c>
      <c r="D13" s="29">
        <v>5</v>
      </c>
    </row>
    <row r="14" spans="1:4" ht="18" customHeight="1" x14ac:dyDescent="0.2">
      <c r="A14" s="31">
        <v>8</v>
      </c>
      <c r="B14" s="35">
        <v>7</v>
      </c>
      <c r="C14" s="28">
        <v>2</v>
      </c>
      <c r="D14" s="29">
        <v>9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49</v>
      </c>
      <c r="B16" s="27">
        <v>21</v>
      </c>
      <c r="C16" s="28">
        <v>9</v>
      </c>
      <c r="D16" s="29">
        <v>30</v>
      </c>
    </row>
    <row r="17" spans="1:4" ht="18" customHeight="1" x14ac:dyDescent="0.2">
      <c r="A17" s="31">
        <v>10</v>
      </c>
      <c r="B17" s="27">
        <v>7</v>
      </c>
      <c r="C17" s="28">
        <v>1</v>
      </c>
      <c r="D17" s="29">
        <v>8</v>
      </c>
    </row>
    <row r="18" spans="1:4" ht="18" customHeight="1" x14ac:dyDescent="0.2">
      <c r="A18" s="31">
        <v>11</v>
      </c>
      <c r="B18" s="27">
        <v>3</v>
      </c>
      <c r="C18" s="28">
        <v>5</v>
      </c>
      <c r="D18" s="29">
        <v>8</v>
      </c>
    </row>
    <row r="19" spans="1:4" ht="18" customHeight="1" x14ac:dyDescent="0.2">
      <c r="A19" s="31">
        <v>12</v>
      </c>
      <c r="B19" s="27">
        <v>6</v>
      </c>
      <c r="C19" s="28">
        <v>3</v>
      </c>
      <c r="D19" s="29">
        <v>9</v>
      </c>
    </row>
    <row r="20" spans="1:4" ht="18" customHeight="1" x14ac:dyDescent="0.2">
      <c r="A20" s="31">
        <v>13</v>
      </c>
      <c r="B20" s="27">
        <v>3</v>
      </c>
      <c r="C20" s="28">
        <v>8</v>
      </c>
      <c r="D20" s="29">
        <v>11</v>
      </c>
    </row>
    <row r="21" spans="1:4" ht="18" customHeight="1" x14ac:dyDescent="0.2">
      <c r="A21" s="31">
        <v>14</v>
      </c>
      <c r="B21" s="27">
        <v>8</v>
      </c>
      <c r="C21" s="28">
        <v>4</v>
      </c>
      <c r="D21" s="29">
        <v>12</v>
      </c>
    </row>
    <row r="22" spans="1:4" ht="18" customHeight="1" x14ac:dyDescent="0.2">
      <c r="A22" s="31" t="s">
        <v>50</v>
      </c>
      <c r="B22" s="27">
        <v>27</v>
      </c>
      <c r="C22" s="28">
        <v>21</v>
      </c>
      <c r="D22" s="29">
        <v>48</v>
      </c>
    </row>
    <row r="23" spans="1:4" ht="18" customHeight="1" x14ac:dyDescent="0.2">
      <c r="A23" s="31" t="s">
        <v>51</v>
      </c>
      <c r="B23" s="27">
        <v>59</v>
      </c>
      <c r="C23" s="28">
        <v>41</v>
      </c>
      <c r="D23" s="29">
        <v>100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5</v>
      </c>
      <c r="C25" s="28">
        <v>4</v>
      </c>
      <c r="D25" s="29">
        <v>9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2</v>
      </c>
      <c r="C27" s="28">
        <v>3</v>
      </c>
      <c r="D27" s="29">
        <v>5</v>
      </c>
    </row>
    <row r="28" spans="1:4" ht="18" customHeight="1" x14ac:dyDescent="0.2">
      <c r="A28" s="31">
        <v>19</v>
      </c>
      <c r="B28" s="27">
        <v>7</v>
      </c>
      <c r="C28" s="28">
        <v>5</v>
      </c>
      <c r="D28" s="29">
        <v>12</v>
      </c>
    </row>
    <row r="29" spans="1:4" ht="18" customHeight="1" x14ac:dyDescent="0.2">
      <c r="A29" s="31" t="s">
        <v>52</v>
      </c>
      <c r="B29" s="27">
        <v>20</v>
      </c>
      <c r="C29" s="28">
        <v>18</v>
      </c>
      <c r="D29" s="29">
        <v>38</v>
      </c>
    </row>
    <row r="30" spans="1:4" ht="18" customHeight="1" x14ac:dyDescent="0.2">
      <c r="A30" s="31">
        <v>20</v>
      </c>
      <c r="B30" s="27">
        <v>7</v>
      </c>
      <c r="C30" s="28">
        <v>4</v>
      </c>
      <c r="D30" s="29">
        <v>11</v>
      </c>
    </row>
    <row r="31" spans="1:4" ht="18" customHeight="1" x14ac:dyDescent="0.2">
      <c r="A31" s="31">
        <v>21</v>
      </c>
      <c r="B31" s="27">
        <v>12</v>
      </c>
      <c r="C31" s="28">
        <v>6</v>
      </c>
      <c r="D31" s="29">
        <v>18</v>
      </c>
    </row>
    <row r="32" spans="1:4" ht="18" customHeight="1" x14ac:dyDescent="0.2">
      <c r="A32" s="31">
        <v>22</v>
      </c>
      <c r="B32" s="27">
        <v>9</v>
      </c>
      <c r="C32" s="28">
        <v>3</v>
      </c>
      <c r="D32" s="29">
        <v>12</v>
      </c>
    </row>
    <row r="33" spans="1:4" ht="18" customHeight="1" x14ac:dyDescent="0.2">
      <c r="A33" s="31">
        <v>23</v>
      </c>
      <c r="B33" s="27">
        <v>8</v>
      </c>
      <c r="C33" s="28">
        <v>6</v>
      </c>
      <c r="D33" s="29">
        <v>14</v>
      </c>
    </row>
    <row r="34" spans="1:4" ht="18" customHeight="1" x14ac:dyDescent="0.2">
      <c r="A34" s="31">
        <v>24</v>
      </c>
      <c r="B34" s="27">
        <v>3</v>
      </c>
      <c r="C34" s="28">
        <v>3</v>
      </c>
      <c r="D34" s="29">
        <v>6</v>
      </c>
    </row>
    <row r="35" spans="1:4" ht="18" customHeight="1" x14ac:dyDescent="0.2">
      <c r="A35" s="31" t="s">
        <v>53</v>
      </c>
      <c r="B35" s="27">
        <v>39</v>
      </c>
      <c r="C35" s="28">
        <v>22</v>
      </c>
      <c r="D35" s="29">
        <v>61</v>
      </c>
    </row>
    <row r="36" spans="1:4" ht="18" customHeight="1" x14ac:dyDescent="0.2">
      <c r="A36" s="31">
        <v>25</v>
      </c>
      <c r="B36" s="27">
        <v>4</v>
      </c>
      <c r="C36" s="28">
        <v>7</v>
      </c>
      <c r="D36" s="29">
        <v>11</v>
      </c>
    </row>
    <row r="37" spans="1:4" ht="18" customHeight="1" x14ac:dyDescent="0.2">
      <c r="A37" s="31">
        <v>26</v>
      </c>
      <c r="B37" s="27">
        <v>2</v>
      </c>
      <c r="C37" s="28">
        <v>8</v>
      </c>
      <c r="D37" s="29">
        <v>10</v>
      </c>
    </row>
    <row r="38" spans="1:4" ht="18" customHeight="1" x14ac:dyDescent="0.2">
      <c r="A38" s="31">
        <v>27</v>
      </c>
      <c r="B38" s="27">
        <v>8</v>
      </c>
      <c r="C38" s="28">
        <v>3</v>
      </c>
      <c r="D38" s="29">
        <v>11</v>
      </c>
    </row>
    <row r="39" spans="1:4" ht="18" customHeight="1" x14ac:dyDescent="0.2">
      <c r="A39" s="31">
        <v>28</v>
      </c>
      <c r="B39" s="27">
        <v>8</v>
      </c>
      <c r="C39" s="28">
        <v>4</v>
      </c>
      <c r="D39" s="29">
        <v>12</v>
      </c>
    </row>
    <row r="40" spans="1:4" ht="18" customHeight="1" x14ac:dyDescent="0.2">
      <c r="A40" s="31">
        <v>29</v>
      </c>
      <c r="B40" s="27">
        <v>0</v>
      </c>
      <c r="C40" s="28">
        <v>6</v>
      </c>
      <c r="D40" s="29">
        <v>6</v>
      </c>
    </row>
    <row r="41" spans="1:4" ht="18" customHeight="1" x14ac:dyDescent="0.2">
      <c r="A41" s="31" t="s">
        <v>54</v>
      </c>
      <c r="B41" s="27">
        <v>22</v>
      </c>
      <c r="C41" s="28">
        <v>28</v>
      </c>
      <c r="D41" s="29">
        <v>50</v>
      </c>
    </row>
    <row r="42" spans="1:4" ht="18" customHeight="1" x14ac:dyDescent="0.2">
      <c r="A42" s="31">
        <v>30</v>
      </c>
      <c r="B42" s="27">
        <v>4</v>
      </c>
      <c r="C42" s="28">
        <v>4</v>
      </c>
      <c r="D42" s="29">
        <v>8</v>
      </c>
    </row>
    <row r="43" spans="1:4" ht="18" customHeight="1" x14ac:dyDescent="0.2">
      <c r="A43" s="31">
        <v>31</v>
      </c>
      <c r="B43" s="27">
        <v>4</v>
      </c>
      <c r="C43" s="28">
        <v>4</v>
      </c>
      <c r="D43" s="29">
        <v>8</v>
      </c>
    </row>
    <row r="44" spans="1:4" ht="18" customHeight="1" x14ac:dyDescent="0.2">
      <c r="A44" s="31">
        <v>32</v>
      </c>
      <c r="B44" s="27">
        <v>4</v>
      </c>
      <c r="C44" s="28">
        <v>1</v>
      </c>
      <c r="D44" s="29">
        <v>5</v>
      </c>
    </row>
    <row r="45" spans="1:4" ht="18" customHeight="1" x14ac:dyDescent="0.2">
      <c r="A45" s="31">
        <v>33</v>
      </c>
      <c r="B45" s="27">
        <v>4</v>
      </c>
      <c r="C45" s="28">
        <v>9</v>
      </c>
      <c r="D45" s="29">
        <v>13</v>
      </c>
    </row>
    <row r="46" spans="1:4" ht="18" customHeight="1" x14ac:dyDescent="0.2">
      <c r="A46" s="31">
        <v>34</v>
      </c>
      <c r="B46" s="27">
        <v>4</v>
      </c>
      <c r="C46" s="28">
        <v>5</v>
      </c>
      <c r="D46" s="29">
        <v>9</v>
      </c>
    </row>
    <row r="47" spans="1:4" ht="18" customHeight="1" x14ac:dyDescent="0.2">
      <c r="A47" s="31" t="s">
        <v>55</v>
      </c>
      <c r="B47" s="27">
        <v>20</v>
      </c>
      <c r="C47" s="28">
        <v>23</v>
      </c>
      <c r="D47" s="29">
        <v>43</v>
      </c>
    </row>
    <row r="48" spans="1:4" ht="18" customHeight="1" x14ac:dyDescent="0.2">
      <c r="A48" s="31">
        <v>35</v>
      </c>
      <c r="B48" s="27">
        <v>5</v>
      </c>
      <c r="C48" s="28">
        <v>4</v>
      </c>
      <c r="D48" s="29">
        <v>9</v>
      </c>
    </row>
    <row r="49" spans="1:4" ht="18" customHeight="1" x14ac:dyDescent="0.2">
      <c r="A49" s="31">
        <v>36</v>
      </c>
      <c r="B49" s="27">
        <v>9</v>
      </c>
      <c r="C49" s="28">
        <v>0</v>
      </c>
      <c r="D49" s="29">
        <v>9</v>
      </c>
    </row>
    <row r="50" spans="1:4" ht="18" customHeight="1" x14ac:dyDescent="0.2">
      <c r="A50" s="31">
        <v>37</v>
      </c>
      <c r="B50" s="27">
        <v>8</v>
      </c>
      <c r="C50" s="28">
        <v>3</v>
      </c>
      <c r="D50" s="29">
        <v>11</v>
      </c>
    </row>
    <row r="51" spans="1:4" ht="18" customHeight="1" x14ac:dyDescent="0.2">
      <c r="A51" s="31">
        <v>38</v>
      </c>
      <c r="B51" s="27">
        <v>3</v>
      </c>
      <c r="C51" s="28">
        <v>7</v>
      </c>
      <c r="D51" s="29">
        <v>10</v>
      </c>
    </row>
    <row r="52" spans="1:4" ht="18" customHeight="1" x14ac:dyDescent="0.2">
      <c r="A52" s="31">
        <v>39</v>
      </c>
      <c r="B52" s="27">
        <v>5</v>
      </c>
      <c r="C52" s="28">
        <v>6</v>
      </c>
      <c r="D52" s="29">
        <v>11</v>
      </c>
    </row>
    <row r="53" spans="1:4" ht="18" customHeight="1" x14ac:dyDescent="0.2">
      <c r="A53" s="31" t="s">
        <v>56</v>
      </c>
      <c r="B53" s="27">
        <v>30</v>
      </c>
      <c r="C53" s="28">
        <v>20</v>
      </c>
      <c r="D53" s="29">
        <v>50</v>
      </c>
    </row>
    <row r="54" spans="1:4" ht="18" customHeight="1" x14ac:dyDescent="0.2">
      <c r="A54" s="31">
        <v>40</v>
      </c>
      <c r="B54" s="27">
        <v>5</v>
      </c>
      <c r="C54" s="28">
        <v>6</v>
      </c>
      <c r="D54" s="29">
        <v>11</v>
      </c>
    </row>
    <row r="55" spans="1:4" ht="18" customHeight="1" x14ac:dyDescent="0.2">
      <c r="A55" s="31">
        <v>41</v>
      </c>
      <c r="B55" s="27">
        <v>8</v>
      </c>
      <c r="C55" s="28">
        <v>4</v>
      </c>
      <c r="D55" s="29">
        <v>12</v>
      </c>
    </row>
    <row r="56" spans="1:4" ht="18" customHeight="1" x14ac:dyDescent="0.2">
      <c r="A56" s="31">
        <v>42</v>
      </c>
      <c r="B56" s="27">
        <v>6</v>
      </c>
      <c r="C56" s="28">
        <v>5</v>
      </c>
      <c r="D56" s="29">
        <v>11</v>
      </c>
    </row>
    <row r="57" spans="1:4" ht="18" customHeight="1" x14ac:dyDescent="0.2">
      <c r="A57" s="31">
        <v>43</v>
      </c>
      <c r="B57" s="27">
        <v>11</v>
      </c>
      <c r="C57" s="28">
        <v>4</v>
      </c>
      <c r="D57" s="29">
        <v>15</v>
      </c>
    </row>
    <row r="58" spans="1:4" ht="18" customHeight="1" x14ac:dyDescent="0.2">
      <c r="A58" s="31">
        <v>44</v>
      </c>
      <c r="B58" s="27">
        <v>9</v>
      </c>
      <c r="C58" s="28">
        <v>8</v>
      </c>
      <c r="D58" s="29">
        <v>17</v>
      </c>
    </row>
    <row r="59" spans="1:4" ht="18" customHeight="1" x14ac:dyDescent="0.2">
      <c r="A59" s="31" t="s">
        <v>57</v>
      </c>
      <c r="B59" s="27">
        <v>39</v>
      </c>
      <c r="C59" s="28">
        <v>27</v>
      </c>
      <c r="D59" s="29">
        <v>66</v>
      </c>
    </row>
    <row r="60" spans="1:4" ht="18" customHeight="1" x14ac:dyDescent="0.2">
      <c r="A60" s="31">
        <v>45</v>
      </c>
      <c r="B60" s="27">
        <v>5</v>
      </c>
      <c r="C60" s="28">
        <v>5</v>
      </c>
      <c r="D60" s="29">
        <v>10</v>
      </c>
    </row>
    <row r="61" spans="1:4" ht="18" customHeight="1" x14ac:dyDescent="0.2">
      <c r="A61" s="31">
        <v>46</v>
      </c>
      <c r="B61" s="27">
        <v>9</v>
      </c>
      <c r="C61" s="28">
        <v>10</v>
      </c>
      <c r="D61" s="29">
        <v>19</v>
      </c>
    </row>
    <row r="62" spans="1:4" ht="18" customHeight="1" x14ac:dyDescent="0.2">
      <c r="A62" s="31">
        <v>47</v>
      </c>
      <c r="B62" s="27">
        <v>11</v>
      </c>
      <c r="C62" s="28">
        <v>7</v>
      </c>
      <c r="D62" s="29">
        <v>18</v>
      </c>
    </row>
    <row r="63" spans="1:4" ht="18" customHeight="1" x14ac:dyDescent="0.2">
      <c r="A63" s="31">
        <v>48</v>
      </c>
      <c r="B63" s="27">
        <v>4</v>
      </c>
      <c r="C63" s="28">
        <v>14</v>
      </c>
      <c r="D63" s="29">
        <v>18</v>
      </c>
    </row>
    <row r="64" spans="1:4" ht="18" customHeight="1" x14ac:dyDescent="0.2">
      <c r="A64" s="31">
        <v>49</v>
      </c>
      <c r="B64" s="27">
        <v>6</v>
      </c>
      <c r="C64" s="28">
        <v>9</v>
      </c>
      <c r="D64" s="29">
        <v>15</v>
      </c>
    </row>
    <row r="65" spans="1:4" ht="18" customHeight="1" x14ac:dyDescent="0.2">
      <c r="A65" s="31" t="s">
        <v>58</v>
      </c>
      <c r="B65" s="27">
        <v>35</v>
      </c>
      <c r="C65" s="28">
        <v>45</v>
      </c>
      <c r="D65" s="29">
        <v>80</v>
      </c>
    </row>
    <row r="66" spans="1:4" ht="18" customHeight="1" x14ac:dyDescent="0.2">
      <c r="A66" s="31">
        <v>50</v>
      </c>
      <c r="B66" s="27">
        <v>10</v>
      </c>
      <c r="C66" s="28">
        <v>7</v>
      </c>
      <c r="D66" s="29">
        <v>17</v>
      </c>
    </row>
    <row r="67" spans="1:4" ht="18" customHeight="1" x14ac:dyDescent="0.2">
      <c r="A67" s="31">
        <v>51</v>
      </c>
      <c r="B67" s="27">
        <v>8</v>
      </c>
      <c r="C67" s="28">
        <v>8</v>
      </c>
      <c r="D67" s="29">
        <v>16</v>
      </c>
    </row>
    <row r="68" spans="1:4" ht="18" customHeight="1" x14ac:dyDescent="0.2">
      <c r="A68" s="31">
        <v>52</v>
      </c>
      <c r="B68" s="27">
        <v>8</v>
      </c>
      <c r="C68" s="28">
        <v>7</v>
      </c>
      <c r="D68" s="29">
        <v>15</v>
      </c>
    </row>
    <row r="69" spans="1:4" ht="18" customHeight="1" x14ac:dyDescent="0.2">
      <c r="A69" s="31">
        <v>53</v>
      </c>
      <c r="B69" s="27">
        <v>4</v>
      </c>
      <c r="C69" s="28">
        <v>6</v>
      </c>
      <c r="D69" s="29">
        <v>10</v>
      </c>
    </row>
    <row r="70" spans="1:4" ht="18" customHeight="1" x14ac:dyDescent="0.2">
      <c r="A70" s="31">
        <v>54</v>
      </c>
      <c r="B70" s="27">
        <v>2</v>
      </c>
      <c r="C70" s="28">
        <v>7</v>
      </c>
      <c r="D70" s="29">
        <v>9</v>
      </c>
    </row>
    <row r="71" spans="1:4" ht="18" customHeight="1" x14ac:dyDescent="0.2">
      <c r="A71" s="31" t="s">
        <v>59</v>
      </c>
      <c r="B71" s="27">
        <v>32</v>
      </c>
      <c r="C71" s="28">
        <v>35</v>
      </c>
      <c r="D71" s="29">
        <v>67</v>
      </c>
    </row>
    <row r="72" spans="1:4" ht="18" customHeight="1" x14ac:dyDescent="0.2">
      <c r="A72" s="31">
        <v>55</v>
      </c>
      <c r="B72" s="27">
        <v>8</v>
      </c>
      <c r="C72" s="28">
        <v>5</v>
      </c>
      <c r="D72" s="29">
        <v>13</v>
      </c>
    </row>
    <row r="73" spans="1:4" ht="18" customHeight="1" x14ac:dyDescent="0.2">
      <c r="A73" s="31">
        <v>56</v>
      </c>
      <c r="B73" s="27">
        <v>8</v>
      </c>
      <c r="C73" s="28">
        <v>7</v>
      </c>
      <c r="D73" s="29">
        <v>15</v>
      </c>
    </row>
    <row r="74" spans="1:4" ht="18" customHeight="1" x14ac:dyDescent="0.2">
      <c r="A74" s="31">
        <v>57</v>
      </c>
      <c r="B74" s="27">
        <v>8</v>
      </c>
      <c r="C74" s="28">
        <v>5</v>
      </c>
      <c r="D74" s="29">
        <v>13</v>
      </c>
    </row>
    <row r="75" spans="1:4" ht="18" customHeight="1" x14ac:dyDescent="0.2">
      <c r="A75" s="31">
        <v>58</v>
      </c>
      <c r="B75" s="27">
        <v>6</v>
      </c>
      <c r="C75" s="28">
        <v>8</v>
      </c>
      <c r="D75" s="29">
        <v>14</v>
      </c>
    </row>
    <row r="76" spans="1:4" ht="18" customHeight="1" x14ac:dyDescent="0.2">
      <c r="A76" s="31">
        <v>59</v>
      </c>
      <c r="B76" s="27">
        <v>5</v>
      </c>
      <c r="C76" s="28">
        <v>8</v>
      </c>
      <c r="D76" s="29">
        <v>13</v>
      </c>
    </row>
    <row r="77" spans="1:4" ht="18" customHeight="1" x14ac:dyDescent="0.2">
      <c r="A77" s="31" t="s">
        <v>60</v>
      </c>
      <c r="B77" s="27">
        <v>35</v>
      </c>
      <c r="C77" s="28">
        <v>33</v>
      </c>
      <c r="D77" s="29">
        <v>68</v>
      </c>
    </row>
    <row r="78" spans="1:4" ht="18" customHeight="1" x14ac:dyDescent="0.2">
      <c r="A78" s="31">
        <v>60</v>
      </c>
      <c r="B78" s="27">
        <v>8</v>
      </c>
      <c r="C78" s="28">
        <v>11</v>
      </c>
      <c r="D78" s="29">
        <v>19</v>
      </c>
    </row>
    <row r="79" spans="1:4" ht="18" customHeight="1" x14ac:dyDescent="0.2">
      <c r="A79" s="31">
        <v>61</v>
      </c>
      <c r="B79" s="27">
        <v>8</v>
      </c>
      <c r="C79" s="28">
        <v>7</v>
      </c>
      <c r="D79" s="29">
        <v>15</v>
      </c>
    </row>
    <row r="80" spans="1:4" ht="18" customHeight="1" x14ac:dyDescent="0.2">
      <c r="A80" s="31">
        <v>62</v>
      </c>
      <c r="B80" s="27">
        <v>8</v>
      </c>
      <c r="C80" s="28">
        <v>8</v>
      </c>
      <c r="D80" s="29">
        <v>16</v>
      </c>
    </row>
    <row r="81" spans="1:4" ht="18" customHeight="1" x14ac:dyDescent="0.2">
      <c r="A81" s="31">
        <v>63</v>
      </c>
      <c r="B81" s="27">
        <v>5</v>
      </c>
      <c r="C81" s="28">
        <v>7</v>
      </c>
      <c r="D81" s="29">
        <v>12</v>
      </c>
    </row>
    <row r="82" spans="1:4" ht="18" customHeight="1" x14ac:dyDescent="0.2">
      <c r="A82" s="31">
        <v>64</v>
      </c>
      <c r="B82" s="27">
        <v>9</v>
      </c>
      <c r="C82" s="28">
        <v>15</v>
      </c>
      <c r="D82" s="29">
        <v>24</v>
      </c>
    </row>
    <row r="83" spans="1:4" ht="18" customHeight="1" x14ac:dyDescent="0.2">
      <c r="A83" s="31" t="s">
        <v>61</v>
      </c>
      <c r="B83" s="27">
        <v>38</v>
      </c>
      <c r="C83" s="28">
        <v>48</v>
      </c>
      <c r="D83" s="29">
        <v>86</v>
      </c>
    </row>
    <row r="84" spans="1:4" ht="18" customHeight="1" x14ac:dyDescent="0.2">
      <c r="A84" s="31" t="s">
        <v>62</v>
      </c>
      <c r="B84" s="27">
        <v>310</v>
      </c>
      <c r="C84" s="28">
        <v>299</v>
      </c>
      <c r="D84" s="29">
        <v>609</v>
      </c>
    </row>
    <row r="85" spans="1:4" ht="18" customHeight="1" x14ac:dyDescent="0.2">
      <c r="A85" s="31">
        <v>65</v>
      </c>
      <c r="B85" s="27">
        <v>14</v>
      </c>
      <c r="C85" s="28">
        <v>15</v>
      </c>
      <c r="D85" s="29">
        <v>29</v>
      </c>
    </row>
    <row r="86" spans="1:4" ht="18" customHeight="1" x14ac:dyDescent="0.2">
      <c r="A86" s="31">
        <v>66</v>
      </c>
      <c r="B86" s="27">
        <v>13</v>
      </c>
      <c r="C86" s="28">
        <v>5</v>
      </c>
      <c r="D86" s="29">
        <v>18</v>
      </c>
    </row>
    <row r="87" spans="1:4" ht="18" customHeight="1" x14ac:dyDescent="0.2">
      <c r="A87" s="31">
        <v>67</v>
      </c>
      <c r="B87" s="27">
        <v>11</v>
      </c>
      <c r="C87" s="28">
        <v>7</v>
      </c>
      <c r="D87" s="29">
        <v>18</v>
      </c>
    </row>
    <row r="88" spans="1:4" ht="18" customHeight="1" x14ac:dyDescent="0.2">
      <c r="A88" s="31">
        <v>68</v>
      </c>
      <c r="B88" s="27">
        <v>12</v>
      </c>
      <c r="C88" s="28">
        <v>13</v>
      </c>
      <c r="D88" s="29">
        <v>25</v>
      </c>
    </row>
    <row r="89" spans="1:4" ht="18" customHeight="1" x14ac:dyDescent="0.2">
      <c r="A89" s="31">
        <v>69</v>
      </c>
      <c r="B89" s="27">
        <v>10</v>
      </c>
      <c r="C89" s="28">
        <v>14</v>
      </c>
      <c r="D89" s="29">
        <v>24</v>
      </c>
    </row>
    <row r="90" spans="1:4" ht="18" customHeight="1" x14ac:dyDescent="0.2">
      <c r="A90" s="31" t="s">
        <v>63</v>
      </c>
      <c r="B90" s="27">
        <v>60</v>
      </c>
      <c r="C90" s="28">
        <v>54</v>
      </c>
      <c r="D90" s="29">
        <v>114</v>
      </c>
    </row>
    <row r="91" spans="1:4" ht="18" customHeight="1" x14ac:dyDescent="0.2">
      <c r="A91" s="31">
        <v>70</v>
      </c>
      <c r="B91" s="27">
        <v>12</v>
      </c>
      <c r="C91" s="28">
        <v>15</v>
      </c>
      <c r="D91" s="29">
        <v>27</v>
      </c>
    </row>
    <row r="92" spans="1:4" ht="18" customHeight="1" x14ac:dyDescent="0.2">
      <c r="A92" s="31">
        <v>71</v>
      </c>
      <c r="B92" s="27">
        <v>11</v>
      </c>
      <c r="C92" s="28">
        <v>15</v>
      </c>
      <c r="D92" s="29">
        <v>26</v>
      </c>
    </row>
    <row r="93" spans="1:4" ht="18" customHeight="1" x14ac:dyDescent="0.2">
      <c r="A93" s="31">
        <v>72</v>
      </c>
      <c r="B93" s="27">
        <v>13</v>
      </c>
      <c r="C93" s="28">
        <v>24</v>
      </c>
      <c r="D93" s="29">
        <v>37</v>
      </c>
    </row>
    <row r="94" spans="1:4" ht="18" customHeight="1" x14ac:dyDescent="0.2">
      <c r="A94" s="31">
        <v>73</v>
      </c>
      <c r="B94" s="27">
        <v>13</v>
      </c>
      <c r="C94" s="28">
        <v>11</v>
      </c>
      <c r="D94" s="29">
        <v>24</v>
      </c>
    </row>
    <row r="95" spans="1:4" ht="18" customHeight="1" x14ac:dyDescent="0.2">
      <c r="A95" s="31">
        <v>74</v>
      </c>
      <c r="B95" s="27">
        <v>9</v>
      </c>
      <c r="C95" s="28">
        <v>5</v>
      </c>
      <c r="D95" s="29">
        <v>14</v>
      </c>
    </row>
    <row r="96" spans="1:4" ht="18" customHeight="1" x14ac:dyDescent="0.2">
      <c r="A96" s="31" t="s">
        <v>64</v>
      </c>
      <c r="B96" s="27">
        <v>58</v>
      </c>
      <c r="C96" s="28">
        <v>70</v>
      </c>
      <c r="D96" s="29">
        <v>128</v>
      </c>
    </row>
    <row r="97" spans="1:4" ht="18" customHeight="1" x14ac:dyDescent="0.2">
      <c r="A97" s="31">
        <v>75</v>
      </c>
      <c r="B97" s="27">
        <v>16</v>
      </c>
      <c r="C97" s="28">
        <v>14</v>
      </c>
      <c r="D97" s="29">
        <v>30</v>
      </c>
    </row>
    <row r="98" spans="1:4" ht="18" customHeight="1" x14ac:dyDescent="0.2">
      <c r="A98" s="31">
        <v>76</v>
      </c>
      <c r="B98" s="27">
        <v>5</v>
      </c>
      <c r="C98" s="28">
        <v>12</v>
      </c>
      <c r="D98" s="29">
        <v>17</v>
      </c>
    </row>
    <row r="99" spans="1:4" ht="18" customHeight="1" x14ac:dyDescent="0.2">
      <c r="A99" s="31">
        <v>77</v>
      </c>
      <c r="B99" s="27">
        <v>12</v>
      </c>
      <c r="C99" s="28">
        <v>12</v>
      </c>
      <c r="D99" s="29">
        <v>24</v>
      </c>
    </row>
    <row r="100" spans="1:4" ht="18" customHeight="1" x14ac:dyDescent="0.2">
      <c r="A100" s="31">
        <v>78</v>
      </c>
      <c r="B100" s="27">
        <v>11</v>
      </c>
      <c r="C100" s="28">
        <v>11</v>
      </c>
      <c r="D100" s="29">
        <v>22</v>
      </c>
    </row>
    <row r="101" spans="1:4" ht="18" customHeight="1" x14ac:dyDescent="0.2">
      <c r="A101" s="31">
        <v>79</v>
      </c>
      <c r="B101" s="27">
        <v>8</v>
      </c>
      <c r="C101" s="28">
        <v>10</v>
      </c>
      <c r="D101" s="29">
        <v>18</v>
      </c>
    </row>
    <row r="102" spans="1:4" ht="18" customHeight="1" x14ac:dyDescent="0.2">
      <c r="A102" s="31" t="s">
        <v>65</v>
      </c>
      <c r="B102" s="27">
        <v>52</v>
      </c>
      <c r="C102" s="28">
        <v>59</v>
      </c>
      <c r="D102" s="29">
        <v>111</v>
      </c>
    </row>
    <row r="103" spans="1:4" ht="18" customHeight="1" x14ac:dyDescent="0.2">
      <c r="A103" s="31">
        <v>80</v>
      </c>
      <c r="B103" s="27">
        <v>5</v>
      </c>
      <c r="C103" s="28">
        <v>8</v>
      </c>
      <c r="D103" s="29">
        <v>13</v>
      </c>
    </row>
    <row r="104" spans="1:4" ht="18" customHeight="1" x14ac:dyDescent="0.2">
      <c r="A104" s="31">
        <v>81</v>
      </c>
      <c r="B104" s="27">
        <v>6</v>
      </c>
      <c r="C104" s="28">
        <v>15</v>
      </c>
      <c r="D104" s="29">
        <v>21</v>
      </c>
    </row>
    <row r="105" spans="1:4" ht="18" customHeight="1" x14ac:dyDescent="0.2">
      <c r="A105" s="31">
        <v>82</v>
      </c>
      <c r="B105" s="27">
        <v>4</v>
      </c>
      <c r="C105" s="28">
        <v>6</v>
      </c>
      <c r="D105" s="29">
        <v>10</v>
      </c>
    </row>
    <row r="106" spans="1:4" ht="18" customHeight="1" x14ac:dyDescent="0.2">
      <c r="A106" s="31">
        <v>83</v>
      </c>
      <c r="B106" s="27">
        <v>9</v>
      </c>
      <c r="C106" s="28">
        <v>6</v>
      </c>
      <c r="D106" s="29">
        <v>15</v>
      </c>
    </row>
    <row r="107" spans="1:4" ht="18" customHeight="1" x14ac:dyDescent="0.2">
      <c r="A107" s="31">
        <v>84</v>
      </c>
      <c r="B107" s="27">
        <v>5</v>
      </c>
      <c r="C107" s="28">
        <v>7</v>
      </c>
      <c r="D107" s="29">
        <v>12</v>
      </c>
    </row>
    <row r="108" spans="1:4" ht="18" customHeight="1" x14ac:dyDescent="0.2">
      <c r="A108" s="31" t="s">
        <v>66</v>
      </c>
      <c r="B108" s="27">
        <v>29</v>
      </c>
      <c r="C108" s="28">
        <v>42</v>
      </c>
      <c r="D108" s="29">
        <v>71</v>
      </c>
    </row>
    <row r="109" spans="1:4" ht="18" customHeight="1" x14ac:dyDescent="0.2">
      <c r="A109" s="31">
        <v>85</v>
      </c>
      <c r="B109" s="27">
        <v>5</v>
      </c>
      <c r="C109" s="28">
        <v>8</v>
      </c>
      <c r="D109" s="29">
        <v>13</v>
      </c>
    </row>
    <row r="110" spans="1:4" ht="18" customHeight="1" x14ac:dyDescent="0.2">
      <c r="A110" s="31">
        <v>86</v>
      </c>
      <c r="B110" s="27">
        <v>6</v>
      </c>
      <c r="C110" s="28">
        <v>10</v>
      </c>
      <c r="D110" s="29">
        <v>16</v>
      </c>
    </row>
    <row r="111" spans="1:4" ht="18" customHeight="1" x14ac:dyDescent="0.2">
      <c r="A111" s="31">
        <v>87</v>
      </c>
      <c r="B111" s="27">
        <v>5</v>
      </c>
      <c r="C111" s="28">
        <v>15</v>
      </c>
      <c r="D111" s="29">
        <v>20</v>
      </c>
    </row>
    <row r="112" spans="1:4" ht="18" customHeight="1" x14ac:dyDescent="0.2">
      <c r="A112" s="31">
        <v>88</v>
      </c>
      <c r="B112" s="27">
        <v>1</v>
      </c>
      <c r="C112" s="28">
        <v>10</v>
      </c>
      <c r="D112" s="29">
        <v>11</v>
      </c>
    </row>
    <row r="113" spans="1:4" ht="18" customHeight="1" x14ac:dyDescent="0.2">
      <c r="A113" s="31">
        <v>89</v>
      </c>
      <c r="B113" s="27">
        <v>3</v>
      </c>
      <c r="C113" s="28">
        <v>5</v>
      </c>
      <c r="D113" s="29">
        <v>8</v>
      </c>
    </row>
    <row r="114" spans="1:4" ht="18" customHeight="1" x14ac:dyDescent="0.2">
      <c r="A114" s="31" t="s">
        <v>67</v>
      </c>
      <c r="B114" s="27">
        <v>20</v>
      </c>
      <c r="C114" s="28">
        <v>48</v>
      </c>
      <c r="D114" s="29">
        <v>68</v>
      </c>
    </row>
    <row r="115" spans="1:4" ht="18" customHeight="1" x14ac:dyDescent="0.2">
      <c r="A115" s="31">
        <v>90</v>
      </c>
      <c r="B115" s="27">
        <v>4</v>
      </c>
      <c r="C115" s="28">
        <v>11</v>
      </c>
      <c r="D115" s="29">
        <v>15</v>
      </c>
    </row>
    <row r="116" spans="1:4" ht="18" customHeight="1" x14ac:dyDescent="0.2">
      <c r="A116" s="31">
        <v>91</v>
      </c>
      <c r="B116" s="27">
        <v>0</v>
      </c>
      <c r="C116" s="28">
        <v>4</v>
      </c>
      <c r="D116" s="29">
        <v>4</v>
      </c>
    </row>
    <row r="117" spans="1:4" ht="18" customHeight="1" x14ac:dyDescent="0.2">
      <c r="A117" s="31">
        <v>92</v>
      </c>
      <c r="B117" s="27">
        <v>2</v>
      </c>
      <c r="C117" s="28">
        <v>1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3</v>
      </c>
      <c r="C119" s="28">
        <v>2</v>
      </c>
      <c r="D119" s="29">
        <v>5</v>
      </c>
    </row>
    <row r="120" spans="1:4" ht="18" customHeight="1" x14ac:dyDescent="0.2">
      <c r="A120" s="31" t="s">
        <v>68</v>
      </c>
      <c r="B120" s="27">
        <v>10</v>
      </c>
      <c r="C120" s="28">
        <v>19</v>
      </c>
      <c r="D120" s="29">
        <v>29</v>
      </c>
    </row>
    <row r="121" spans="1:4" ht="18" customHeight="1" x14ac:dyDescent="0.2">
      <c r="A121" s="31">
        <v>95</v>
      </c>
      <c r="B121" s="27">
        <v>1</v>
      </c>
      <c r="C121" s="28">
        <v>8</v>
      </c>
      <c r="D121" s="29">
        <v>9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4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30</v>
      </c>
      <c r="C130" s="5">
        <v>308</v>
      </c>
      <c r="D130" s="6">
        <v>538</v>
      </c>
    </row>
    <row r="131" spans="1:4" ht="18" customHeight="1" x14ac:dyDescent="0.2">
      <c r="A131" s="33" t="s">
        <v>47</v>
      </c>
      <c r="B131" s="7">
        <v>599</v>
      </c>
      <c r="C131" s="8">
        <v>648</v>
      </c>
      <c r="D131" s="9">
        <v>124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1:48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